
<file path=[Content_Types].xml><?xml version="1.0" encoding="utf-8"?>
<Types xmlns="http://schemas.openxmlformats.org/package/2006/content-types">
  <Default Extension="bin" ContentType="image/png"/>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heme/theme2.xml" ContentType="application/vnd.openxmlformats-officedocument.theme+xml"/>
  <Override PartName="/ppt/tags/tag29.xml" ContentType="application/vnd.openxmlformats-officedocument.presentationml.tags+xml"/>
  <Override PartName="/ppt/notesSlides/notesSlide1.xml" ContentType="application/vnd.openxmlformats-officedocument.presentationml.notesSlide+xml"/>
  <Override PartName="/ppt/tags/tag30.xml" ContentType="application/vnd.openxmlformats-officedocument.presentationml.tags+xml"/>
  <Override PartName="/ppt/notesSlides/notesSlide2.xml" ContentType="application/vnd.openxmlformats-officedocument.presentationml.notesSlide+xml"/>
  <Override PartName="/ppt/tags/tag31.xml" ContentType="application/vnd.openxmlformats-officedocument.presentationml.tags+xml"/>
  <Override PartName="/ppt/notesSlides/notesSlide3.xml" ContentType="application/vnd.openxmlformats-officedocument.presentationml.notesSlide+xml"/>
  <Override PartName="/ppt/tags/tag3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33.xml" ContentType="application/vnd.openxmlformats-officedocument.presentationml.tags+xml"/>
  <Override PartName="/ppt/notesSlides/notesSlide6.xml" ContentType="application/vnd.openxmlformats-officedocument.presentationml.notesSlide+xml"/>
  <Override PartName="/ppt/tags/tag34.xml" ContentType="application/vnd.openxmlformats-officedocument.presentationml.tags+xml"/>
  <Override PartName="/ppt/notesSlides/notesSlide7.xml" ContentType="application/vnd.openxmlformats-officedocument.presentationml.notesSlide+xml"/>
  <Override PartName="/ppt/tags/tag35.xml" ContentType="application/vnd.openxmlformats-officedocument.presentationml.tags+xml"/>
  <Override PartName="/ppt/tags/tag36.xml" ContentType="application/vnd.openxmlformats-officedocument.presentationml.tags+xml"/>
  <Override PartName="/ppt/notesSlides/notesSlide8.xml" ContentType="application/vnd.openxmlformats-officedocument.presentationml.notesSlide+xml"/>
  <Override PartName="/ppt/tags/tag37.xml" ContentType="application/vnd.openxmlformats-officedocument.presentationml.tags+xml"/>
  <Override PartName="/ppt/notesSlides/notesSlide9.xml" ContentType="application/vnd.openxmlformats-officedocument.presentationml.notesSlide+xml"/>
  <Override PartName="/ppt/tags/tag38.xml" ContentType="application/vnd.openxmlformats-officedocument.presentationml.tags+xml"/>
  <Override PartName="/ppt/notesSlides/notesSlide10.xml" ContentType="application/vnd.openxmlformats-officedocument.presentationml.notesSlide+xml"/>
  <Override PartName="/ppt/tags/tag39.xml" ContentType="application/vnd.openxmlformats-officedocument.presentationml.tags+xml"/>
  <Override PartName="/ppt/notesSlides/notesSlide11.xml" ContentType="application/vnd.openxmlformats-officedocument.presentationml.notesSlide+xml"/>
  <Override PartName="/ppt/tags/tag40.xml" ContentType="application/vnd.openxmlformats-officedocument.presentationml.tags+xml"/>
  <Override PartName="/ppt/notesSlides/notesSlide12.xml" ContentType="application/vnd.openxmlformats-officedocument.presentationml.notesSlide+xml"/>
  <Override PartName="/ppt/tags/tag41.xml" ContentType="application/vnd.openxmlformats-officedocument.presentationml.tags+xml"/>
  <Override PartName="/ppt/notesSlides/notesSlide13.xml" ContentType="application/vnd.openxmlformats-officedocument.presentationml.notesSlide+xml"/>
  <Override PartName="/ppt/tags/tag42.xml" ContentType="application/vnd.openxmlformats-officedocument.presentationml.tags+xml"/>
  <Override PartName="/ppt/notesSlides/notesSlide14.xml" ContentType="application/vnd.openxmlformats-officedocument.presentationml.notesSlide+xml"/>
  <Override PartName="/ppt/tags/tag43.xml" ContentType="application/vnd.openxmlformats-officedocument.presentationml.tags+xml"/>
  <Override PartName="/ppt/notesSlides/notesSlide15.xml" ContentType="application/vnd.openxmlformats-officedocument.presentationml.notesSlide+xml"/>
  <Override PartName="/ppt/tags/tag44.xml" ContentType="application/vnd.openxmlformats-officedocument.presentationml.tags+xml"/>
  <Override PartName="/ppt/notesSlides/notesSlide16.xml" ContentType="application/vnd.openxmlformats-officedocument.presentationml.notesSlide+xml"/>
  <Override PartName="/ppt/tags/tag45.xml" ContentType="application/vnd.openxmlformats-officedocument.presentationml.tags+xml"/>
  <Override PartName="/ppt/notesSlides/notesSlide17.xml" ContentType="application/vnd.openxmlformats-officedocument.presentationml.notesSlide+xml"/>
  <Override PartName="/ppt/tags/tag46.xml" ContentType="application/vnd.openxmlformats-officedocument.presentationml.tags+xml"/>
  <Override PartName="/ppt/notesSlides/notesSlide18.xml" ContentType="application/vnd.openxmlformats-officedocument.presentationml.notesSlide+xml"/>
  <Override PartName="/ppt/tags/tag47.xml" ContentType="application/vnd.openxmlformats-officedocument.presentationml.tags+xml"/>
  <Override PartName="/ppt/notesSlides/notesSlide19.xml" ContentType="application/vnd.openxmlformats-officedocument.presentationml.notesSlide+xml"/>
  <Override PartName="/ppt/tags/tag48.xml" ContentType="application/vnd.openxmlformats-officedocument.presentationml.tags+xml"/>
  <Override PartName="/ppt/notesSlides/notesSlide20.xml" ContentType="application/vnd.openxmlformats-officedocument.presentationml.notesSlide+xml"/>
  <Override PartName="/ppt/tags/tag49.xml" ContentType="application/vnd.openxmlformats-officedocument.presentationml.tags+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44"/>
  </p:notesMasterIdLst>
  <p:sldIdLst>
    <p:sldId id="256" r:id="rId2"/>
    <p:sldId id="262" r:id="rId3"/>
    <p:sldId id="263" r:id="rId4"/>
    <p:sldId id="264" r:id="rId5"/>
    <p:sldId id="265" r:id="rId6"/>
    <p:sldId id="266" r:id="rId7"/>
    <p:sldId id="267" r:id="rId8"/>
    <p:sldId id="268" r:id="rId9"/>
    <p:sldId id="297" r:id="rId10"/>
    <p:sldId id="272" r:id="rId11"/>
    <p:sldId id="298" r:id="rId12"/>
    <p:sldId id="273" r:id="rId13"/>
    <p:sldId id="274" r:id="rId14"/>
    <p:sldId id="275" r:id="rId15"/>
    <p:sldId id="259" r:id="rId16"/>
    <p:sldId id="276" r:id="rId17"/>
    <p:sldId id="278" r:id="rId18"/>
    <p:sldId id="277" r:id="rId19"/>
    <p:sldId id="279" r:id="rId20"/>
    <p:sldId id="261" r:id="rId21"/>
    <p:sldId id="284" r:id="rId22"/>
    <p:sldId id="299" r:id="rId23"/>
    <p:sldId id="300" r:id="rId24"/>
    <p:sldId id="281" r:id="rId25"/>
    <p:sldId id="289" r:id="rId26"/>
    <p:sldId id="288" r:id="rId27"/>
    <p:sldId id="282" r:id="rId28"/>
    <p:sldId id="301" r:id="rId29"/>
    <p:sldId id="290" r:id="rId30"/>
    <p:sldId id="291" r:id="rId31"/>
    <p:sldId id="292" r:id="rId32"/>
    <p:sldId id="293" r:id="rId33"/>
    <p:sldId id="283" r:id="rId34"/>
    <p:sldId id="294" r:id="rId35"/>
    <p:sldId id="302" r:id="rId36"/>
    <p:sldId id="280" r:id="rId37"/>
    <p:sldId id="257" r:id="rId38"/>
    <p:sldId id="304" r:id="rId39"/>
    <p:sldId id="306" r:id="rId40"/>
    <p:sldId id="303" r:id="rId41"/>
    <p:sldId id="307" r:id="rId42"/>
    <p:sldId id="296" r:id="rId4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B36617D-CEC0-4258-B5EC-1AF91E651E77}" v="4463" dt="2023-10-05T09:11:56.04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86" autoAdjust="0"/>
    <p:restoredTop sz="91017" autoAdjust="0"/>
  </p:normalViewPr>
  <p:slideViewPr>
    <p:cSldViewPr snapToGrid="0">
      <p:cViewPr varScale="1">
        <p:scale>
          <a:sx n="86" d="100"/>
          <a:sy n="86" d="100"/>
        </p:scale>
        <p:origin x="571" y="58"/>
      </p:cViewPr>
      <p:guideLst/>
    </p:cSldViewPr>
  </p:slid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theme" Target="theme/theme1.xml"/><Relationship Id="rId50" Type="http://schemas.microsoft.com/office/2015/10/relationships/revisionInfo" Target="revisionInfo.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microsoft.com/office/2016/11/relationships/changesInfo" Target="changesInfos/changesInfo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tableStyles" Target="tableStyles.xml"/><Relationship Id="rId8" Type="http://schemas.openxmlformats.org/officeDocument/2006/relationships/slide" Target="slides/slide7.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Roger Cai" userId="22586480-35c0-4c25-95bc-8c24c0c5dcbb" providerId="ADAL" clId="{1B36617D-CEC0-4258-B5EC-1AF91E651E77}"/>
    <pc:docChg chg="undo redo custSel addSld delSld modSld sldOrd addMainMaster delMainMaster modMainMaster">
      <pc:chgData name="Roger Cai" userId="22586480-35c0-4c25-95bc-8c24c0c5dcbb" providerId="ADAL" clId="{1B36617D-CEC0-4258-B5EC-1AF91E651E77}" dt="2023-10-05T17:26:51.683" v="13029" actId="478"/>
      <pc:docMkLst>
        <pc:docMk/>
      </pc:docMkLst>
      <pc:sldChg chg="addSp delSp modSp mod setBg">
        <pc:chgData name="Roger Cai" userId="22586480-35c0-4c25-95bc-8c24c0c5dcbb" providerId="ADAL" clId="{1B36617D-CEC0-4258-B5EC-1AF91E651E77}" dt="2023-10-01T16:07:04.948" v="6787" actId="14100"/>
        <pc:sldMkLst>
          <pc:docMk/>
          <pc:sldMk cId="2618330774" sldId="256"/>
        </pc:sldMkLst>
        <pc:spChg chg="del">
          <ac:chgData name="Roger Cai" userId="22586480-35c0-4c25-95bc-8c24c0c5dcbb" providerId="ADAL" clId="{1B36617D-CEC0-4258-B5EC-1AF91E651E77}" dt="2023-09-15T17:24:00.001" v="0" actId="478"/>
          <ac:spMkLst>
            <pc:docMk/>
            <pc:sldMk cId="2618330774" sldId="256"/>
            <ac:spMk id="2" creationId="{145DBC6C-AF08-CE82-E389-6C727204D8EA}"/>
          </ac:spMkLst>
        </pc:spChg>
        <pc:spChg chg="del">
          <ac:chgData name="Roger Cai" userId="22586480-35c0-4c25-95bc-8c24c0c5dcbb" providerId="ADAL" clId="{1B36617D-CEC0-4258-B5EC-1AF91E651E77}" dt="2023-09-15T17:24:02.771" v="1" actId="478"/>
          <ac:spMkLst>
            <pc:docMk/>
            <pc:sldMk cId="2618330774" sldId="256"/>
            <ac:spMk id="3" creationId="{7539A0D4-840D-5019-99F6-4D365115CCB7}"/>
          </ac:spMkLst>
        </pc:spChg>
        <pc:spChg chg="add mod">
          <ac:chgData name="Roger Cai" userId="22586480-35c0-4c25-95bc-8c24c0c5dcbb" providerId="ADAL" clId="{1B36617D-CEC0-4258-B5EC-1AF91E651E77}" dt="2023-10-01T11:26:45.273" v="964" actId="1076"/>
          <ac:spMkLst>
            <pc:docMk/>
            <pc:sldMk cId="2618330774" sldId="256"/>
            <ac:spMk id="4" creationId="{8EC15A9B-5671-4AC6-C414-1ED175362C42}"/>
          </ac:spMkLst>
        </pc:spChg>
        <pc:spChg chg="add mod">
          <ac:chgData name="Roger Cai" userId="22586480-35c0-4c25-95bc-8c24c0c5dcbb" providerId="ADAL" clId="{1B36617D-CEC0-4258-B5EC-1AF91E651E77}" dt="2023-10-01T16:07:04.948" v="6787" actId="14100"/>
          <ac:spMkLst>
            <pc:docMk/>
            <pc:sldMk cId="2618330774" sldId="256"/>
            <ac:spMk id="5" creationId="{76A622F3-1BE2-1D31-969F-07B5CD742B53}"/>
          </ac:spMkLst>
        </pc:spChg>
        <pc:spChg chg="add del mod">
          <ac:chgData name="Roger Cai" userId="22586480-35c0-4c25-95bc-8c24c0c5dcbb" providerId="ADAL" clId="{1B36617D-CEC0-4258-B5EC-1AF91E651E77}" dt="2023-10-01T11:10:58.944" v="619"/>
          <ac:spMkLst>
            <pc:docMk/>
            <pc:sldMk cId="2618330774" sldId="256"/>
            <ac:spMk id="6" creationId="{EB8E6D83-BF10-B81F-5182-1FC798988F89}"/>
          </ac:spMkLst>
        </pc:spChg>
        <pc:spChg chg="add mod">
          <ac:chgData name="Roger Cai" userId="22586480-35c0-4c25-95bc-8c24c0c5dcbb" providerId="ADAL" clId="{1B36617D-CEC0-4258-B5EC-1AF91E651E77}" dt="2023-10-01T11:34:54.871" v="1046" actId="33524"/>
          <ac:spMkLst>
            <pc:docMk/>
            <pc:sldMk cId="2618330774" sldId="256"/>
            <ac:spMk id="7" creationId="{6F80F1AE-B5A1-3931-A58C-82B1132B325F}"/>
          </ac:spMkLst>
        </pc:spChg>
        <pc:spChg chg="add">
          <ac:chgData name="Roger Cai" userId="22586480-35c0-4c25-95bc-8c24c0c5dcbb" providerId="ADAL" clId="{1B36617D-CEC0-4258-B5EC-1AF91E651E77}" dt="2023-10-01T11:06:55.653" v="484" actId="26606"/>
          <ac:spMkLst>
            <pc:docMk/>
            <pc:sldMk cId="2618330774" sldId="256"/>
            <ac:spMk id="12" creationId="{8870DEF6-46A2-D4F8-8BE6-91165D93ECC4}"/>
          </ac:spMkLst>
        </pc:spChg>
        <pc:picChg chg="add del mod ord replST modCrop">
          <ac:chgData name="Roger Cai" userId="22586480-35c0-4c25-95bc-8c24c0c5dcbb" providerId="ADAL" clId="{1B36617D-CEC0-4258-B5EC-1AF91E651E77}" dt="2023-10-01T11:01:20.675" v="483" actId="478"/>
          <ac:picMkLst>
            <pc:docMk/>
            <pc:sldMk cId="2618330774" sldId="256"/>
            <ac:picMk id="3" creationId="{F2A5C725-A68A-CA5F-7CCA-C5B75A57A841}"/>
          </ac:picMkLst>
        </pc:picChg>
        <pc:picChg chg="add">
          <ac:chgData name="Roger Cai" userId="22586480-35c0-4c25-95bc-8c24c0c5dcbb" providerId="ADAL" clId="{1B36617D-CEC0-4258-B5EC-1AF91E651E77}" dt="2023-10-01T11:06:55.653" v="484" actId="26606"/>
          <ac:picMkLst>
            <pc:docMk/>
            <pc:sldMk cId="2618330774" sldId="256"/>
            <ac:picMk id="8" creationId="{26F3D6AE-087F-3C73-C199-207FB89FE3B2}"/>
          </ac:picMkLst>
        </pc:picChg>
        <pc:picChg chg="add mod modCrop">
          <ac:chgData name="Roger Cai" userId="22586480-35c0-4c25-95bc-8c24c0c5dcbb" providerId="ADAL" clId="{1B36617D-CEC0-4258-B5EC-1AF91E651E77}" dt="2023-10-01T11:33:42.523" v="1039" actId="1076"/>
          <ac:picMkLst>
            <pc:docMk/>
            <pc:sldMk cId="2618330774" sldId="256"/>
            <ac:picMk id="10" creationId="{A913EB8F-789A-65CB-41D2-7586612D59CE}"/>
          </ac:picMkLst>
        </pc:picChg>
        <pc:picChg chg="add del mod">
          <ac:chgData name="Roger Cai" userId="22586480-35c0-4c25-95bc-8c24c0c5dcbb" providerId="ADAL" clId="{1B36617D-CEC0-4258-B5EC-1AF91E651E77}" dt="2023-10-01T11:32:06.593" v="993" actId="478"/>
          <ac:picMkLst>
            <pc:docMk/>
            <pc:sldMk cId="2618330774" sldId="256"/>
            <ac:picMk id="13" creationId="{B960E155-1FFE-77EE-1B41-1401F888A031}"/>
          </ac:picMkLst>
        </pc:picChg>
        <pc:picChg chg="add mod modCrop">
          <ac:chgData name="Roger Cai" userId="22586480-35c0-4c25-95bc-8c24c0c5dcbb" providerId="ADAL" clId="{1B36617D-CEC0-4258-B5EC-1AF91E651E77}" dt="2023-10-01T11:33:39.599" v="1038" actId="1076"/>
          <ac:picMkLst>
            <pc:docMk/>
            <pc:sldMk cId="2618330774" sldId="256"/>
            <ac:picMk id="16" creationId="{C57F68DC-7776-32C7-1630-9964746E9BC4}"/>
          </ac:picMkLst>
        </pc:picChg>
        <pc:cxnChg chg="add">
          <ac:chgData name="Roger Cai" userId="22586480-35c0-4c25-95bc-8c24c0c5dcbb" providerId="ADAL" clId="{1B36617D-CEC0-4258-B5EC-1AF91E651E77}" dt="2023-10-01T11:06:55.653" v="484" actId="26606"/>
          <ac:cxnSpMkLst>
            <pc:docMk/>
            <pc:sldMk cId="2618330774" sldId="256"/>
            <ac:cxnSpMk id="14" creationId="{8748256A-88AC-4254-406B-0E8EE2CC2B50}"/>
          </ac:cxnSpMkLst>
        </pc:cxnChg>
      </pc:sldChg>
      <pc:sldChg chg="addSp delSp modSp new mod setBg">
        <pc:chgData name="Roger Cai" userId="22586480-35c0-4c25-95bc-8c24c0c5dcbb" providerId="ADAL" clId="{1B36617D-CEC0-4258-B5EC-1AF91E651E77}" dt="2023-10-04T22:53:21.326" v="12497" actId="1076"/>
        <pc:sldMkLst>
          <pc:docMk/>
          <pc:sldMk cId="2000147016" sldId="257"/>
        </pc:sldMkLst>
        <pc:spChg chg="del mod">
          <ac:chgData name="Roger Cai" userId="22586480-35c0-4c25-95bc-8c24c0c5dcbb" providerId="ADAL" clId="{1B36617D-CEC0-4258-B5EC-1AF91E651E77}" dt="2023-10-04T12:54:37.093" v="11767" actId="478"/>
          <ac:spMkLst>
            <pc:docMk/>
            <pc:sldMk cId="2000147016" sldId="257"/>
            <ac:spMk id="2" creationId="{54BC9FC6-E6C7-9F68-E97F-A0EC63AF08CF}"/>
          </ac:spMkLst>
        </pc:spChg>
        <pc:spChg chg="del">
          <ac:chgData name="Roger Cai" userId="22586480-35c0-4c25-95bc-8c24c0c5dcbb" providerId="ADAL" clId="{1B36617D-CEC0-4258-B5EC-1AF91E651E77}" dt="2023-10-04T12:54:42.070" v="11769" actId="478"/>
          <ac:spMkLst>
            <pc:docMk/>
            <pc:sldMk cId="2000147016" sldId="257"/>
            <ac:spMk id="3" creationId="{A387BDF0-3F90-3558-852D-7F9F9DBDC2FF}"/>
          </ac:spMkLst>
        </pc:spChg>
        <pc:spChg chg="add del mod">
          <ac:chgData name="Roger Cai" userId="22586480-35c0-4c25-95bc-8c24c0c5dcbb" providerId="ADAL" clId="{1B36617D-CEC0-4258-B5EC-1AF91E651E77}" dt="2023-10-04T12:54:40.260" v="11768" actId="478"/>
          <ac:spMkLst>
            <pc:docMk/>
            <pc:sldMk cId="2000147016" sldId="257"/>
            <ac:spMk id="5" creationId="{C8350EEA-5AFD-3FE4-0AF6-9F63F800E552}"/>
          </ac:spMkLst>
        </pc:spChg>
        <pc:spChg chg="add del mod">
          <ac:chgData name="Roger Cai" userId="22586480-35c0-4c25-95bc-8c24c0c5dcbb" providerId="ADAL" clId="{1B36617D-CEC0-4258-B5EC-1AF91E651E77}" dt="2023-10-04T22:50:32.957" v="12482" actId="478"/>
          <ac:spMkLst>
            <pc:docMk/>
            <pc:sldMk cId="2000147016" sldId="257"/>
            <ac:spMk id="7" creationId="{11651B7D-A979-7B97-C96C-F7F6E734041D}"/>
          </ac:spMkLst>
        </pc:spChg>
        <pc:spChg chg="add">
          <ac:chgData name="Roger Cai" userId="22586480-35c0-4c25-95bc-8c24c0c5dcbb" providerId="ADAL" clId="{1B36617D-CEC0-4258-B5EC-1AF91E651E77}" dt="2023-10-04T12:54:45.414" v="11772" actId="26606"/>
          <ac:spMkLst>
            <pc:docMk/>
            <pc:sldMk cId="2000147016" sldId="257"/>
            <ac:spMk id="11" creationId="{F3060C83-F051-4F0E-ABAD-AA0DFC48B218}"/>
          </ac:spMkLst>
        </pc:spChg>
        <pc:spChg chg="add">
          <ac:chgData name="Roger Cai" userId="22586480-35c0-4c25-95bc-8c24c0c5dcbb" providerId="ADAL" clId="{1B36617D-CEC0-4258-B5EC-1AF91E651E77}" dt="2023-10-04T12:54:45.414" v="11772" actId="26606"/>
          <ac:spMkLst>
            <pc:docMk/>
            <pc:sldMk cId="2000147016" sldId="257"/>
            <ac:spMk id="13" creationId="{83C98ABE-055B-441F-B07E-44F97F083C39}"/>
          </ac:spMkLst>
        </pc:spChg>
        <pc:spChg chg="add">
          <ac:chgData name="Roger Cai" userId="22586480-35c0-4c25-95bc-8c24c0c5dcbb" providerId="ADAL" clId="{1B36617D-CEC0-4258-B5EC-1AF91E651E77}" dt="2023-10-04T12:54:45.414" v="11772" actId="26606"/>
          <ac:spMkLst>
            <pc:docMk/>
            <pc:sldMk cId="2000147016" sldId="257"/>
            <ac:spMk id="15" creationId="{29FDB030-9B49-4CED-8CCD-4D99382388AC}"/>
          </ac:spMkLst>
        </pc:spChg>
        <pc:spChg chg="add">
          <ac:chgData name="Roger Cai" userId="22586480-35c0-4c25-95bc-8c24c0c5dcbb" providerId="ADAL" clId="{1B36617D-CEC0-4258-B5EC-1AF91E651E77}" dt="2023-10-04T12:54:45.414" v="11772" actId="26606"/>
          <ac:spMkLst>
            <pc:docMk/>
            <pc:sldMk cId="2000147016" sldId="257"/>
            <ac:spMk id="17" creationId="{3783CA14-24A1-485C-8B30-D6A5D87987AD}"/>
          </ac:spMkLst>
        </pc:spChg>
        <pc:spChg chg="add">
          <ac:chgData name="Roger Cai" userId="22586480-35c0-4c25-95bc-8c24c0c5dcbb" providerId="ADAL" clId="{1B36617D-CEC0-4258-B5EC-1AF91E651E77}" dt="2023-10-04T12:54:45.414" v="11772" actId="26606"/>
          <ac:spMkLst>
            <pc:docMk/>
            <pc:sldMk cId="2000147016" sldId="257"/>
            <ac:spMk id="19" creationId="{9A97C86A-04D6-40F7-AE84-31AB43E6A846}"/>
          </ac:spMkLst>
        </pc:spChg>
        <pc:spChg chg="add">
          <ac:chgData name="Roger Cai" userId="22586480-35c0-4c25-95bc-8c24c0c5dcbb" providerId="ADAL" clId="{1B36617D-CEC0-4258-B5EC-1AF91E651E77}" dt="2023-10-04T12:54:45.414" v="11772" actId="26606"/>
          <ac:spMkLst>
            <pc:docMk/>
            <pc:sldMk cId="2000147016" sldId="257"/>
            <ac:spMk id="21" creationId="{FF9F2414-84E8-453E-B1F3-389FDE8192D9}"/>
          </ac:spMkLst>
        </pc:spChg>
        <pc:spChg chg="add">
          <ac:chgData name="Roger Cai" userId="22586480-35c0-4c25-95bc-8c24c0c5dcbb" providerId="ADAL" clId="{1B36617D-CEC0-4258-B5EC-1AF91E651E77}" dt="2023-10-04T12:54:45.414" v="11772" actId="26606"/>
          <ac:spMkLst>
            <pc:docMk/>
            <pc:sldMk cId="2000147016" sldId="257"/>
            <ac:spMk id="23" creationId="{3ECA69A1-7536-43AC-85EF-C7106179F5ED}"/>
          </ac:spMkLst>
        </pc:spChg>
        <pc:picChg chg="add mod">
          <ac:chgData name="Roger Cai" userId="22586480-35c0-4c25-95bc-8c24c0c5dcbb" providerId="ADAL" clId="{1B36617D-CEC0-4258-B5EC-1AF91E651E77}" dt="2023-10-04T22:53:21.326" v="12497" actId="1076"/>
          <ac:picMkLst>
            <pc:docMk/>
            <pc:sldMk cId="2000147016" sldId="257"/>
            <ac:picMk id="2" creationId="{EEAE8684-FD48-BE19-BCE7-320A0295EAC7}"/>
          </ac:picMkLst>
        </pc:picChg>
        <pc:picChg chg="add mod">
          <ac:chgData name="Roger Cai" userId="22586480-35c0-4c25-95bc-8c24c0c5dcbb" providerId="ADAL" clId="{1B36617D-CEC0-4258-B5EC-1AF91E651E77}" dt="2023-10-04T22:53:15.011" v="12494" actId="1076"/>
          <ac:picMkLst>
            <pc:docMk/>
            <pc:sldMk cId="2000147016" sldId="257"/>
            <ac:picMk id="6" creationId="{8F9E6058-57C7-10B5-BF1D-1B301DB920A3}"/>
          </ac:picMkLst>
        </pc:picChg>
      </pc:sldChg>
      <pc:sldChg chg="addSp delSp modSp add del mod setBg">
        <pc:chgData name="Roger Cai" userId="22586480-35c0-4c25-95bc-8c24c0c5dcbb" providerId="ADAL" clId="{1B36617D-CEC0-4258-B5EC-1AF91E651E77}" dt="2023-10-01T12:51:09.817" v="3239" actId="47"/>
        <pc:sldMkLst>
          <pc:docMk/>
          <pc:sldMk cId="3262190608" sldId="258"/>
        </pc:sldMkLst>
        <pc:spChg chg="del mod">
          <ac:chgData name="Roger Cai" userId="22586480-35c0-4c25-95bc-8c24c0c5dcbb" providerId="ADAL" clId="{1B36617D-CEC0-4258-B5EC-1AF91E651E77}" dt="2023-10-01T12:19:29.420" v="1863" actId="478"/>
          <ac:spMkLst>
            <pc:docMk/>
            <pc:sldMk cId="3262190608" sldId="258"/>
            <ac:spMk id="3" creationId="{BF5524CB-4E96-4B7B-84C2-7AAFA33A2A80}"/>
          </ac:spMkLst>
        </pc:spChg>
        <pc:spChg chg="del mod">
          <ac:chgData name="Roger Cai" userId="22586480-35c0-4c25-95bc-8c24c0c5dcbb" providerId="ADAL" clId="{1B36617D-CEC0-4258-B5EC-1AF91E651E77}" dt="2023-10-01T12:19:29.420" v="1863" actId="478"/>
          <ac:spMkLst>
            <pc:docMk/>
            <pc:sldMk cId="3262190608" sldId="258"/>
            <ac:spMk id="4" creationId="{23EE48CF-DA86-43B8-9265-47785A38CBB0}"/>
          </ac:spMkLst>
        </pc:spChg>
        <pc:spChg chg="del mod">
          <ac:chgData name="Roger Cai" userId="22586480-35c0-4c25-95bc-8c24c0c5dcbb" providerId="ADAL" clId="{1B36617D-CEC0-4258-B5EC-1AF91E651E77}" dt="2023-10-01T12:19:29.420" v="1863" actId="478"/>
          <ac:spMkLst>
            <pc:docMk/>
            <pc:sldMk cId="3262190608" sldId="258"/>
            <ac:spMk id="5" creationId="{3E203CBD-BDE7-46D8-A062-6FD47F2FBF4C}"/>
          </ac:spMkLst>
        </pc:spChg>
        <pc:spChg chg="del mod">
          <ac:chgData name="Roger Cai" userId="22586480-35c0-4c25-95bc-8c24c0c5dcbb" providerId="ADAL" clId="{1B36617D-CEC0-4258-B5EC-1AF91E651E77}" dt="2023-10-01T12:19:29.420" v="1863" actId="478"/>
          <ac:spMkLst>
            <pc:docMk/>
            <pc:sldMk cId="3262190608" sldId="258"/>
            <ac:spMk id="6" creationId="{208EADD3-01BA-40C2-B702-F8718CC056BD}"/>
          </ac:spMkLst>
        </pc:spChg>
        <pc:spChg chg="del mod">
          <ac:chgData name="Roger Cai" userId="22586480-35c0-4c25-95bc-8c24c0c5dcbb" providerId="ADAL" clId="{1B36617D-CEC0-4258-B5EC-1AF91E651E77}" dt="2023-10-01T12:19:29.420" v="1863" actId="478"/>
          <ac:spMkLst>
            <pc:docMk/>
            <pc:sldMk cId="3262190608" sldId="258"/>
            <ac:spMk id="7" creationId="{6F771BC2-236C-496F-9E5A-7E353AE4CADC}"/>
          </ac:spMkLst>
        </pc:spChg>
        <pc:spChg chg="del mod">
          <ac:chgData name="Roger Cai" userId="22586480-35c0-4c25-95bc-8c24c0c5dcbb" providerId="ADAL" clId="{1B36617D-CEC0-4258-B5EC-1AF91E651E77}" dt="2023-10-01T12:19:29.420" v="1863" actId="478"/>
          <ac:spMkLst>
            <pc:docMk/>
            <pc:sldMk cId="3262190608" sldId="258"/>
            <ac:spMk id="8" creationId="{32F9E108-083B-48CC-AF43-15DBF3769861}"/>
          </ac:spMkLst>
        </pc:spChg>
        <pc:spChg chg="del mod">
          <ac:chgData name="Roger Cai" userId="22586480-35c0-4c25-95bc-8c24c0c5dcbb" providerId="ADAL" clId="{1B36617D-CEC0-4258-B5EC-1AF91E651E77}" dt="2023-10-01T12:19:29.420" v="1863" actId="478"/>
          <ac:spMkLst>
            <pc:docMk/>
            <pc:sldMk cId="3262190608" sldId="258"/>
            <ac:spMk id="9" creationId="{13438A43-5A24-40B7-80D8-B95E1C421AF5}"/>
          </ac:spMkLst>
        </pc:spChg>
        <pc:spChg chg="del mod">
          <ac:chgData name="Roger Cai" userId="22586480-35c0-4c25-95bc-8c24c0c5dcbb" providerId="ADAL" clId="{1B36617D-CEC0-4258-B5EC-1AF91E651E77}" dt="2023-10-01T12:19:29.420" v="1863" actId="478"/>
          <ac:spMkLst>
            <pc:docMk/>
            <pc:sldMk cId="3262190608" sldId="258"/>
            <ac:spMk id="10" creationId="{8D9D6965-59DB-4606-BED8-B8FC37355079}"/>
          </ac:spMkLst>
        </pc:spChg>
        <pc:spChg chg="del mod">
          <ac:chgData name="Roger Cai" userId="22586480-35c0-4c25-95bc-8c24c0c5dcbb" providerId="ADAL" clId="{1B36617D-CEC0-4258-B5EC-1AF91E651E77}" dt="2023-10-01T12:19:29.420" v="1863" actId="478"/>
          <ac:spMkLst>
            <pc:docMk/>
            <pc:sldMk cId="3262190608" sldId="258"/>
            <ac:spMk id="11" creationId="{0E6E2339-43EB-4178-A331-1FFC805766B1}"/>
          </ac:spMkLst>
        </pc:spChg>
        <pc:spChg chg="del mod">
          <ac:chgData name="Roger Cai" userId="22586480-35c0-4c25-95bc-8c24c0c5dcbb" providerId="ADAL" clId="{1B36617D-CEC0-4258-B5EC-1AF91E651E77}" dt="2023-10-01T12:19:29.420" v="1863" actId="478"/>
          <ac:spMkLst>
            <pc:docMk/>
            <pc:sldMk cId="3262190608" sldId="258"/>
            <ac:spMk id="12" creationId="{8CFB381E-F653-4D46-BD83-B465D31BED93}"/>
          </ac:spMkLst>
        </pc:spChg>
        <pc:spChg chg="del mod">
          <ac:chgData name="Roger Cai" userId="22586480-35c0-4c25-95bc-8c24c0c5dcbb" providerId="ADAL" clId="{1B36617D-CEC0-4258-B5EC-1AF91E651E77}" dt="2023-10-01T12:19:29.420" v="1863" actId="478"/>
          <ac:spMkLst>
            <pc:docMk/>
            <pc:sldMk cId="3262190608" sldId="258"/>
            <ac:spMk id="13" creationId="{17819A2E-9366-484F-8E76-B70319E91152}"/>
          </ac:spMkLst>
        </pc:spChg>
        <pc:spChg chg="del mod">
          <ac:chgData name="Roger Cai" userId="22586480-35c0-4c25-95bc-8c24c0c5dcbb" providerId="ADAL" clId="{1B36617D-CEC0-4258-B5EC-1AF91E651E77}" dt="2023-10-01T12:19:29.420" v="1863" actId="478"/>
          <ac:spMkLst>
            <pc:docMk/>
            <pc:sldMk cId="3262190608" sldId="258"/>
            <ac:spMk id="14" creationId="{21633FB5-1FA2-476F-8868-498E174868E1}"/>
          </ac:spMkLst>
        </pc:spChg>
        <pc:spChg chg="del mod">
          <ac:chgData name="Roger Cai" userId="22586480-35c0-4c25-95bc-8c24c0c5dcbb" providerId="ADAL" clId="{1B36617D-CEC0-4258-B5EC-1AF91E651E77}" dt="2023-10-01T12:19:29.420" v="1863" actId="478"/>
          <ac:spMkLst>
            <pc:docMk/>
            <pc:sldMk cId="3262190608" sldId="258"/>
            <ac:spMk id="15" creationId="{8AF7CCCB-D40F-4974-8E8F-1B441112B1BF}"/>
          </ac:spMkLst>
        </pc:spChg>
        <pc:spChg chg="del mod">
          <ac:chgData name="Roger Cai" userId="22586480-35c0-4c25-95bc-8c24c0c5dcbb" providerId="ADAL" clId="{1B36617D-CEC0-4258-B5EC-1AF91E651E77}" dt="2023-10-01T12:19:29.420" v="1863" actId="478"/>
          <ac:spMkLst>
            <pc:docMk/>
            <pc:sldMk cId="3262190608" sldId="258"/>
            <ac:spMk id="16" creationId="{7088685A-23ED-45FE-A0FC-6C320C617F80}"/>
          </ac:spMkLst>
        </pc:spChg>
        <pc:spChg chg="del mod">
          <ac:chgData name="Roger Cai" userId="22586480-35c0-4c25-95bc-8c24c0c5dcbb" providerId="ADAL" clId="{1B36617D-CEC0-4258-B5EC-1AF91E651E77}" dt="2023-10-01T12:19:29.420" v="1863" actId="478"/>
          <ac:spMkLst>
            <pc:docMk/>
            <pc:sldMk cId="3262190608" sldId="258"/>
            <ac:spMk id="17" creationId="{C8B1ED39-0073-46C2-8E8D-A0758C521A57}"/>
          </ac:spMkLst>
        </pc:spChg>
        <pc:spChg chg="del mod">
          <ac:chgData name="Roger Cai" userId="22586480-35c0-4c25-95bc-8c24c0c5dcbb" providerId="ADAL" clId="{1B36617D-CEC0-4258-B5EC-1AF91E651E77}" dt="2023-10-01T12:19:29.420" v="1863" actId="478"/>
          <ac:spMkLst>
            <pc:docMk/>
            <pc:sldMk cId="3262190608" sldId="258"/>
            <ac:spMk id="18" creationId="{FA6E1D1D-D678-47B7-ABF0-1B59946BA31B}"/>
          </ac:spMkLst>
        </pc:spChg>
        <pc:spChg chg="del mod">
          <ac:chgData name="Roger Cai" userId="22586480-35c0-4c25-95bc-8c24c0c5dcbb" providerId="ADAL" clId="{1B36617D-CEC0-4258-B5EC-1AF91E651E77}" dt="2023-10-01T12:19:29.420" v="1863" actId="478"/>
          <ac:spMkLst>
            <pc:docMk/>
            <pc:sldMk cId="3262190608" sldId="258"/>
            <ac:spMk id="19" creationId="{B0FFBA5B-920F-4D1A-92BC-388E14714177}"/>
          </ac:spMkLst>
        </pc:spChg>
        <pc:spChg chg="del mod">
          <ac:chgData name="Roger Cai" userId="22586480-35c0-4c25-95bc-8c24c0c5dcbb" providerId="ADAL" clId="{1B36617D-CEC0-4258-B5EC-1AF91E651E77}" dt="2023-10-01T12:19:29.420" v="1863" actId="478"/>
          <ac:spMkLst>
            <pc:docMk/>
            <pc:sldMk cId="3262190608" sldId="258"/>
            <ac:spMk id="20" creationId="{D8F60755-D1F8-4F2C-87F4-9BA94BEF024E}"/>
          </ac:spMkLst>
        </pc:spChg>
        <pc:spChg chg="del mod">
          <ac:chgData name="Roger Cai" userId="22586480-35c0-4c25-95bc-8c24c0c5dcbb" providerId="ADAL" clId="{1B36617D-CEC0-4258-B5EC-1AF91E651E77}" dt="2023-10-01T12:19:29.420" v="1863" actId="478"/>
          <ac:spMkLst>
            <pc:docMk/>
            <pc:sldMk cId="3262190608" sldId="258"/>
            <ac:spMk id="21" creationId="{35075DDD-B502-4945-8F12-C9EC8A816962}"/>
          </ac:spMkLst>
        </pc:spChg>
        <pc:spChg chg="del mod">
          <ac:chgData name="Roger Cai" userId="22586480-35c0-4c25-95bc-8c24c0c5dcbb" providerId="ADAL" clId="{1B36617D-CEC0-4258-B5EC-1AF91E651E77}" dt="2023-10-01T12:19:29.420" v="1863" actId="478"/>
          <ac:spMkLst>
            <pc:docMk/>
            <pc:sldMk cId="3262190608" sldId="258"/>
            <ac:spMk id="22" creationId="{2C59685C-CD1B-4BB3-A0BA-9E9314B05922}"/>
          </ac:spMkLst>
        </pc:spChg>
        <pc:spChg chg="del mod">
          <ac:chgData name="Roger Cai" userId="22586480-35c0-4c25-95bc-8c24c0c5dcbb" providerId="ADAL" clId="{1B36617D-CEC0-4258-B5EC-1AF91E651E77}" dt="2023-10-01T12:19:29.420" v="1863" actId="478"/>
          <ac:spMkLst>
            <pc:docMk/>
            <pc:sldMk cId="3262190608" sldId="258"/>
            <ac:spMk id="23" creationId="{1CE80705-F21B-45DA-B74E-6B3D91983F09}"/>
          </ac:spMkLst>
        </pc:spChg>
        <pc:spChg chg="del mod">
          <ac:chgData name="Roger Cai" userId="22586480-35c0-4c25-95bc-8c24c0c5dcbb" providerId="ADAL" clId="{1B36617D-CEC0-4258-B5EC-1AF91E651E77}" dt="2023-10-01T12:19:29.420" v="1863" actId="478"/>
          <ac:spMkLst>
            <pc:docMk/>
            <pc:sldMk cId="3262190608" sldId="258"/>
            <ac:spMk id="24" creationId="{AD3A59DC-8402-4D94-AE43-45FEA3533E60}"/>
          </ac:spMkLst>
        </pc:spChg>
        <pc:spChg chg="del mod">
          <ac:chgData name="Roger Cai" userId="22586480-35c0-4c25-95bc-8c24c0c5dcbb" providerId="ADAL" clId="{1B36617D-CEC0-4258-B5EC-1AF91E651E77}" dt="2023-10-01T12:46:36.180" v="3203" actId="478"/>
          <ac:spMkLst>
            <pc:docMk/>
            <pc:sldMk cId="3262190608" sldId="258"/>
            <ac:spMk id="27" creationId="{0B96E055-ACB5-49A8-BF11-A0D92C87EAFB}"/>
          </ac:spMkLst>
        </pc:spChg>
        <pc:spChg chg="add del mod">
          <ac:chgData name="Roger Cai" userId="22586480-35c0-4c25-95bc-8c24c0c5dcbb" providerId="ADAL" clId="{1B36617D-CEC0-4258-B5EC-1AF91E651E77}" dt="2023-10-01T12:46:37.992" v="3205" actId="478"/>
          <ac:spMkLst>
            <pc:docMk/>
            <pc:sldMk cId="3262190608" sldId="258"/>
            <ac:spMk id="28" creationId="{733F3717-23BD-4390-87C8-D0FCAFB71ABD}"/>
          </ac:spMkLst>
        </pc:spChg>
        <pc:spChg chg="del mod">
          <ac:chgData name="Roger Cai" userId="22586480-35c0-4c25-95bc-8c24c0c5dcbb" providerId="ADAL" clId="{1B36617D-CEC0-4258-B5EC-1AF91E651E77}" dt="2023-10-01T12:46:33.444" v="3202" actId="478"/>
          <ac:spMkLst>
            <pc:docMk/>
            <pc:sldMk cId="3262190608" sldId="258"/>
            <ac:spMk id="30" creationId="{38DFF085-2EBF-49ED-8883-3E1A68A476C4}"/>
          </ac:spMkLst>
        </pc:spChg>
        <pc:spChg chg="add del">
          <ac:chgData name="Roger Cai" userId="22586480-35c0-4c25-95bc-8c24c0c5dcbb" providerId="ADAL" clId="{1B36617D-CEC0-4258-B5EC-1AF91E651E77}" dt="2023-10-01T12:47:24.011" v="3214" actId="26606"/>
          <ac:spMkLst>
            <pc:docMk/>
            <pc:sldMk cId="3262190608" sldId="258"/>
            <ac:spMk id="36" creationId="{F3060C83-F051-4F0E-ABAD-AA0DFC48B218}"/>
          </ac:spMkLst>
        </pc:spChg>
        <pc:spChg chg="add del">
          <ac:chgData name="Roger Cai" userId="22586480-35c0-4c25-95bc-8c24c0c5dcbb" providerId="ADAL" clId="{1B36617D-CEC0-4258-B5EC-1AF91E651E77}" dt="2023-10-01T12:47:24.011" v="3214" actId="26606"/>
          <ac:spMkLst>
            <pc:docMk/>
            <pc:sldMk cId="3262190608" sldId="258"/>
            <ac:spMk id="38" creationId="{83C98ABE-055B-441F-B07E-44F97F083C39}"/>
          </ac:spMkLst>
        </pc:spChg>
        <pc:spChg chg="add del">
          <ac:chgData name="Roger Cai" userId="22586480-35c0-4c25-95bc-8c24c0c5dcbb" providerId="ADAL" clId="{1B36617D-CEC0-4258-B5EC-1AF91E651E77}" dt="2023-10-01T12:47:24.011" v="3214" actId="26606"/>
          <ac:spMkLst>
            <pc:docMk/>
            <pc:sldMk cId="3262190608" sldId="258"/>
            <ac:spMk id="40" creationId="{29FDB030-9B49-4CED-8CCD-4D99382388AC}"/>
          </ac:spMkLst>
        </pc:spChg>
        <pc:spChg chg="add del">
          <ac:chgData name="Roger Cai" userId="22586480-35c0-4c25-95bc-8c24c0c5dcbb" providerId="ADAL" clId="{1B36617D-CEC0-4258-B5EC-1AF91E651E77}" dt="2023-10-01T12:47:24.011" v="3214" actId="26606"/>
          <ac:spMkLst>
            <pc:docMk/>
            <pc:sldMk cId="3262190608" sldId="258"/>
            <ac:spMk id="42" creationId="{3783CA14-24A1-485C-8B30-D6A5D87987AD}"/>
          </ac:spMkLst>
        </pc:spChg>
        <pc:spChg chg="add del">
          <ac:chgData name="Roger Cai" userId="22586480-35c0-4c25-95bc-8c24c0c5dcbb" providerId="ADAL" clId="{1B36617D-CEC0-4258-B5EC-1AF91E651E77}" dt="2023-10-01T12:47:24.011" v="3214" actId="26606"/>
          <ac:spMkLst>
            <pc:docMk/>
            <pc:sldMk cId="3262190608" sldId="258"/>
            <ac:spMk id="44" creationId="{9A97C86A-04D6-40F7-AE84-31AB43E6A846}"/>
          </ac:spMkLst>
        </pc:spChg>
        <pc:spChg chg="add del">
          <ac:chgData name="Roger Cai" userId="22586480-35c0-4c25-95bc-8c24c0c5dcbb" providerId="ADAL" clId="{1B36617D-CEC0-4258-B5EC-1AF91E651E77}" dt="2023-10-01T12:47:24.011" v="3214" actId="26606"/>
          <ac:spMkLst>
            <pc:docMk/>
            <pc:sldMk cId="3262190608" sldId="258"/>
            <ac:spMk id="46" creationId="{FF9F2414-84E8-453E-B1F3-389FDE8192D9}"/>
          </ac:spMkLst>
        </pc:spChg>
        <pc:spChg chg="add del">
          <ac:chgData name="Roger Cai" userId="22586480-35c0-4c25-95bc-8c24c0c5dcbb" providerId="ADAL" clId="{1B36617D-CEC0-4258-B5EC-1AF91E651E77}" dt="2023-10-01T12:47:24.011" v="3214" actId="26606"/>
          <ac:spMkLst>
            <pc:docMk/>
            <pc:sldMk cId="3262190608" sldId="258"/>
            <ac:spMk id="48" creationId="{3ECA69A1-7536-43AC-85EF-C7106179F5ED}"/>
          </ac:spMkLst>
        </pc:spChg>
        <pc:spChg chg="add del">
          <ac:chgData name="Roger Cai" userId="22586480-35c0-4c25-95bc-8c24c0c5dcbb" providerId="ADAL" clId="{1B36617D-CEC0-4258-B5EC-1AF91E651E77}" dt="2023-10-01T12:47:47.958" v="3224" actId="26606"/>
          <ac:spMkLst>
            <pc:docMk/>
            <pc:sldMk cId="3262190608" sldId="258"/>
            <ac:spMk id="53" creationId="{86FF76B9-219D-4469-AF87-0236D29032F1}"/>
          </ac:spMkLst>
        </pc:spChg>
        <pc:spChg chg="add del">
          <ac:chgData name="Roger Cai" userId="22586480-35c0-4c25-95bc-8c24c0c5dcbb" providerId="ADAL" clId="{1B36617D-CEC0-4258-B5EC-1AF91E651E77}" dt="2023-10-01T12:47:47.958" v="3224" actId="26606"/>
          <ac:spMkLst>
            <pc:docMk/>
            <pc:sldMk cId="3262190608" sldId="258"/>
            <ac:spMk id="59" creationId="{2E80C965-DB6D-4F81-9E9E-B027384D0BD6}"/>
          </ac:spMkLst>
        </pc:spChg>
        <pc:spChg chg="add del">
          <ac:chgData name="Roger Cai" userId="22586480-35c0-4c25-95bc-8c24c0c5dcbb" providerId="ADAL" clId="{1B36617D-CEC0-4258-B5EC-1AF91E651E77}" dt="2023-10-01T12:47:47.958" v="3224" actId="26606"/>
          <ac:spMkLst>
            <pc:docMk/>
            <pc:sldMk cId="3262190608" sldId="258"/>
            <ac:spMk id="61" creationId="{633C5E46-DAC5-4661-9C87-22B08E2A512F}"/>
          </ac:spMkLst>
        </pc:spChg>
        <pc:spChg chg="add del">
          <ac:chgData name="Roger Cai" userId="22586480-35c0-4c25-95bc-8c24c0c5dcbb" providerId="ADAL" clId="{1B36617D-CEC0-4258-B5EC-1AF91E651E77}" dt="2023-10-01T12:47:47.958" v="3223" actId="26606"/>
          <ac:spMkLst>
            <pc:docMk/>
            <pc:sldMk cId="3262190608" sldId="258"/>
            <ac:spMk id="66" creationId="{A9F529C3-C941-49FD-8C67-82F134F64BDB}"/>
          </ac:spMkLst>
        </pc:spChg>
        <pc:spChg chg="add del">
          <ac:chgData name="Roger Cai" userId="22586480-35c0-4c25-95bc-8c24c0c5dcbb" providerId="ADAL" clId="{1B36617D-CEC0-4258-B5EC-1AF91E651E77}" dt="2023-10-01T12:47:47.958" v="3223" actId="26606"/>
          <ac:spMkLst>
            <pc:docMk/>
            <pc:sldMk cId="3262190608" sldId="258"/>
            <ac:spMk id="68" creationId="{20586029-32A0-47E5-9AEC-AE3ABA6B94D0}"/>
          </ac:spMkLst>
        </pc:spChg>
        <pc:spChg chg="add del">
          <ac:chgData name="Roger Cai" userId="22586480-35c0-4c25-95bc-8c24c0c5dcbb" providerId="ADAL" clId="{1B36617D-CEC0-4258-B5EC-1AF91E651E77}" dt="2023-10-01T12:48:58.394" v="3237" actId="26606"/>
          <ac:spMkLst>
            <pc:docMk/>
            <pc:sldMk cId="3262190608" sldId="258"/>
            <ac:spMk id="73" creationId="{69D184B2-2226-4E31-BCCB-444330767440}"/>
          </ac:spMkLst>
        </pc:spChg>
        <pc:spChg chg="add del">
          <ac:chgData name="Roger Cai" userId="22586480-35c0-4c25-95bc-8c24c0c5dcbb" providerId="ADAL" clId="{1B36617D-CEC0-4258-B5EC-1AF91E651E77}" dt="2023-10-01T12:48:58.394" v="3237" actId="26606"/>
          <ac:spMkLst>
            <pc:docMk/>
            <pc:sldMk cId="3262190608" sldId="258"/>
            <ac:spMk id="74" creationId="{1AC4D4E3-486A-464A-8EC8-D44881097267}"/>
          </ac:spMkLst>
        </pc:spChg>
        <pc:spChg chg="add del">
          <ac:chgData name="Roger Cai" userId="22586480-35c0-4c25-95bc-8c24c0c5dcbb" providerId="ADAL" clId="{1B36617D-CEC0-4258-B5EC-1AF91E651E77}" dt="2023-10-01T12:48:58.394" v="3237" actId="26606"/>
          <ac:spMkLst>
            <pc:docMk/>
            <pc:sldMk cId="3262190608" sldId="258"/>
            <ac:spMk id="75" creationId="{864DE13E-58EB-4475-B79C-0D4FC651239B}"/>
          </ac:spMkLst>
        </pc:spChg>
        <pc:spChg chg="add del">
          <ac:chgData name="Roger Cai" userId="22586480-35c0-4c25-95bc-8c24c0c5dcbb" providerId="ADAL" clId="{1B36617D-CEC0-4258-B5EC-1AF91E651E77}" dt="2023-10-01T12:48:58.394" v="3236" actId="26606"/>
          <ac:spMkLst>
            <pc:docMk/>
            <pc:sldMk cId="3262190608" sldId="258"/>
            <ac:spMk id="80" creationId="{A9F529C3-C941-49FD-8C67-82F134F64BDB}"/>
          </ac:spMkLst>
        </pc:spChg>
        <pc:spChg chg="add del">
          <ac:chgData name="Roger Cai" userId="22586480-35c0-4c25-95bc-8c24c0c5dcbb" providerId="ADAL" clId="{1B36617D-CEC0-4258-B5EC-1AF91E651E77}" dt="2023-10-01T12:48:58.394" v="3236" actId="26606"/>
          <ac:spMkLst>
            <pc:docMk/>
            <pc:sldMk cId="3262190608" sldId="258"/>
            <ac:spMk id="82" creationId="{20586029-32A0-47E5-9AEC-AE3ABA6B94D0}"/>
          </ac:spMkLst>
        </pc:spChg>
        <pc:spChg chg="add del">
          <ac:chgData name="Roger Cai" userId="22586480-35c0-4c25-95bc-8c24c0c5dcbb" providerId="ADAL" clId="{1B36617D-CEC0-4258-B5EC-1AF91E651E77}" dt="2023-10-01T12:49:24.032" v="3238" actId="26606"/>
          <ac:spMkLst>
            <pc:docMk/>
            <pc:sldMk cId="3262190608" sldId="258"/>
            <ac:spMk id="86" creationId="{22F15A2D-2324-487D-A02A-BF46C5C580EB}"/>
          </ac:spMkLst>
        </pc:spChg>
        <pc:spChg chg="add del">
          <ac:chgData name="Roger Cai" userId="22586480-35c0-4c25-95bc-8c24c0c5dcbb" providerId="ADAL" clId="{1B36617D-CEC0-4258-B5EC-1AF91E651E77}" dt="2023-10-01T12:49:24.032" v="3238" actId="26606"/>
          <ac:spMkLst>
            <pc:docMk/>
            <pc:sldMk cId="3262190608" sldId="258"/>
            <ac:spMk id="87" creationId="{17A7F34E-D418-47E2-9F86-2C45BBC31210}"/>
          </ac:spMkLst>
        </pc:spChg>
        <pc:spChg chg="add del">
          <ac:chgData name="Roger Cai" userId="22586480-35c0-4c25-95bc-8c24c0c5dcbb" providerId="ADAL" clId="{1B36617D-CEC0-4258-B5EC-1AF91E651E77}" dt="2023-10-01T12:49:24.032" v="3238" actId="26606"/>
          <ac:spMkLst>
            <pc:docMk/>
            <pc:sldMk cId="3262190608" sldId="258"/>
            <ac:spMk id="88" creationId="{2AEAFA59-923A-4F54-8B49-44C970BCC323}"/>
          </ac:spMkLst>
        </pc:spChg>
        <pc:spChg chg="add">
          <ac:chgData name="Roger Cai" userId="22586480-35c0-4c25-95bc-8c24c0c5dcbb" providerId="ADAL" clId="{1B36617D-CEC0-4258-B5EC-1AF91E651E77}" dt="2023-10-01T12:49:24.032" v="3238" actId="26606"/>
          <ac:spMkLst>
            <pc:docMk/>
            <pc:sldMk cId="3262190608" sldId="258"/>
            <ac:spMk id="93" creationId="{69D184B2-2226-4E31-BCCB-444330767440}"/>
          </ac:spMkLst>
        </pc:spChg>
        <pc:spChg chg="add">
          <ac:chgData name="Roger Cai" userId="22586480-35c0-4c25-95bc-8c24c0c5dcbb" providerId="ADAL" clId="{1B36617D-CEC0-4258-B5EC-1AF91E651E77}" dt="2023-10-01T12:49:24.032" v="3238" actId="26606"/>
          <ac:spMkLst>
            <pc:docMk/>
            <pc:sldMk cId="3262190608" sldId="258"/>
            <ac:spMk id="95" creationId="{1AC4D4E3-486A-464A-8EC8-D44881097267}"/>
          </ac:spMkLst>
        </pc:spChg>
        <pc:spChg chg="add">
          <ac:chgData name="Roger Cai" userId="22586480-35c0-4c25-95bc-8c24c0c5dcbb" providerId="ADAL" clId="{1B36617D-CEC0-4258-B5EC-1AF91E651E77}" dt="2023-10-01T12:49:24.032" v="3238" actId="26606"/>
          <ac:spMkLst>
            <pc:docMk/>
            <pc:sldMk cId="3262190608" sldId="258"/>
            <ac:spMk id="97" creationId="{864DE13E-58EB-4475-B79C-0D4FC651239B}"/>
          </ac:spMkLst>
        </pc:spChg>
        <pc:grpChg chg="add del">
          <ac:chgData name="Roger Cai" userId="22586480-35c0-4c25-95bc-8c24c0c5dcbb" providerId="ADAL" clId="{1B36617D-CEC0-4258-B5EC-1AF91E651E77}" dt="2023-10-01T12:47:47.958" v="3224" actId="26606"/>
          <ac:grpSpMkLst>
            <pc:docMk/>
            <pc:sldMk cId="3262190608" sldId="258"/>
            <ac:grpSpMk id="55" creationId="{DB88BD78-87E1-424D-B479-C37D8E41B12E}"/>
          </ac:grpSpMkLst>
        </pc:grpChg>
        <pc:picChg chg="add del mod">
          <ac:chgData name="Roger Cai" userId="22586480-35c0-4c25-95bc-8c24c0c5dcbb" providerId="ADAL" clId="{1B36617D-CEC0-4258-B5EC-1AF91E651E77}" dt="2023-10-01T12:46:36.709" v="3204" actId="478"/>
          <ac:picMkLst>
            <pc:docMk/>
            <pc:sldMk cId="3262190608" sldId="258"/>
            <ac:picMk id="25" creationId="{AB09C4C9-61EB-8206-D1B8-4CFDF1ED7EC0}"/>
          </ac:picMkLst>
        </pc:picChg>
        <pc:picChg chg="add mod ord">
          <ac:chgData name="Roger Cai" userId="22586480-35c0-4c25-95bc-8c24c0c5dcbb" providerId="ADAL" clId="{1B36617D-CEC0-4258-B5EC-1AF91E651E77}" dt="2023-10-01T12:49:24.032" v="3238" actId="26606"/>
          <ac:picMkLst>
            <pc:docMk/>
            <pc:sldMk cId="3262190608" sldId="258"/>
            <ac:picMk id="31" creationId="{B3C4E33F-65F3-64AE-847A-83C509533BF1}"/>
          </ac:picMkLst>
        </pc:picChg>
        <pc:picChg chg="add mod ord">
          <ac:chgData name="Roger Cai" userId="22586480-35c0-4c25-95bc-8c24c0c5dcbb" providerId="ADAL" clId="{1B36617D-CEC0-4258-B5EC-1AF91E651E77}" dt="2023-10-01T12:49:24.032" v="3238" actId="26606"/>
          <ac:picMkLst>
            <pc:docMk/>
            <pc:sldMk cId="3262190608" sldId="258"/>
            <ac:picMk id="33" creationId="{37F93B13-173C-96F9-95DF-F59D42B80307}"/>
          </ac:picMkLst>
        </pc:picChg>
        <pc:cxnChg chg="add del">
          <ac:chgData name="Roger Cai" userId="22586480-35c0-4c25-95bc-8c24c0c5dcbb" providerId="ADAL" clId="{1B36617D-CEC0-4258-B5EC-1AF91E651E77}" dt="2023-10-01T12:47:47.958" v="3223" actId="26606"/>
          <ac:cxnSpMkLst>
            <pc:docMk/>
            <pc:sldMk cId="3262190608" sldId="258"/>
            <ac:cxnSpMk id="70" creationId="{8C730EAB-A532-4295-A302-FB4B90DB9F5E}"/>
          </ac:cxnSpMkLst>
        </pc:cxnChg>
        <pc:cxnChg chg="add del">
          <ac:chgData name="Roger Cai" userId="22586480-35c0-4c25-95bc-8c24c0c5dcbb" providerId="ADAL" clId="{1B36617D-CEC0-4258-B5EC-1AF91E651E77}" dt="2023-10-01T12:48:58.394" v="3237" actId="26606"/>
          <ac:cxnSpMkLst>
            <pc:docMk/>
            <pc:sldMk cId="3262190608" sldId="258"/>
            <ac:cxnSpMk id="72" creationId="{02E9B2EE-76CA-47F3-9977-3F2FCB7FD252}"/>
          </ac:cxnSpMkLst>
        </pc:cxnChg>
        <pc:cxnChg chg="add del">
          <ac:chgData name="Roger Cai" userId="22586480-35c0-4c25-95bc-8c24c0c5dcbb" providerId="ADAL" clId="{1B36617D-CEC0-4258-B5EC-1AF91E651E77}" dt="2023-10-01T12:48:58.394" v="3236" actId="26606"/>
          <ac:cxnSpMkLst>
            <pc:docMk/>
            <pc:sldMk cId="3262190608" sldId="258"/>
            <ac:cxnSpMk id="84" creationId="{8C730EAB-A532-4295-A302-FB4B90DB9F5E}"/>
          </ac:cxnSpMkLst>
        </pc:cxnChg>
        <pc:cxnChg chg="add">
          <ac:chgData name="Roger Cai" userId="22586480-35c0-4c25-95bc-8c24c0c5dcbb" providerId="ADAL" clId="{1B36617D-CEC0-4258-B5EC-1AF91E651E77}" dt="2023-10-01T12:49:24.032" v="3238" actId="26606"/>
          <ac:cxnSpMkLst>
            <pc:docMk/>
            <pc:sldMk cId="3262190608" sldId="258"/>
            <ac:cxnSpMk id="99" creationId="{02E9B2EE-76CA-47F3-9977-3F2FCB7FD252}"/>
          </ac:cxnSpMkLst>
        </pc:cxnChg>
      </pc:sldChg>
      <pc:sldChg chg="addSp delSp modSp add mod modNotesTx">
        <pc:chgData name="Roger Cai" userId="22586480-35c0-4c25-95bc-8c24c0c5dcbb" providerId="ADAL" clId="{1B36617D-CEC0-4258-B5EC-1AF91E651E77}" dt="2023-10-05T17:26:51.683" v="13029" actId="478"/>
        <pc:sldMkLst>
          <pc:docMk/>
          <pc:sldMk cId="3218618328" sldId="259"/>
        </pc:sldMkLst>
        <pc:spChg chg="del mod">
          <ac:chgData name="Roger Cai" userId="22586480-35c0-4c25-95bc-8c24c0c5dcbb" providerId="ADAL" clId="{1B36617D-CEC0-4258-B5EC-1AF91E651E77}" dt="2023-10-02T17:57:10.460" v="8073" actId="478"/>
          <ac:spMkLst>
            <pc:docMk/>
            <pc:sldMk cId="3218618328" sldId="259"/>
            <ac:spMk id="3" creationId="{C06C38E2-75E9-674F-868C-661525DFCB8C}"/>
          </ac:spMkLst>
        </pc:spChg>
        <pc:spChg chg="del mod">
          <ac:chgData name="Roger Cai" userId="22586480-35c0-4c25-95bc-8c24c0c5dcbb" providerId="ADAL" clId="{1B36617D-CEC0-4258-B5EC-1AF91E651E77}" dt="2023-10-02T17:57:07.826" v="8070" actId="478"/>
          <ac:spMkLst>
            <pc:docMk/>
            <pc:sldMk cId="3218618328" sldId="259"/>
            <ac:spMk id="4" creationId="{BB0FFE5D-92D3-564D-93D5-C2AD3FE48DB0}"/>
          </ac:spMkLst>
        </pc:spChg>
        <pc:spChg chg="del mod">
          <ac:chgData name="Roger Cai" userId="22586480-35c0-4c25-95bc-8c24c0c5dcbb" providerId="ADAL" clId="{1B36617D-CEC0-4258-B5EC-1AF91E651E77}" dt="2023-10-02T17:57:09.667" v="8072" actId="478"/>
          <ac:spMkLst>
            <pc:docMk/>
            <pc:sldMk cId="3218618328" sldId="259"/>
            <ac:spMk id="5" creationId="{BA12FE9C-B5B7-0A46-BD32-2A45ECA6E228}"/>
          </ac:spMkLst>
        </pc:spChg>
        <pc:spChg chg="add del mod">
          <ac:chgData name="Roger Cai" userId="22586480-35c0-4c25-95bc-8c24c0c5dcbb" providerId="ADAL" clId="{1B36617D-CEC0-4258-B5EC-1AF91E651E77}" dt="2023-10-02T17:56:55.810" v="8061" actId="478"/>
          <ac:spMkLst>
            <pc:docMk/>
            <pc:sldMk cId="3218618328" sldId="259"/>
            <ac:spMk id="6" creationId="{94A97DB9-7723-6F29-72D7-69FC8CAEAC08}"/>
          </ac:spMkLst>
        </pc:spChg>
        <pc:spChg chg="del mod">
          <ac:chgData name="Roger Cai" userId="22586480-35c0-4c25-95bc-8c24c0c5dcbb" providerId="ADAL" clId="{1B36617D-CEC0-4258-B5EC-1AF91E651E77}" dt="2023-10-02T17:56:57.090" v="8062" actId="478"/>
          <ac:spMkLst>
            <pc:docMk/>
            <pc:sldMk cId="3218618328" sldId="259"/>
            <ac:spMk id="8" creationId="{57BC267A-0C4B-471A-A887-F913A13AD6C1}"/>
          </ac:spMkLst>
        </pc:spChg>
        <pc:spChg chg="add del mod">
          <ac:chgData name="Roger Cai" userId="22586480-35c0-4c25-95bc-8c24c0c5dcbb" providerId="ADAL" clId="{1B36617D-CEC0-4258-B5EC-1AF91E651E77}" dt="2023-10-02T17:56:58.888" v="8063" actId="478"/>
          <ac:spMkLst>
            <pc:docMk/>
            <pc:sldMk cId="3218618328" sldId="259"/>
            <ac:spMk id="9" creationId="{A107214D-3CB5-61D1-76A6-C84B48192474}"/>
          </ac:spMkLst>
        </pc:spChg>
        <pc:spChg chg="add mod">
          <ac:chgData name="Roger Cai" userId="22586480-35c0-4c25-95bc-8c24c0c5dcbb" providerId="ADAL" clId="{1B36617D-CEC0-4258-B5EC-1AF91E651E77}" dt="2023-10-03T19:20:43.104" v="10241" actId="14100"/>
          <ac:spMkLst>
            <pc:docMk/>
            <pc:sldMk cId="3218618328" sldId="259"/>
            <ac:spMk id="10" creationId="{93EF822C-F00B-CAA8-D436-23C0720B9D15}"/>
          </ac:spMkLst>
        </pc:spChg>
        <pc:spChg chg="add del mod">
          <ac:chgData name="Roger Cai" userId="22586480-35c0-4c25-95bc-8c24c0c5dcbb" providerId="ADAL" clId="{1B36617D-CEC0-4258-B5EC-1AF91E651E77}" dt="2023-10-02T18:06:41.320" v="8576" actId="478"/>
          <ac:spMkLst>
            <pc:docMk/>
            <pc:sldMk cId="3218618328" sldId="259"/>
            <ac:spMk id="10" creationId="{BC69D3E3-45BD-76FE-6EFA-AF2C15B5AA5C}"/>
          </ac:spMkLst>
        </pc:spChg>
        <pc:spChg chg="add del mod">
          <ac:chgData name="Roger Cai" userId="22586480-35c0-4c25-95bc-8c24c0c5dcbb" providerId="ADAL" clId="{1B36617D-CEC0-4258-B5EC-1AF91E651E77}" dt="2023-10-02T18:04:16.831" v="8531"/>
          <ac:spMkLst>
            <pc:docMk/>
            <pc:sldMk cId="3218618328" sldId="259"/>
            <ac:spMk id="11" creationId="{3E3CB53A-7073-CDA3-2DE5-4B13B8B2B95E}"/>
          </ac:spMkLst>
        </pc:spChg>
        <pc:spChg chg="del mod">
          <ac:chgData name="Roger Cai" userId="22586480-35c0-4c25-95bc-8c24c0c5dcbb" providerId="ADAL" clId="{1B36617D-CEC0-4258-B5EC-1AF91E651E77}" dt="2023-10-02T17:57:05.551" v="8068" actId="478"/>
          <ac:spMkLst>
            <pc:docMk/>
            <pc:sldMk cId="3218618328" sldId="259"/>
            <ac:spMk id="13" creationId="{F1920E24-936D-FD44-AF2F-35AF22F99042}"/>
          </ac:spMkLst>
        </pc:spChg>
        <pc:spChg chg="del mod">
          <ac:chgData name="Roger Cai" userId="22586480-35c0-4c25-95bc-8c24c0c5dcbb" providerId="ADAL" clId="{1B36617D-CEC0-4258-B5EC-1AF91E651E77}" dt="2023-10-02T17:57:03.216" v="8066" actId="478"/>
          <ac:spMkLst>
            <pc:docMk/>
            <pc:sldMk cId="3218618328" sldId="259"/>
            <ac:spMk id="14" creationId="{ED1063BD-AE21-5B4A-937B-D69704DC3233}"/>
          </ac:spMkLst>
        </pc:spChg>
        <pc:spChg chg="del mod">
          <ac:chgData name="Roger Cai" userId="22586480-35c0-4c25-95bc-8c24c0c5dcbb" providerId="ADAL" clId="{1B36617D-CEC0-4258-B5EC-1AF91E651E77}" dt="2023-10-02T17:57:06.832" v="8069" actId="478"/>
          <ac:spMkLst>
            <pc:docMk/>
            <pc:sldMk cId="3218618328" sldId="259"/>
            <ac:spMk id="15" creationId="{272CF985-0DFD-6F46-876E-794F29508DE4}"/>
          </ac:spMkLst>
        </pc:spChg>
        <pc:spChg chg="del mod">
          <ac:chgData name="Roger Cai" userId="22586480-35c0-4c25-95bc-8c24c0c5dcbb" providerId="ADAL" clId="{1B36617D-CEC0-4258-B5EC-1AF91E651E77}" dt="2023-10-01T10:49:19.122" v="300" actId="478"/>
          <ac:spMkLst>
            <pc:docMk/>
            <pc:sldMk cId="3218618328" sldId="259"/>
            <ac:spMk id="16" creationId="{6D5FA5FA-C989-4DA4-87E3-281F6A5E8C94}"/>
          </ac:spMkLst>
        </pc:spChg>
        <pc:spChg chg="add del mod">
          <ac:chgData name="Roger Cai" userId="22586480-35c0-4c25-95bc-8c24c0c5dcbb" providerId="ADAL" clId="{1B36617D-CEC0-4258-B5EC-1AF91E651E77}" dt="2023-10-02T18:09:47.342" v="8624" actId="478"/>
          <ac:spMkLst>
            <pc:docMk/>
            <pc:sldMk cId="3218618328" sldId="259"/>
            <ac:spMk id="25" creationId="{FB3BE7C8-8BF2-D3E9-15BA-CDE282DAA3E9}"/>
          </ac:spMkLst>
        </pc:spChg>
        <pc:spChg chg="add del mod">
          <ac:chgData name="Roger Cai" userId="22586480-35c0-4c25-95bc-8c24c0c5dcbb" providerId="ADAL" clId="{1B36617D-CEC0-4258-B5EC-1AF91E651E77}" dt="2023-10-02T18:09:47.342" v="8624" actId="478"/>
          <ac:spMkLst>
            <pc:docMk/>
            <pc:sldMk cId="3218618328" sldId="259"/>
            <ac:spMk id="26" creationId="{1829ACFA-1487-0AF3-1244-D8373102160A}"/>
          </ac:spMkLst>
        </pc:spChg>
        <pc:spChg chg="add del mod">
          <ac:chgData name="Roger Cai" userId="22586480-35c0-4c25-95bc-8c24c0c5dcbb" providerId="ADAL" clId="{1B36617D-CEC0-4258-B5EC-1AF91E651E77}" dt="2023-10-02T18:09:47.342" v="8624" actId="478"/>
          <ac:spMkLst>
            <pc:docMk/>
            <pc:sldMk cId="3218618328" sldId="259"/>
            <ac:spMk id="27" creationId="{7976DDB6-F24A-404C-104E-B5E480855797}"/>
          </ac:spMkLst>
        </pc:spChg>
        <pc:spChg chg="add del mod">
          <ac:chgData name="Roger Cai" userId="22586480-35c0-4c25-95bc-8c24c0c5dcbb" providerId="ADAL" clId="{1B36617D-CEC0-4258-B5EC-1AF91E651E77}" dt="2023-10-02T18:09:47.342" v="8624" actId="478"/>
          <ac:spMkLst>
            <pc:docMk/>
            <pc:sldMk cId="3218618328" sldId="259"/>
            <ac:spMk id="28" creationId="{E5CFE70E-F732-C600-FD09-7EF56668FEAB}"/>
          </ac:spMkLst>
        </pc:spChg>
        <pc:spChg chg="del mod">
          <ac:chgData name="Roger Cai" userId="22586480-35c0-4c25-95bc-8c24c0c5dcbb" providerId="ADAL" clId="{1B36617D-CEC0-4258-B5EC-1AF91E651E77}" dt="2023-10-02T17:57:00.495" v="8064" actId="478"/>
          <ac:spMkLst>
            <pc:docMk/>
            <pc:sldMk cId="3218618328" sldId="259"/>
            <ac:spMk id="29" creationId="{B132809F-E8FD-2641-9210-1F0FC2FFBAE5}"/>
          </ac:spMkLst>
        </pc:spChg>
        <pc:spChg chg="del mod">
          <ac:chgData name="Roger Cai" userId="22586480-35c0-4c25-95bc-8c24c0c5dcbb" providerId="ADAL" clId="{1B36617D-CEC0-4258-B5EC-1AF91E651E77}" dt="2023-10-02T17:57:02.193" v="8065" actId="478"/>
          <ac:spMkLst>
            <pc:docMk/>
            <pc:sldMk cId="3218618328" sldId="259"/>
            <ac:spMk id="30" creationId="{EA968EF6-0E7D-B944-A379-2D2ECDEC2892}"/>
          </ac:spMkLst>
        </pc:spChg>
        <pc:spChg chg="del mod">
          <ac:chgData name="Roger Cai" userId="22586480-35c0-4c25-95bc-8c24c0c5dcbb" providerId="ADAL" clId="{1B36617D-CEC0-4258-B5EC-1AF91E651E77}" dt="2023-10-02T17:56:54.103" v="8060" actId="478"/>
          <ac:spMkLst>
            <pc:docMk/>
            <pc:sldMk cId="3218618328" sldId="259"/>
            <ac:spMk id="31" creationId="{5578C088-544B-0E42-BC0F-75B0A622F8EA}"/>
          </ac:spMkLst>
        </pc:spChg>
        <pc:spChg chg="add del mod">
          <ac:chgData name="Roger Cai" userId="22586480-35c0-4c25-95bc-8c24c0c5dcbb" providerId="ADAL" clId="{1B36617D-CEC0-4258-B5EC-1AF91E651E77}" dt="2023-10-02T18:09:47.342" v="8624" actId="478"/>
          <ac:spMkLst>
            <pc:docMk/>
            <pc:sldMk cId="3218618328" sldId="259"/>
            <ac:spMk id="32" creationId="{CC974A7C-3270-CD39-2DFF-D4A5B5FA0E3D}"/>
          </ac:spMkLst>
        </pc:spChg>
        <pc:spChg chg="add del mod">
          <ac:chgData name="Roger Cai" userId="22586480-35c0-4c25-95bc-8c24c0c5dcbb" providerId="ADAL" clId="{1B36617D-CEC0-4258-B5EC-1AF91E651E77}" dt="2023-10-02T18:09:47.342" v="8624" actId="478"/>
          <ac:spMkLst>
            <pc:docMk/>
            <pc:sldMk cId="3218618328" sldId="259"/>
            <ac:spMk id="33" creationId="{8689C521-7135-4C1A-00CC-47ABE6ED0DF7}"/>
          </ac:spMkLst>
        </pc:spChg>
        <pc:spChg chg="add del mod">
          <ac:chgData name="Roger Cai" userId="22586480-35c0-4c25-95bc-8c24c0c5dcbb" providerId="ADAL" clId="{1B36617D-CEC0-4258-B5EC-1AF91E651E77}" dt="2023-10-02T18:09:47.342" v="8624" actId="478"/>
          <ac:spMkLst>
            <pc:docMk/>
            <pc:sldMk cId="3218618328" sldId="259"/>
            <ac:spMk id="34" creationId="{CA116A18-8CB8-FC59-B1F7-5AEBEAE3A001}"/>
          </ac:spMkLst>
        </pc:spChg>
        <pc:spChg chg="add del mod">
          <ac:chgData name="Roger Cai" userId="22586480-35c0-4c25-95bc-8c24c0c5dcbb" providerId="ADAL" clId="{1B36617D-CEC0-4258-B5EC-1AF91E651E77}" dt="2023-10-02T18:09:47.342" v="8624" actId="478"/>
          <ac:spMkLst>
            <pc:docMk/>
            <pc:sldMk cId="3218618328" sldId="259"/>
            <ac:spMk id="35" creationId="{B9FBD508-3E90-3B35-8002-0E772B3BB0B9}"/>
          </ac:spMkLst>
        </pc:spChg>
        <pc:spChg chg="add del mod">
          <ac:chgData name="Roger Cai" userId="22586480-35c0-4c25-95bc-8c24c0c5dcbb" providerId="ADAL" clId="{1B36617D-CEC0-4258-B5EC-1AF91E651E77}" dt="2023-10-02T18:09:47.342" v="8624" actId="478"/>
          <ac:spMkLst>
            <pc:docMk/>
            <pc:sldMk cId="3218618328" sldId="259"/>
            <ac:spMk id="36" creationId="{AD27C452-D991-1FA3-9ABD-67AC5D6FC1B6}"/>
          </ac:spMkLst>
        </pc:spChg>
        <pc:spChg chg="add del mod">
          <ac:chgData name="Roger Cai" userId="22586480-35c0-4c25-95bc-8c24c0c5dcbb" providerId="ADAL" clId="{1B36617D-CEC0-4258-B5EC-1AF91E651E77}" dt="2023-10-02T18:09:47.342" v="8624" actId="478"/>
          <ac:spMkLst>
            <pc:docMk/>
            <pc:sldMk cId="3218618328" sldId="259"/>
            <ac:spMk id="37" creationId="{CFD7144D-5E49-8175-3D6E-94EBC2B3F261}"/>
          </ac:spMkLst>
        </pc:spChg>
        <pc:spChg chg="add del mod">
          <ac:chgData name="Roger Cai" userId="22586480-35c0-4c25-95bc-8c24c0c5dcbb" providerId="ADAL" clId="{1B36617D-CEC0-4258-B5EC-1AF91E651E77}" dt="2023-10-02T18:09:47.342" v="8624" actId="478"/>
          <ac:spMkLst>
            <pc:docMk/>
            <pc:sldMk cId="3218618328" sldId="259"/>
            <ac:spMk id="38" creationId="{38D8BA3C-CAC9-0354-68E7-FE978A1DFC5B}"/>
          </ac:spMkLst>
        </pc:spChg>
        <pc:spChg chg="add del mod">
          <ac:chgData name="Roger Cai" userId="22586480-35c0-4c25-95bc-8c24c0c5dcbb" providerId="ADAL" clId="{1B36617D-CEC0-4258-B5EC-1AF91E651E77}" dt="2023-10-02T18:09:47.342" v="8624" actId="478"/>
          <ac:spMkLst>
            <pc:docMk/>
            <pc:sldMk cId="3218618328" sldId="259"/>
            <ac:spMk id="39" creationId="{87B96F13-6F57-86AE-130B-C619511A580F}"/>
          </ac:spMkLst>
        </pc:spChg>
        <pc:spChg chg="add del mod">
          <ac:chgData name="Roger Cai" userId="22586480-35c0-4c25-95bc-8c24c0c5dcbb" providerId="ADAL" clId="{1B36617D-CEC0-4258-B5EC-1AF91E651E77}" dt="2023-10-02T18:09:47.342" v="8624" actId="478"/>
          <ac:spMkLst>
            <pc:docMk/>
            <pc:sldMk cId="3218618328" sldId="259"/>
            <ac:spMk id="52" creationId="{7F7EF7F4-0D71-51F1-7550-CCC3E62E1F93}"/>
          </ac:spMkLst>
        </pc:spChg>
        <pc:spChg chg="add del mod">
          <ac:chgData name="Roger Cai" userId="22586480-35c0-4c25-95bc-8c24c0c5dcbb" providerId="ADAL" clId="{1B36617D-CEC0-4258-B5EC-1AF91E651E77}" dt="2023-10-02T18:09:47.342" v="8624" actId="478"/>
          <ac:spMkLst>
            <pc:docMk/>
            <pc:sldMk cId="3218618328" sldId="259"/>
            <ac:spMk id="53" creationId="{B0BB3672-FA73-F835-7702-953FD5A78258}"/>
          </ac:spMkLst>
        </pc:spChg>
        <pc:spChg chg="add del mod">
          <ac:chgData name="Roger Cai" userId="22586480-35c0-4c25-95bc-8c24c0c5dcbb" providerId="ADAL" clId="{1B36617D-CEC0-4258-B5EC-1AF91E651E77}" dt="2023-10-02T18:09:47.342" v="8624" actId="478"/>
          <ac:spMkLst>
            <pc:docMk/>
            <pc:sldMk cId="3218618328" sldId="259"/>
            <ac:spMk id="54" creationId="{C484FFC7-DA23-FA3F-21DA-8C736B75A65F}"/>
          </ac:spMkLst>
        </pc:spChg>
        <pc:spChg chg="add del mod">
          <ac:chgData name="Roger Cai" userId="22586480-35c0-4c25-95bc-8c24c0c5dcbb" providerId="ADAL" clId="{1B36617D-CEC0-4258-B5EC-1AF91E651E77}" dt="2023-10-02T18:09:47.342" v="8624" actId="478"/>
          <ac:spMkLst>
            <pc:docMk/>
            <pc:sldMk cId="3218618328" sldId="259"/>
            <ac:spMk id="55" creationId="{1DA03201-A243-944B-72BA-A7AA2B9EBA1C}"/>
          </ac:spMkLst>
        </pc:spChg>
        <pc:spChg chg="add del mod">
          <ac:chgData name="Roger Cai" userId="22586480-35c0-4c25-95bc-8c24c0c5dcbb" providerId="ADAL" clId="{1B36617D-CEC0-4258-B5EC-1AF91E651E77}" dt="2023-10-02T18:09:47.342" v="8624" actId="478"/>
          <ac:spMkLst>
            <pc:docMk/>
            <pc:sldMk cId="3218618328" sldId="259"/>
            <ac:spMk id="56" creationId="{ACE258EA-7008-67C0-B3D5-5EE04F18190B}"/>
          </ac:spMkLst>
        </pc:spChg>
        <pc:spChg chg="add del mod">
          <ac:chgData name="Roger Cai" userId="22586480-35c0-4c25-95bc-8c24c0c5dcbb" providerId="ADAL" clId="{1B36617D-CEC0-4258-B5EC-1AF91E651E77}" dt="2023-10-02T18:09:47.342" v="8624" actId="478"/>
          <ac:spMkLst>
            <pc:docMk/>
            <pc:sldMk cId="3218618328" sldId="259"/>
            <ac:spMk id="57" creationId="{B877682D-2D2D-AFEB-F207-5D825BEA50C4}"/>
          </ac:spMkLst>
        </pc:spChg>
        <pc:spChg chg="add del mod">
          <ac:chgData name="Roger Cai" userId="22586480-35c0-4c25-95bc-8c24c0c5dcbb" providerId="ADAL" clId="{1B36617D-CEC0-4258-B5EC-1AF91E651E77}" dt="2023-10-02T18:09:47.342" v="8624" actId="478"/>
          <ac:spMkLst>
            <pc:docMk/>
            <pc:sldMk cId="3218618328" sldId="259"/>
            <ac:spMk id="58" creationId="{E05A7348-4C45-6DF6-5480-3527093EDB7B}"/>
          </ac:spMkLst>
        </pc:spChg>
        <pc:spChg chg="add del mod">
          <ac:chgData name="Roger Cai" userId="22586480-35c0-4c25-95bc-8c24c0c5dcbb" providerId="ADAL" clId="{1B36617D-CEC0-4258-B5EC-1AF91E651E77}" dt="2023-10-02T18:09:47.342" v="8624" actId="478"/>
          <ac:spMkLst>
            <pc:docMk/>
            <pc:sldMk cId="3218618328" sldId="259"/>
            <ac:spMk id="59" creationId="{10D5920F-8E13-10B7-B18D-42B3F975CC15}"/>
          </ac:spMkLst>
        </pc:spChg>
        <pc:spChg chg="add del mod">
          <ac:chgData name="Roger Cai" userId="22586480-35c0-4c25-95bc-8c24c0c5dcbb" providerId="ADAL" clId="{1B36617D-CEC0-4258-B5EC-1AF91E651E77}" dt="2023-10-02T18:09:47.342" v="8624" actId="478"/>
          <ac:spMkLst>
            <pc:docMk/>
            <pc:sldMk cId="3218618328" sldId="259"/>
            <ac:spMk id="60" creationId="{307A91D8-F7F2-842B-052D-C94C9C975487}"/>
          </ac:spMkLst>
        </pc:spChg>
        <pc:spChg chg="add del mod">
          <ac:chgData name="Roger Cai" userId="22586480-35c0-4c25-95bc-8c24c0c5dcbb" providerId="ADAL" clId="{1B36617D-CEC0-4258-B5EC-1AF91E651E77}" dt="2023-10-02T18:09:47.342" v="8624" actId="478"/>
          <ac:spMkLst>
            <pc:docMk/>
            <pc:sldMk cId="3218618328" sldId="259"/>
            <ac:spMk id="61" creationId="{26AACA7A-EEC2-984D-932C-5FFB31C0AA00}"/>
          </ac:spMkLst>
        </pc:spChg>
        <pc:spChg chg="add del mod">
          <ac:chgData name="Roger Cai" userId="22586480-35c0-4c25-95bc-8c24c0c5dcbb" providerId="ADAL" clId="{1B36617D-CEC0-4258-B5EC-1AF91E651E77}" dt="2023-10-02T18:09:47.342" v="8624" actId="478"/>
          <ac:spMkLst>
            <pc:docMk/>
            <pc:sldMk cId="3218618328" sldId="259"/>
            <ac:spMk id="62" creationId="{273E545B-0040-26DD-9CBB-FE525D945A6C}"/>
          </ac:spMkLst>
        </pc:spChg>
        <pc:spChg chg="add del mod">
          <ac:chgData name="Roger Cai" userId="22586480-35c0-4c25-95bc-8c24c0c5dcbb" providerId="ADAL" clId="{1B36617D-CEC0-4258-B5EC-1AF91E651E77}" dt="2023-10-02T18:09:47.342" v="8624" actId="478"/>
          <ac:spMkLst>
            <pc:docMk/>
            <pc:sldMk cId="3218618328" sldId="259"/>
            <ac:spMk id="63" creationId="{60748D45-B70F-A294-9C46-D9BAA02E1936}"/>
          </ac:spMkLst>
        </pc:spChg>
        <pc:spChg chg="add del mod">
          <ac:chgData name="Roger Cai" userId="22586480-35c0-4c25-95bc-8c24c0c5dcbb" providerId="ADAL" clId="{1B36617D-CEC0-4258-B5EC-1AF91E651E77}" dt="2023-10-02T18:09:47.342" v="8624" actId="478"/>
          <ac:spMkLst>
            <pc:docMk/>
            <pc:sldMk cId="3218618328" sldId="259"/>
            <ac:spMk id="64" creationId="{08FCEB18-B659-9E97-2451-4E11D52F6863}"/>
          </ac:spMkLst>
        </pc:spChg>
        <pc:spChg chg="add del mod">
          <ac:chgData name="Roger Cai" userId="22586480-35c0-4c25-95bc-8c24c0c5dcbb" providerId="ADAL" clId="{1B36617D-CEC0-4258-B5EC-1AF91E651E77}" dt="2023-10-02T18:09:47.342" v="8624" actId="478"/>
          <ac:spMkLst>
            <pc:docMk/>
            <pc:sldMk cId="3218618328" sldId="259"/>
            <ac:spMk id="65" creationId="{0F409D59-7AD7-B5C7-E105-5DD7C124E2E4}"/>
          </ac:spMkLst>
        </pc:spChg>
        <pc:spChg chg="add del mod">
          <ac:chgData name="Roger Cai" userId="22586480-35c0-4c25-95bc-8c24c0c5dcbb" providerId="ADAL" clId="{1B36617D-CEC0-4258-B5EC-1AF91E651E77}" dt="2023-10-02T18:09:47.342" v="8624" actId="478"/>
          <ac:spMkLst>
            <pc:docMk/>
            <pc:sldMk cId="3218618328" sldId="259"/>
            <ac:spMk id="66" creationId="{48E26573-745E-CFAA-2B50-68EA0990BE3C}"/>
          </ac:spMkLst>
        </pc:spChg>
        <pc:spChg chg="add del mod">
          <ac:chgData name="Roger Cai" userId="22586480-35c0-4c25-95bc-8c24c0c5dcbb" providerId="ADAL" clId="{1B36617D-CEC0-4258-B5EC-1AF91E651E77}" dt="2023-10-02T18:09:47.342" v="8624" actId="478"/>
          <ac:spMkLst>
            <pc:docMk/>
            <pc:sldMk cId="3218618328" sldId="259"/>
            <ac:spMk id="67" creationId="{75529869-8573-D696-7E06-59F35FC5C58D}"/>
          </ac:spMkLst>
        </pc:spChg>
        <pc:spChg chg="add del mod">
          <ac:chgData name="Roger Cai" userId="22586480-35c0-4c25-95bc-8c24c0c5dcbb" providerId="ADAL" clId="{1B36617D-CEC0-4258-B5EC-1AF91E651E77}" dt="2023-10-02T18:09:47.342" v="8624" actId="478"/>
          <ac:spMkLst>
            <pc:docMk/>
            <pc:sldMk cId="3218618328" sldId="259"/>
            <ac:spMk id="68" creationId="{4D615276-4547-9268-F00E-B5DB9AA151C1}"/>
          </ac:spMkLst>
        </pc:spChg>
        <pc:spChg chg="add del mod">
          <ac:chgData name="Roger Cai" userId="22586480-35c0-4c25-95bc-8c24c0c5dcbb" providerId="ADAL" clId="{1B36617D-CEC0-4258-B5EC-1AF91E651E77}" dt="2023-10-02T18:09:47.342" v="8624" actId="478"/>
          <ac:spMkLst>
            <pc:docMk/>
            <pc:sldMk cId="3218618328" sldId="259"/>
            <ac:spMk id="69" creationId="{01128CB7-2AA0-C4D8-9B4D-09CA4AA6E08C}"/>
          </ac:spMkLst>
        </pc:spChg>
        <pc:spChg chg="add del mod">
          <ac:chgData name="Roger Cai" userId="22586480-35c0-4c25-95bc-8c24c0c5dcbb" providerId="ADAL" clId="{1B36617D-CEC0-4258-B5EC-1AF91E651E77}" dt="2023-10-02T18:09:47.342" v="8624" actId="478"/>
          <ac:spMkLst>
            <pc:docMk/>
            <pc:sldMk cId="3218618328" sldId="259"/>
            <ac:spMk id="70" creationId="{2A88EF05-9519-EF79-6F24-15C71D3F9ED8}"/>
          </ac:spMkLst>
        </pc:spChg>
        <pc:spChg chg="add mod">
          <ac:chgData name="Roger Cai" userId="22586480-35c0-4c25-95bc-8c24c0c5dcbb" providerId="ADAL" clId="{1B36617D-CEC0-4258-B5EC-1AF91E651E77}" dt="2023-10-02T18:10:05.187" v="8665" actId="1076"/>
          <ac:spMkLst>
            <pc:docMk/>
            <pc:sldMk cId="3218618328" sldId="259"/>
            <ac:spMk id="71" creationId="{CDD3AD5F-8B35-7380-E829-37F797A6A959}"/>
          </ac:spMkLst>
        </pc:spChg>
        <pc:spChg chg="add mod">
          <ac:chgData name="Roger Cai" userId="22586480-35c0-4c25-95bc-8c24c0c5dcbb" providerId="ADAL" clId="{1B36617D-CEC0-4258-B5EC-1AF91E651E77}" dt="2023-10-02T18:10:05.187" v="8665" actId="1076"/>
          <ac:spMkLst>
            <pc:docMk/>
            <pc:sldMk cId="3218618328" sldId="259"/>
            <ac:spMk id="72" creationId="{FE5F60B7-F067-9667-D857-AB269403E7FD}"/>
          </ac:spMkLst>
        </pc:spChg>
        <pc:spChg chg="add mod">
          <ac:chgData name="Roger Cai" userId="22586480-35c0-4c25-95bc-8c24c0c5dcbb" providerId="ADAL" clId="{1B36617D-CEC0-4258-B5EC-1AF91E651E77}" dt="2023-10-02T18:13:24.627" v="8795" actId="14100"/>
          <ac:spMkLst>
            <pc:docMk/>
            <pc:sldMk cId="3218618328" sldId="259"/>
            <ac:spMk id="74" creationId="{036A4866-7158-390C-12ED-96D029920390}"/>
          </ac:spMkLst>
        </pc:spChg>
        <pc:spChg chg="add mod">
          <ac:chgData name="Roger Cai" userId="22586480-35c0-4c25-95bc-8c24c0c5dcbb" providerId="ADAL" clId="{1B36617D-CEC0-4258-B5EC-1AF91E651E77}" dt="2023-10-02T18:10:05.187" v="8665" actId="1076"/>
          <ac:spMkLst>
            <pc:docMk/>
            <pc:sldMk cId="3218618328" sldId="259"/>
            <ac:spMk id="75" creationId="{C9D619EA-BBD8-8ECA-2690-2DA1F8595692}"/>
          </ac:spMkLst>
        </pc:spChg>
        <pc:spChg chg="add mod">
          <ac:chgData name="Roger Cai" userId="22586480-35c0-4c25-95bc-8c24c0c5dcbb" providerId="ADAL" clId="{1B36617D-CEC0-4258-B5EC-1AF91E651E77}" dt="2023-10-02T18:10:05.187" v="8665" actId="1076"/>
          <ac:spMkLst>
            <pc:docMk/>
            <pc:sldMk cId="3218618328" sldId="259"/>
            <ac:spMk id="77" creationId="{D52011B5-C443-E5B7-1A3E-B68632B23091}"/>
          </ac:spMkLst>
        </pc:spChg>
        <pc:spChg chg="add del mod">
          <ac:chgData name="Roger Cai" userId="22586480-35c0-4c25-95bc-8c24c0c5dcbb" providerId="ADAL" clId="{1B36617D-CEC0-4258-B5EC-1AF91E651E77}" dt="2023-10-03T11:15:40.032" v="8853" actId="478"/>
          <ac:spMkLst>
            <pc:docMk/>
            <pc:sldMk cId="3218618328" sldId="259"/>
            <ac:spMk id="78" creationId="{7BF22A6A-FB46-D6A8-692B-BD562130554D}"/>
          </ac:spMkLst>
        </pc:spChg>
        <pc:spChg chg="add mod">
          <ac:chgData name="Roger Cai" userId="22586480-35c0-4c25-95bc-8c24c0c5dcbb" providerId="ADAL" clId="{1B36617D-CEC0-4258-B5EC-1AF91E651E77}" dt="2023-10-03T11:20:35.248" v="8931" actId="14100"/>
          <ac:spMkLst>
            <pc:docMk/>
            <pc:sldMk cId="3218618328" sldId="259"/>
            <ac:spMk id="79" creationId="{B97C0278-9D80-7073-523E-525712A5C04A}"/>
          </ac:spMkLst>
        </pc:spChg>
        <pc:spChg chg="add mod">
          <ac:chgData name="Roger Cai" userId="22586480-35c0-4c25-95bc-8c24c0c5dcbb" providerId="ADAL" clId="{1B36617D-CEC0-4258-B5EC-1AF91E651E77}" dt="2023-10-03T11:28:38.611" v="8984" actId="1076"/>
          <ac:spMkLst>
            <pc:docMk/>
            <pc:sldMk cId="3218618328" sldId="259"/>
            <ac:spMk id="80" creationId="{04D4EED7-D3FF-A359-E728-EBB2A122145A}"/>
          </ac:spMkLst>
        </pc:spChg>
        <pc:spChg chg="add mod">
          <ac:chgData name="Roger Cai" userId="22586480-35c0-4c25-95bc-8c24c0c5dcbb" providerId="ADAL" clId="{1B36617D-CEC0-4258-B5EC-1AF91E651E77}" dt="2023-10-03T18:07:29.451" v="9201" actId="1076"/>
          <ac:spMkLst>
            <pc:docMk/>
            <pc:sldMk cId="3218618328" sldId="259"/>
            <ac:spMk id="81" creationId="{A223F9A8-444C-85FA-DF45-89BF9CE2C09A}"/>
          </ac:spMkLst>
        </pc:spChg>
        <pc:spChg chg="add del mod">
          <ac:chgData name="Roger Cai" userId="22586480-35c0-4c25-95bc-8c24c0c5dcbb" providerId="ADAL" clId="{1B36617D-CEC0-4258-B5EC-1AF91E651E77}" dt="2023-10-03T17:59:41.040" v="9060" actId="478"/>
          <ac:spMkLst>
            <pc:docMk/>
            <pc:sldMk cId="3218618328" sldId="259"/>
            <ac:spMk id="82" creationId="{7587F398-786B-F81A-BF11-F7C67ED0C6DC}"/>
          </ac:spMkLst>
        </pc:spChg>
        <pc:spChg chg="add mod">
          <ac:chgData name="Roger Cai" userId="22586480-35c0-4c25-95bc-8c24c0c5dcbb" providerId="ADAL" clId="{1B36617D-CEC0-4258-B5EC-1AF91E651E77}" dt="2023-10-03T11:24:35.417" v="8969" actId="1076"/>
          <ac:spMkLst>
            <pc:docMk/>
            <pc:sldMk cId="3218618328" sldId="259"/>
            <ac:spMk id="89" creationId="{F5E0C551-08CC-807C-FEF8-219ED380CE18}"/>
          </ac:spMkLst>
        </pc:spChg>
        <pc:spChg chg="add del mod">
          <ac:chgData name="Roger Cai" userId="22586480-35c0-4c25-95bc-8c24c0c5dcbb" providerId="ADAL" clId="{1B36617D-CEC0-4258-B5EC-1AF91E651E77}" dt="2023-10-02T18:10:12.580" v="8668"/>
          <ac:spMkLst>
            <pc:docMk/>
            <pc:sldMk cId="3218618328" sldId="259"/>
            <ac:spMk id="90" creationId="{7D0A3ECD-688F-7219-55A7-67012A568143}"/>
          </ac:spMkLst>
        </pc:spChg>
        <pc:spChg chg="add mod">
          <ac:chgData name="Roger Cai" userId="22586480-35c0-4c25-95bc-8c24c0c5dcbb" providerId="ADAL" clId="{1B36617D-CEC0-4258-B5EC-1AF91E651E77}" dt="2023-10-04T18:39:08.788" v="11870" actId="20577"/>
          <ac:spMkLst>
            <pc:docMk/>
            <pc:sldMk cId="3218618328" sldId="259"/>
            <ac:spMk id="91" creationId="{1DE1DBED-6606-E923-EE91-0948AB4B2040}"/>
          </ac:spMkLst>
        </pc:spChg>
        <pc:spChg chg="add del mod">
          <ac:chgData name="Roger Cai" userId="22586480-35c0-4c25-95bc-8c24c0c5dcbb" providerId="ADAL" clId="{1B36617D-CEC0-4258-B5EC-1AF91E651E77}" dt="2023-10-02T18:10:40.187" v="8681" actId="478"/>
          <ac:spMkLst>
            <pc:docMk/>
            <pc:sldMk cId="3218618328" sldId="259"/>
            <ac:spMk id="92" creationId="{93338520-D27E-74C4-8191-DD06CC2F8336}"/>
          </ac:spMkLst>
        </pc:spChg>
        <pc:spChg chg="add mod">
          <ac:chgData name="Roger Cai" userId="22586480-35c0-4c25-95bc-8c24c0c5dcbb" providerId="ADAL" clId="{1B36617D-CEC0-4258-B5EC-1AF91E651E77}" dt="2023-10-04T18:39:11.927" v="11873" actId="20577"/>
          <ac:spMkLst>
            <pc:docMk/>
            <pc:sldMk cId="3218618328" sldId="259"/>
            <ac:spMk id="93" creationId="{98F1A671-9FFF-6A93-1924-A7522A263B46}"/>
          </ac:spMkLst>
        </pc:spChg>
        <pc:spChg chg="add del mod">
          <ac:chgData name="Roger Cai" userId="22586480-35c0-4c25-95bc-8c24c0c5dcbb" providerId="ADAL" clId="{1B36617D-CEC0-4258-B5EC-1AF91E651E77}" dt="2023-10-02T18:11:21.090" v="8706" actId="478"/>
          <ac:spMkLst>
            <pc:docMk/>
            <pc:sldMk cId="3218618328" sldId="259"/>
            <ac:spMk id="94" creationId="{1385D64D-8B8C-857B-3824-D446318F98F7}"/>
          </ac:spMkLst>
        </pc:spChg>
        <pc:spChg chg="add mod">
          <ac:chgData name="Roger Cai" userId="22586480-35c0-4c25-95bc-8c24c0c5dcbb" providerId="ADAL" clId="{1B36617D-CEC0-4258-B5EC-1AF91E651E77}" dt="2023-10-04T23:29:04.007" v="12920" actId="1037"/>
          <ac:spMkLst>
            <pc:docMk/>
            <pc:sldMk cId="3218618328" sldId="259"/>
            <ac:spMk id="95" creationId="{01955A70-1D2E-F594-B664-936CA02EFBA3}"/>
          </ac:spMkLst>
        </pc:spChg>
        <pc:spChg chg="add del mod">
          <ac:chgData name="Roger Cai" userId="22586480-35c0-4c25-95bc-8c24c0c5dcbb" providerId="ADAL" clId="{1B36617D-CEC0-4258-B5EC-1AF91E651E77}" dt="2023-10-02T18:12:30.095" v="8745" actId="478"/>
          <ac:spMkLst>
            <pc:docMk/>
            <pc:sldMk cId="3218618328" sldId="259"/>
            <ac:spMk id="96" creationId="{32372A26-29C6-F0C3-747D-D1A9D5AD815F}"/>
          </ac:spMkLst>
        </pc:spChg>
        <pc:spChg chg="add mod">
          <ac:chgData name="Roger Cai" userId="22586480-35c0-4c25-95bc-8c24c0c5dcbb" providerId="ADAL" clId="{1B36617D-CEC0-4258-B5EC-1AF91E651E77}" dt="2023-10-02T18:15:04.124" v="8833" actId="1037"/>
          <ac:spMkLst>
            <pc:docMk/>
            <pc:sldMk cId="3218618328" sldId="259"/>
            <ac:spMk id="97" creationId="{1DD67EAB-FE58-1ECA-DD2F-144D1638EE3D}"/>
          </ac:spMkLst>
        </pc:spChg>
        <pc:spChg chg="add del mod">
          <ac:chgData name="Roger Cai" userId="22586480-35c0-4c25-95bc-8c24c0c5dcbb" providerId="ADAL" clId="{1B36617D-CEC0-4258-B5EC-1AF91E651E77}" dt="2023-10-02T18:13:43.548" v="8796" actId="478"/>
          <ac:spMkLst>
            <pc:docMk/>
            <pc:sldMk cId="3218618328" sldId="259"/>
            <ac:spMk id="98" creationId="{59838C7A-2964-7DE9-7AF2-F50881830A2C}"/>
          </ac:spMkLst>
        </pc:spChg>
        <pc:spChg chg="add del mod">
          <ac:chgData name="Roger Cai" userId="22586480-35c0-4c25-95bc-8c24c0c5dcbb" providerId="ADAL" clId="{1B36617D-CEC0-4258-B5EC-1AF91E651E77}" dt="2023-10-03T11:21:11.281" v="8941" actId="20577"/>
          <ac:spMkLst>
            <pc:docMk/>
            <pc:sldMk cId="3218618328" sldId="259"/>
            <ac:spMk id="99" creationId="{3777C7A3-E476-15A4-070F-FFC7CB913C1C}"/>
          </ac:spMkLst>
        </pc:spChg>
        <pc:spChg chg="add del mod">
          <ac:chgData name="Roger Cai" userId="22586480-35c0-4c25-95bc-8c24c0c5dcbb" providerId="ADAL" clId="{1B36617D-CEC0-4258-B5EC-1AF91E651E77}" dt="2023-10-03T11:19:40.981" v="8867" actId="478"/>
          <ac:spMkLst>
            <pc:docMk/>
            <pc:sldMk cId="3218618328" sldId="259"/>
            <ac:spMk id="100" creationId="{C4388352-9E98-E268-44BB-5797B4DB834D}"/>
          </ac:spMkLst>
        </pc:spChg>
        <pc:spChg chg="add mod">
          <ac:chgData name="Roger Cai" userId="22586480-35c0-4c25-95bc-8c24c0c5dcbb" providerId="ADAL" clId="{1B36617D-CEC0-4258-B5EC-1AF91E651E77}" dt="2023-10-03T18:09:06.790" v="9278" actId="207"/>
          <ac:spMkLst>
            <pc:docMk/>
            <pc:sldMk cId="3218618328" sldId="259"/>
            <ac:spMk id="101" creationId="{5B0B5DF7-E203-C606-08F5-08D6196A37C6}"/>
          </ac:spMkLst>
        </pc:spChg>
        <pc:spChg chg="add del mod">
          <ac:chgData name="Roger Cai" userId="22586480-35c0-4c25-95bc-8c24c0c5dcbb" providerId="ADAL" clId="{1B36617D-CEC0-4258-B5EC-1AF91E651E77}" dt="2023-10-03T17:54:42.566" v="8996" actId="478"/>
          <ac:spMkLst>
            <pc:docMk/>
            <pc:sldMk cId="3218618328" sldId="259"/>
            <ac:spMk id="102" creationId="{CC6A760A-6F95-565F-B819-02EE0C77E38F}"/>
          </ac:spMkLst>
        </pc:spChg>
        <pc:spChg chg="add del mod">
          <ac:chgData name="Roger Cai" userId="22586480-35c0-4c25-95bc-8c24c0c5dcbb" providerId="ADAL" clId="{1B36617D-CEC0-4258-B5EC-1AF91E651E77}" dt="2023-10-03T11:15:53.317" v="8856" actId="478"/>
          <ac:spMkLst>
            <pc:docMk/>
            <pc:sldMk cId="3218618328" sldId="259"/>
            <ac:spMk id="103" creationId="{05561583-2CCB-7EC7-CDA2-232E568D3668}"/>
          </ac:spMkLst>
        </pc:spChg>
        <pc:spChg chg="add mod">
          <ac:chgData name="Roger Cai" userId="22586480-35c0-4c25-95bc-8c24c0c5dcbb" providerId="ADAL" clId="{1B36617D-CEC0-4258-B5EC-1AF91E651E77}" dt="2023-10-02T18:10:05.187" v="8665" actId="1076"/>
          <ac:spMkLst>
            <pc:docMk/>
            <pc:sldMk cId="3218618328" sldId="259"/>
            <ac:spMk id="104" creationId="{12995819-7A4A-8B4A-A34B-94F989A10E52}"/>
          </ac:spMkLst>
        </pc:spChg>
        <pc:spChg chg="add del mod">
          <ac:chgData name="Roger Cai" userId="22586480-35c0-4c25-95bc-8c24c0c5dcbb" providerId="ADAL" clId="{1B36617D-CEC0-4258-B5EC-1AF91E651E77}" dt="2023-10-03T18:30:22.569" v="9395" actId="1035"/>
          <ac:spMkLst>
            <pc:docMk/>
            <pc:sldMk cId="3218618328" sldId="259"/>
            <ac:spMk id="105" creationId="{CB4553E2-FFE7-CD93-2D4D-2B89D54636CE}"/>
          </ac:spMkLst>
        </pc:spChg>
        <pc:spChg chg="add del mod">
          <ac:chgData name="Roger Cai" userId="22586480-35c0-4c25-95bc-8c24c0c5dcbb" providerId="ADAL" clId="{1B36617D-CEC0-4258-B5EC-1AF91E651E77}" dt="2023-10-03T11:19:23.909" v="8857" actId="478"/>
          <ac:spMkLst>
            <pc:docMk/>
            <pc:sldMk cId="3218618328" sldId="259"/>
            <ac:spMk id="106" creationId="{6E73B90A-3247-5E84-788D-8B03350F4CE6}"/>
          </ac:spMkLst>
        </pc:spChg>
        <pc:spChg chg="add del mod">
          <ac:chgData name="Roger Cai" userId="22586480-35c0-4c25-95bc-8c24c0c5dcbb" providerId="ADAL" clId="{1B36617D-CEC0-4258-B5EC-1AF91E651E77}" dt="2023-10-03T17:59:46.376" v="9062" actId="478"/>
          <ac:spMkLst>
            <pc:docMk/>
            <pc:sldMk cId="3218618328" sldId="259"/>
            <ac:spMk id="107" creationId="{25A2E417-8557-68F8-3DF0-3AAA636621A9}"/>
          </ac:spMkLst>
        </pc:spChg>
        <pc:spChg chg="add del mod">
          <ac:chgData name="Roger Cai" userId="22586480-35c0-4c25-95bc-8c24c0c5dcbb" providerId="ADAL" clId="{1B36617D-CEC0-4258-B5EC-1AF91E651E77}" dt="2023-10-03T17:54:46.678" v="8997" actId="478"/>
          <ac:spMkLst>
            <pc:docMk/>
            <pc:sldMk cId="3218618328" sldId="259"/>
            <ac:spMk id="108" creationId="{FB8FE222-C857-65CF-BC70-C46DE4755C3C}"/>
          </ac:spMkLst>
        </pc:spChg>
        <pc:graphicFrameChg chg="add del mod">
          <ac:chgData name="Roger Cai" userId="22586480-35c0-4c25-95bc-8c24c0c5dcbb" providerId="ADAL" clId="{1B36617D-CEC0-4258-B5EC-1AF91E651E77}" dt="2023-10-02T18:05:37.027" v="8551"/>
          <ac:graphicFrameMkLst>
            <pc:docMk/>
            <pc:sldMk cId="3218618328" sldId="259"/>
            <ac:graphicFrameMk id="16" creationId="{CF33118D-EED6-D428-8150-2D4B8E51DA77}"/>
          </ac:graphicFrameMkLst>
        </pc:graphicFrameChg>
        <pc:graphicFrameChg chg="add del mod">
          <ac:chgData name="Roger Cai" userId="22586480-35c0-4c25-95bc-8c24c0c5dcbb" providerId="ADAL" clId="{1B36617D-CEC0-4258-B5EC-1AF91E651E77}" dt="2023-10-02T18:05:51.240" v="8555"/>
          <ac:graphicFrameMkLst>
            <pc:docMk/>
            <pc:sldMk cId="3218618328" sldId="259"/>
            <ac:graphicFrameMk id="18" creationId="{42F65992-D5D1-7D70-E258-A8E169DBEFFC}"/>
          </ac:graphicFrameMkLst>
        </pc:graphicFrameChg>
        <pc:graphicFrameChg chg="add del mod">
          <ac:chgData name="Roger Cai" userId="22586480-35c0-4c25-95bc-8c24c0c5dcbb" providerId="ADAL" clId="{1B36617D-CEC0-4258-B5EC-1AF91E651E77}" dt="2023-10-02T18:05:55.343" v="8559" actId="21"/>
          <ac:graphicFrameMkLst>
            <pc:docMk/>
            <pc:sldMk cId="3218618328" sldId="259"/>
            <ac:graphicFrameMk id="20" creationId="{33CF826F-0931-0377-6A3A-EC0752AE5DAD}"/>
          </ac:graphicFrameMkLst>
        </pc:graphicFrameChg>
        <pc:graphicFrameChg chg="add mod modGraphic">
          <ac:chgData name="Roger Cai" userId="22586480-35c0-4c25-95bc-8c24c0c5dcbb" providerId="ADAL" clId="{1B36617D-CEC0-4258-B5EC-1AF91E651E77}" dt="2023-10-02T18:06:58.852" v="8579" actId="1076"/>
          <ac:graphicFrameMkLst>
            <pc:docMk/>
            <pc:sldMk cId="3218618328" sldId="259"/>
            <ac:graphicFrameMk id="22" creationId="{CEB023D9-7857-6FBE-F7E1-3B82AED49389}"/>
          </ac:graphicFrameMkLst>
        </pc:graphicFrameChg>
        <pc:graphicFrameChg chg="add del mod">
          <ac:chgData name="Roger Cai" userId="22586480-35c0-4c25-95bc-8c24c0c5dcbb" providerId="ADAL" clId="{1B36617D-CEC0-4258-B5EC-1AF91E651E77}" dt="2023-10-02T18:06:01.373" v="8564"/>
          <ac:graphicFrameMkLst>
            <pc:docMk/>
            <pc:sldMk cId="3218618328" sldId="259"/>
            <ac:graphicFrameMk id="24" creationId="{7E9115AC-E3F1-25E8-95E1-97D366DFEDE2}"/>
          </ac:graphicFrameMkLst>
        </pc:graphicFrameChg>
        <pc:picChg chg="add mod">
          <ac:chgData name="Roger Cai" userId="22586480-35c0-4c25-95bc-8c24c0c5dcbb" providerId="ADAL" clId="{1B36617D-CEC0-4258-B5EC-1AF91E651E77}" dt="2023-10-03T11:29:51.703" v="8995" actId="1076"/>
          <ac:picMkLst>
            <pc:docMk/>
            <pc:sldMk cId="3218618328" sldId="259"/>
            <ac:picMk id="4" creationId="{5BD97A83-9116-5479-F98D-507F5A2EA88D}"/>
          </ac:picMkLst>
        </pc:picChg>
        <pc:picChg chg="add del mod">
          <ac:chgData name="Roger Cai" userId="22586480-35c0-4c25-95bc-8c24c0c5dcbb" providerId="ADAL" clId="{1B36617D-CEC0-4258-B5EC-1AF91E651E77}" dt="2023-10-02T18:05:38.310" v="8552"/>
          <ac:picMkLst>
            <pc:docMk/>
            <pc:sldMk cId="3218618328" sldId="259"/>
            <ac:picMk id="12" creationId="{83606401-F72E-11D9-AE2F-B912D4AD29D2}"/>
          </ac:picMkLst>
        </pc:picChg>
        <pc:picChg chg="add del mod">
          <ac:chgData name="Roger Cai" userId="22586480-35c0-4c25-95bc-8c24c0c5dcbb" providerId="ADAL" clId="{1B36617D-CEC0-4258-B5EC-1AF91E651E77}" dt="2023-10-02T18:05:51.968" v="8556"/>
          <ac:picMkLst>
            <pc:docMk/>
            <pc:sldMk cId="3218618328" sldId="259"/>
            <ac:picMk id="17" creationId="{8FD97CCE-77EB-40B9-A253-7FC10DCAD474}"/>
          </ac:picMkLst>
        </pc:picChg>
        <pc:picChg chg="add del mod">
          <ac:chgData name="Roger Cai" userId="22586480-35c0-4c25-95bc-8c24c0c5dcbb" providerId="ADAL" clId="{1B36617D-CEC0-4258-B5EC-1AF91E651E77}" dt="2023-10-02T18:05:55.343" v="8559" actId="21"/>
          <ac:picMkLst>
            <pc:docMk/>
            <pc:sldMk cId="3218618328" sldId="259"/>
            <ac:picMk id="19" creationId="{A7DA6CAF-5B29-3F12-DDE6-1230AFFB545E}"/>
          </ac:picMkLst>
        </pc:picChg>
        <pc:picChg chg="add mod">
          <ac:chgData name="Roger Cai" userId="22586480-35c0-4c25-95bc-8c24c0c5dcbb" providerId="ADAL" clId="{1B36617D-CEC0-4258-B5EC-1AF91E651E77}" dt="2023-10-02T18:06:58.852" v="8579" actId="1076"/>
          <ac:picMkLst>
            <pc:docMk/>
            <pc:sldMk cId="3218618328" sldId="259"/>
            <ac:picMk id="21" creationId="{81064068-CEE1-0F81-D703-E271204A7C1D}"/>
          </ac:picMkLst>
        </pc:picChg>
        <pc:picChg chg="add del mod">
          <ac:chgData name="Roger Cai" userId="22586480-35c0-4c25-95bc-8c24c0c5dcbb" providerId="ADAL" clId="{1B36617D-CEC0-4258-B5EC-1AF91E651E77}" dt="2023-10-02T18:06:02.466" v="8565"/>
          <ac:picMkLst>
            <pc:docMk/>
            <pc:sldMk cId="3218618328" sldId="259"/>
            <ac:picMk id="23" creationId="{C296A108-7192-B77C-2DE0-848B8354F204}"/>
          </ac:picMkLst>
        </pc:picChg>
        <pc:inkChg chg="add del">
          <ac:chgData name="Roger Cai" userId="22586480-35c0-4c25-95bc-8c24c0c5dcbb" providerId="ADAL" clId="{1B36617D-CEC0-4258-B5EC-1AF91E651E77}" dt="2023-10-05T17:26:51.683" v="13029" actId="478"/>
          <ac:inkMkLst>
            <pc:docMk/>
            <pc:sldMk cId="3218618328" sldId="259"/>
            <ac:inkMk id="2" creationId="{62A0E6A5-BAC0-439D-D729-C0FD445643F2}"/>
          </ac:inkMkLst>
        </pc:inkChg>
        <pc:cxnChg chg="add mod">
          <ac:chgData name="Roger Cai" userId="22586480-35c0-4c25-95bc-8c24c0c5dcbb" providerId="ADAL" clId="{1B36617D-CEC0-4258-B5EC-1AF91E651E77}" dt="2023-10-03T18:15:13.794" v="9345" actId="14100"/>
          <ac:cxnSpMkLst>
            <pc:docMk/>
            <pc:sldMk cId="3218618328" sldId="259"/>
            <ac:cxnSpMk id="11" creationId="{4FF86252-1DBD-5BF2-A50E-E0C6B9811A3F}"/>
          </ac:cxnSpMkLst>
        </pc:cxnChg>
        <pc:cxnChg chg="add del mod">
          <ac:chgData name="Roger Cai" userId="22586480-35c0-4c25-95bc-8c24c0c5dcbb" providerId="ADAL" clId="{1B36617D-CEC0-4258-B5EC-1AF91E651E77}" dt="2023-10-02T18:09:47.342" v="8624" actId="478"/>
          <ac:cxnSpMkLst>
            <pc:docMk/>
            <pc:sldMk cId="3218618328" sldId="259"/>
            <ac:cxnSpMk id="40" creationId="{B8E59446-63A0-9936-0978-023E2D4FF5BC}"/>
          </ac:cxnSpMkLst>
        </pc:cxnChg>
        <pc:cxnChg chg="add del mod">
          <ac:chgData name="Roger Cai" userId="22586480-35c0-4c25-95bc-8c24c0c5dcbb" providerId="ADAL" clId="{1B36617D-CEC0-4258-B5EC-1AF91E651E77}" dt="2023-10-02T18:09:47.342" v="8624" actId="478"/>
          <ac:cxnSpMkLst>
            <pc:docMk/>
            <pc:sldMk cId="3218618328" sldId="259"/>
            <ac:cxnSpMk id="41" creationId="{1BEF0A07-382C-19C2-6656-86640C06FEAE}"/>
          </ac:cxnSpMkLst>
        </pc:cxnChg>
        <pc:cxnChg chg="add del mod">
          <ac:chgData name="Roger Cai" userId="22586480-35c0-4c25-95bc-8c24c0c5dcbb" providerId="ADAL" clId="{1B36617D-CEC0-4258-B5EC-1AF91E651E77}" dt="2023-10-02T18:09:47.342" v="8624" actId="478"/>
          <ac:cxnSpMkLst>
            <pc:docMk/>
            <pc:sldMk cId="3218618328" sldId="259"/>
            <ac:cxnSpMk id="42" creationId="{88939A31-E777-4488-860A-2B7C517C5661}"/>
          </ac:cxnSpMkLst>
        </pc:cxnChg>
        <pc:cxnChg chg="add del mod">
          <ac:chgData name="Roger Cai" userId="22586480-35c0-4c25-95bc-8c24c0c5dcbb" providerId="ADAL" clId="{1B36617D-CEC0-4258-B5EC-1AF91E651E77}" dt="2023-10-02T18:09:47.342" v="8624" actId="478"/>
          <ac:cxnSpMkLst>
            <pc:docMk/>
            <pc:sldMk cId="3218618328" sldId="259"/>
            <ac:cxnSpMk id="43" creationId="{2DA4DC10-9C25-21A2-770A-FFB6BC16C695}"/>
          </ac:cxnSpMkLst>
        </pc:cxnChg>
        <pc:cxnChg chg="add del mod">
          <ac:chgData name="Roger Cai" userId="22586480-35c0-4c25-95bc-8c24c0c5dcbb" providerId="ADAL" clId="{1B36617D-CEC0-4258-B5EC-1AF91E651E77}" dt="2023-10-02T18:09:47.342" v="8624" actId="478"/>
          <ac:cxnSpMkLst>
            <pc:docMk/>
            <pc:sldMk cId="3218618328" sldId="259"/>
            <ac:cxnSpMk id="44" creationId="{2F94C1F5-3BFF-D1B4-F6DC-D9E53E3B787F}"/>
          </ac:cxnSpMkLst>
        </pc:cxnChg>
        <pc:cxnChg chg="add del mod">
          <ac:chgData name="Roger Cai" userId="22586480-35c0-4c25-95bc-8c24c0c5dcbb" providerId="ADAL" clId="{1B36617D-CEC0-4258-B5EC-1AF91E651E77}" dt="2023-10-02T18:09:47.342" v="8624" actId="478"/>
          <ac:cxnSpMkLst>
            <pc:docMk/>
            <pc:sldMk cId="3218618328" sldId="259"/>
            <ac:cxnSpMk id="45" creationId="{0C55EF72-8A17-5BBB-9F0F-3A2A180B82EE}"/>
          </ac:cxnSpMkLst>
        </pc:cxnChg>
        <pc:cxnChg chg="add del mod">
          <ac:chgData name="Roger Cai" userId="22586480-35c0-4c25-95bc-8c24c0c5dcbb" providerId="ADAL" clId="{1B36617D-CEC0-4258-B5EC-1AF91E651E77}" dt="2023-10-02T18:09:47.342" v="8624" actId="478"/>
          <ac:cxnSpMkLst>
            <pc:docMk/>
            <pc:sldMk cId="3218618328" sldId="259"/>
            <ac:cxnSpMk id="46" creationId="{DE6E1E56-9858-B632-CB0E-06838E3CFD62}"/>
          </ac:cxnSpMkLst>
        </pc:cxnChg>
        <pc:cxnChg chg="add del mod">
          <ac:chgData name="Roger Cai" userId="22586480-35c0-4c25-95bc-8c24c0c5dcbb" providerId="ADAL" clId="{1B36617D-CEC0-4258-B5EC-1AF91E651E77}" dt="2023-10-02T18:09:47.342" v="8624" actId="478"/>
          <ac:cxnSpMkLst>
            <pc:docMk/>
            <pc:sldMk cId="3218618328" sldId="259"/>
            <ac:cxnSpMk id="47" creationId="{B6E5926A-83E3-AB87-684B-1E9568FAD8E0}"/>
          </ac:cxnSpMkLst>
        </pc:cxnChg>
        <pc:cxnChg chg="add del mod">
          <ac:chgData name="Roger Cai" userId="22586480-35c0-4c25-95bc-8c24c0c5dcbb" providerId="ADAL" clId="{1B36617D-CEC0-4258-B5EC-1AF91E651E77}" dt="2023-10-02T18:09:47.342" v="8624" actId="478"/>
          <ac:cxnSpMkLst>
            <pc:docMk/>
            <pc:sldMk cId="3218618328" sldId="259"/>
            <ac:cxnSpMk id="48" creationId="{7C2366D5-E9BB-D277-7B87-D6C26EB56560}"/>
          </ac:cxnSpMkLst>
        </pc:cxnChg>
        <pc:cxnChg chg="add del mod">
          <ac:chgData name="Roger Cai" userId="22586480-35c0-4c25-95bc-8c24c0c5dcbb" providerId="ADAL" clId="{1B36617D-CEC0-4258-B5EC-1AF91E651E77}" dt="2023-10-02T18:09:47.342" v="8624" actId="478"/>
          <ac:cxnSpMkLst>
            <pc:docMk/>
            <pc:sldMk cId="3218618328" sldId="259"/>
            <ac:cxnSpMk id="49" creationId="{7C79A45C-731F-433B-1DA5-966400FD055B}"/>
          </ac:cxnSpMkLst>
        </pc:cxnChg>
        <pc:cxnChg chg="add del mod">
          <ac:chgData name="Roger Cai" userId="22586480-35c0-4c25-95bc-8c24c0c5dcbb" providerId="ADAL" clId="{1B36617D-CEC0-4258-B5EC-1AF91E651E77}" dt="2023-10-02T18:09:47.342" v="8624" actId="478"/>
          <ac:cxnSpMkLst>
            <pc:docMk/>
            <pc:sldMk cId="3218618328" sldId="259"/>
            <ac:cxnSpMk id="50" creationId="{AC3CFE22-BC2C-D03C-E99F-E0A8AC3699F3}"/>
          </ac:cxnSpMkLst>
        </pc:cxnChg>
        <pc:cxnChg chg="add del mod">
          <ac:chgData name="Roger Cai" userId="22586480-35c0-4c25-95bc-8c24c0c5dcbb" providerId="ADAL" clId="{1B36617D-CEC0-4258-B5EC-1AF91E651E77}" dt="2023-10-02T18:09:47.342" v="8624" actId="478"/>
          <ac:cxnSpMkLst>
            <pc:docMk/>
            <pc:sldMk cId="3218618328" sldId="259"/>
            <ac:cxnSpMk id="51" creationId="{2E3C57A7-1BA6-50E7-764B-C188E6DEE9E5}"/>
          </ac:cxnSpMkLst>
        </pc:cxnChg>
        <pc:cxnChg chg="add mod">
          <ac:chgData name="Roger Cai" userId="22586480-35c0-4c25-95bc-8c24c0c5dcbb" providerId="ADAL" clId="{1B36617D-CEC0-4258-B5EC-1AF91E651E77}" dt="2023-10-02T18:10:05.187" v="8665" actId="1076"/>
          <ac:cxnSpMkLst>
            <pc:docMk/>
            <pc:sldMk cId="3218618328" sldId="259"/>
            <ac:cxnSpMk id="73" creationId="{FFFB5E27-99B0-EAE0-7BD2-0F3F743362F5}"/>
          </ac:cxnSpMkLst>
        </pc:cxnChg>
        <pc:cxnChg chg="add mod">
          <ac:chgData name="Roger Cai" userId="22586480-35c0-4c25-95bc-8c24c0c5dcbb" providerId="ADAL" clId="{1B36617D-CEC0-4258-B5EC-1AF91E651E77}" dt="2023-10-02T18:10:05.187" v="8665" actId="1076"/>
          <ac:cxnSpMkLst>
            <pc:docMk/>
            <pc:sldMk cId="3218618328" sldId="259"/>
            <ac:cxnSpMk id="76" creationId="{A7B18063-7570-853B-F1F6-CF3B54F89DEE}"/>
          </ac:cxnSpMkLst>
        </pc:cxnChg>
        <pc:cxnChg chg="add mod">
          <ac:chgData name="Roger Cai" userId="22586480-35c0-4c25-95bc-8c24c0c5dcbb" providerId="ADAL" clId="{1B36617D-CEC0-4258-B5EC-1AF91E651E77}" dt="2023-10-02T18:10:05.187" v="8665" actId="1076"/>
          <ac:cxnSpMkLst>
            <pc:docMk/>
            <pc:sldMk cId="3218618328" sldId="259"/>
            <ac:cxnSpMk id="83" creationId="{42E9663D-5961-11C0-1621-1B4D1EF7C2E2}"/>
          </ac:cxnSpMkLst>
        </pc:cxnChg>
        <pc:cxnChg chg="add del mod">
          <ac:chgData name="Roger Cai" userId="22586480-35c0-4c25-95bc-8c24c0c5dcbb" providerId="ADAL" clId="{1B36617D-CEC0-4258-B5EC-1AF91E651E77}" dt="2023-10-03T11:15:49.393" v="8855" actId="478"/>
          <ac:cxnSpMkLst>
            <pc:docMk/>
            <pc:sldMk cId="3218618328" sldId="259"/>
            <ac:cxnSpMk id="84" creationId="{56F69377-12BF-4E69-8986-049563BC32CA}"/>
          </ac:cxnSpMkLst>
        </pc:cxnChg>
        <pc:cxnChg chg="add mod">
          <ac:chgData name="Roger Cai" userId="22586480-35c0-4c25-95bc-8c24c0c5dcbb" providerId="ADAL" clId="{1B36617D-CEC0-4258-B5EC-1AF91E651E77}" dt="2023-10-03T18:14:30.597" v="9342" actId="14100"/>
          <ac:cxnSpMkLst>
            <pc:docMk/>
            <pc:sldMk cId="3218618328" sldId="259"/>
            <ac:cxnSpMk id="85" creationId="{C50EFFF3-E413-891A-B835-C5D0B83B5E41}"/>
          </ac:cxnSpMkLst>
        </pc:cxnChg>
        <pc:cxnChg chg="add mod">
          <ac:chgData name="Roger Cai" userId="22586480-35c0-4c25-95bc-8c24c0c5dcbb" providerId="ADAL" clId="{1B36617D-CEC0-4258-B5EC-1AF91E651E77}" dt="2023-10-03T11:28:54.447" v="8986" actId="14100"/>
          <ac:cxnSpMkLst>
            <pc:docMk/>
            <pc:sldMk cId="3218618328" sldId="259"/>
            <ac:cxnSpMk id="86" creationId="{8E72392A-B977-3FEB-AC46-A733BFA80DA9}"/>
          </ac:cxnSpMkLst>
        </pc:cxnChg>
        <pc:cxnChg chg="add del mod">
          <ac:chgData name="Roger Cai" userId="22586480-35c0-4c25-95bc-8c24c0c5dcbb" providerId="ADAL" clId="{1B36617D-CEC0-4258-B5EC-1AF91E651E77}" dt="2023-10-03T17:59:42.708" v="9061" actId="478"/>
          <ac:cxnSpMkLst>
            <pc:docMk/>
            <pc:sldMk cId="3218618328" sldId="259"/>
            <ac:cxnSpMk id="87" creationId="{D68B6CB6-A538-7DD5-3007-67C02E4B6964}"/>
          </ac:cxnSpMkLst>
        </pc:cxnChg>
        <pc:cxnChg chg="add mod">
          <ac:chgData name="Roger Cai" userId="22586480-35c0-4c25-95bc-8c24c0c5dcbb" providerId="ADAL" clId="{1B36617D-CEC0-4258-B5EC-1AF91E651E77}" dt="2023-10-02T18:10:05.187" v="8665" actId="1076"/>
          <ac:cxnSpMkLst>
            <pc:docMk/>
            <pc:sldMk cId="3218618328" sldId="259"/>
            <ac:cxnSpMk id="88" creationId="{A526C2AF-79C8-DF2A-A64A-5D3FC608447F}"/>
          </ac:cxnSpMkLst>
        </pc:cxnChg>
        <pc:cxnChg chg="add mod">
          <ac:chgData name="Roger Cai" userId="22586480-35c0-4c25-95bc-8c24c0c5dcbb" providerId="ADAL" clId="{1B36617D-CEC0-4258-B5EC-1AF91E651E77}" dt="2023-10-02T18:10:05.187" v="8665" actId="1076"/>
          <ac:cxnSpMkLst>
            <pc:docMk/>
            <pc:sldMk cId="3218618328" sldId="259"/>
            <ac:cxnSpMk id="109" creationId="{F916B47E-51E5-B485-9B0A-B3C8C87D9522}"/>
          </ac:cxnSpMkLst>
        </pc:cxnChg>
      </pc:sldChg>
      <pc:sldChg chg="modSp add del">
        <pc:chgData name="Roger Cai" userId="22586480-35c0-4c25-95bc-8c24c0c5dcbb" providerId="ADAL" clId="{1B36617D-CEC0-4258-B5EC-1AF91E651E77}" dt="2023-10-03T18:57:39.490" v="9656" actId="47"/>
        <pc:sldMkLst>
          <pc:docMk/>
          <pc:sldMk cId="2289373885" sldId="260"/>
        </pc:sldMkLst>
        <pc:spChg chg="mod">
          <ac:chgData name="Roger Cai" userId="22586480-35c0-4c25-95bc-8c24c0c5dcbb" providerId="ADAL" clId="{1B36617D-CEC0-4258-B5EC-1AF91E651E77}" dt="2023-10-01T10:51:06.261" v="303"/>
          <ac:spMkLst>
            <pc:docMk/>
            <pc:sldMk cId="2289373885" sldId="260"/>
            <ac:spMk id="2" creationId="{00000000-0000-0000-0000-000000000000}"/>
          </ac:spMkLst>
        </pc:spChg>
        <pc:spChg chg="mod">
          <ac:chgData name="Roger Cai" userId="22586480-35c0-4c25-95bc-8c24c0c5dcbb" providerId="ADAL" clId="{1B36617D-CEC0-4258-B5EC-1AF91E651E77}" dt="2023-10-01T10:51:06.261" v="309"/>
          <ac:spMkLst>
            <pc:docMk/>
            <pc:sldMk cId="2289373885" sldId="260"/>
            <ac:spMk id="3" creationId="{F63D5210-8797-48E9-83AA-CF8AF16528C5}"/>
          </ac:spMkLst>
        </pc:spChg>
        <pc:spChg chg="mod">
          <ac:chgData name="Roger Cai" userId="22586480-35c0-4c25-95bc-8c24c0c5dcbb" providerId="ADAL" clId="{1B36617D-CEC0-4258-B5EC-1AF91E651E77}" dt="2023-10-01T10:51:06.261" v="305"/>
          <ac:spMkLst>
            <pc:docMk/>
            <pc:sldMk cId="2289373885" sldId="260"/>
            <ac:spMk id="4" creationId="{B58BC131-7E04-4485-BF35-458760776B6C}"/>
          </ac:spMkLst>
        </pc:spChg>
        <pc:spChg chg="mod">
          <ac:chgData name="Roger Cai" userId="22586480-35c0-4c25-95bc-8c24c0c5dcbb" providerId="ADAL" clId="{1B36617D-CEC0-4258-B5EC-1AF91E651E77}" dt="2023-10-01T10:51:06.261" v="307"/>
          <ac:spMkLst>
            <pc:docMk/>
            <pc:sldMk cId="2289373885" sldId="260"/>
            <ac:spMk id="5" creationId="{B46431F5-776D-4CB1-92E3-8584DD5895E9}"/>
          </ac:spMkLst>
        </pc:spChg>
        <pc:spChg chg="mod">
          <ac:chgData name="Roger Cai" userId="22586480-35c0-4c25-95bc-8c24c0c5dcbb" providerId="ADAL" clId="{1B36617D-CEC0-4258-B5EC-1AF91E651E77}" dt="2023-10-01T10:51:06.261" v="311"/>
          <ac:spMkLst>
            <pc:docMk/>
            <pc:sldMk cId="2289373885" sldId="260"/>
            <ac:spMk id="6" creationId="{AA126872-7107-4E3C-BF6C-3C21F94F3F6E}"/>
          </ac:spMkLst>
        </pc:spChg>
        <pc:spChg chg="mod">
          <ac:chgData name="Roger Cai" userId="22586480-35c0-4c25-95bc-8c24c0c5dcbb" providerId="ADAL" clId="{1B36617D-CEC0-4258-B5EC-1AF91E651E77}" dt="2023-10-01T10:51:06.276" v="325"/>
          <ac:spMkLst>
            <pc:docMk/>
            <pc:sldMk cId="2289373885" sldId="260"/>
            <ac:spMk id="13" creationId="{4C8C3781-6D3C-4039-ABAB-912079145BC0}"/>
          </ac:spMkLst>
        </pc:spChg>
        <pc:spChg chg="mod">
          <ac:chgData name="Roger Cai" userId="22586480-35c0-4c25-95bc-8c24c0c5dcbb" providerId="ADAL" clId="{1B36617D-CEC0-4258-B5EC-1AF91E651E77}" dt="2023-10-01T10:51:06.261" v="313"/>
          <ac:spMkLst>
            <pc:docMk/>
            <pc:sldMk cId="2289373885" sldId="260"/>
            <ac:spMk id="14" creationId="{1645E0B2-F183-4160-9F9B-079B514CFA11}"/>
          </ac:spMkLst>
        </pc:spChg>
        <pc:spChg chg="mod">
          <ac:chgData name="Roger Cai" userId="22586480-35c0-4c25-95bc-8c24c0c5dcbb" providerId="ADAL" clId="{1B36617D-CEC0-4258-B5EC-1AF91E651E77}" dt="2023-10-01T10:51:06.261" v="315"/>
          <ac:spMkLst>
            <pc:docMk/>
            <pc:sldMk cId="2289373885" sldId="260"/>
            <ac:spMk id="15" creationId="{06EC9CDF-194A-44FC-962F-430C5613EE1A}"/>
          </ac:spMkLst>
        </pc:spChg>
        <pc:spChg chg="mod">
          <ac:chgData name="Roger Cai" userId="22586480-35c0-4c25-95bc-8c24c0c5dcbb" providerId="ADAL" clId="{1B36617D-CEC0-4258-B5EC-1AF91E651E77}" dt="2023-10-01T10:51:06.261" v="317"/>
          <ac:spMkLst>
            <pc:docMk/>
            <pc:sldMk cId="2289373885" sldId="260"/>
            <ac:spMk id="16" creationId="{1509302B-3FC8-4AC4-A30E-0DF800BDD2FF}"/>
          </ac:spMkLst>
        </pc:spChg>
        <pc:spChg chg="mod">
          <ac:chgData name="Roger Cai" userId="22586480-35c0-4c25-95bc-8c24c0c5dcbb" providerId="ADAL" clId="{1B36617D-CEC0-4258-B5EC-1AF91E651E77}" dt="2023-10-01T10:51:06.276" v="319"/>
          <ac:spMkLst>
            <pc:docMk/>
            <pc:sldMk cId="2289373885" sldId="260"/>
            <ac:spMk id="17" creationId="{04D2AB45-F823-4001-86D7-D2523C5D3E00}"/>
          </ac:spMkLst>
        </pc:spChg>
        <pc:spChg chg="mod">
          <ac:chgData name="Roger Cai" userId="22586480-35c0-4c25-95bc-8c24c0c5dcbb" providerId="ADAL" clId="{1B36617D-CEC0-4258-B5EC-1AF91E651E77}" dt="2023-10-01T10:51:06.276" v="327"/>
          <ac:spMkLst>
            <pc:docMk/>
            <pc:sldMk cId="2289373885" sldId="260"/>
            <ac:spMk id="18" creationId="{7122AAA9-2F1C-4708-BA35-8E7AAF754E3B}"/>
          </ac:spMkLst>
        </pc:spChg>
        <pc:spChg chg="mod">
          <ac:chgData name="Roger Cai" userId="22586480-35c0-4c25-95bc-8c24c0c5dcbb" providerId="ADAL" clId="{1B36617D-CEC0-4258-B5EC-1AF91E651E77}" dt="2023-10-01T10:51:06.276" v="321"/>
          <ac:spMkLst>
            <pc:docMk/>
            <pc:sldMk cId="2289373885" sldId="260"/>
            <ac:spMk id="20" creationId="{4F1957D0-4651-423E-9A41-BD0E5B23B57C}"/>
          </ac:spMkLst>
        </pc:spChg>
        <pc:spChg chg="mod">
          <ac:chgData name="Roger Cai" userId="22586480-35c0-4c25-95bc-8c24c0c5dcbb" providerId="ADAL" clId="{1B36617D-CEC0-4258-B5EC-1AF91E651E77}" dt="2023-10-01T10:51:06.276" v="323"/>
          <ac:spMkLst>
            <pc:docMk/>
            <pc:sldMk cId="2289373885" sldId="260"/>
            <ac:spMk id="21" creationId="{E76DA5FC-B0D3-46C0-AA66-3F77C4861438}"/>
          </ac:spMkLst>
        </pc:spChg>
      </pc:sldChg>
      <pc:sldChg chg="modSp add mod ord">
        <pc:chgData name="Roger Cai" userId="22586480-35c0-4c25-95bc-8c24c0c5dcbb" providerId="ADAL" clId="{1B36617D-CEC0-4258-B5EC-1AF91E651E77}" dt="2023-10-03T20:22:06.485" v="10873" actId="20577"/>
        <pc:sldMkLst>
          <pc:docMk/>
          <pc:sldMk cId="1136628326" sldId="261"/>
        </pc:sldMkLst>
        <pc:spChg chg="mod">
          <ac:chgData name="Roger Cai" userId="22586480-35c0-4c25-95bc-8c24c0c5dcbb" providerId="ADAL" clId="{1B36617D-CEC0-4258-B5EC-1AF91E651E77}" dt="2023-10-03T19:52:00.727" v="10547" actId="403"/>
          <ac:spMkLst>
            <pc:docMk/>
            <pc:sldMk cId="1136628326" sldId="261"/>
            <ac:spMk id="2" creationId="{01FB03B0-4058-4727-9E34-C1473531CF5C}"/>
          </ac:spMkLst>
        </pc:spChg>
        <pc:spChg chg="mod">
          <ac:chgData name="Roger Cai" userId="22586480-35c0-4c25-95bc-8c24c0c5dcbb" providerId="ADAL" clId="{1B36617D-CEC0-4258-B5EC-1AF91E651E77}" dt="2023-10-03T19:45:57.393" v="10486" actId="403"/>
          <ac:spMkLst>
            <pc:docMk/>
            <pc:sldMk cId="1136628326" sldId="261"/>
            <ac:spMk id="3" creationId="{9A888AFF-4D18-45FD-89FA-331FF8402EC5}"/>
          </ac:spMkLst>
        </pc:spChg>
        <pc:spChg chg="mod">
          <ac:chgData name="Roger Cai" userId="22586480-35c0-4c25-95bc-8c24c0c5dcbb" providerId="ADAL" clId="{1B36617D-CEC0-4258-B5EC-1AF91E651E77}" dt="2023-10-03T19:43:48.069" v="10453" actId="1076"/>
          <ac:spMkLst>
            <pc:docMk/>
            <pc:sldMk cId="1136628326" sldId="261"/>
            <ac:spMk id="4" creationId="{3D152FE2-B691-410F-B430-31EA9DBCB17F}"/>
          </ac:spMkLst>
        </pc:spChg>
        <pc:spChg chg="mod">
          <ac:chgData name="Roger Cai" userId="22586480-35c0-4c25-95bc-8c24c0c5dcbb" providerId="ADAL" clId="{1B36617D-CEC0-4258-B5EC-1AF91E651E77}" dt="2023-10-03T19:44:41.259" v="10460" actId="1076"/>
          <ac:spMkLst>
            <pc:docMk/>
            <pc:sldMk cId="1136628326" sldId="261"/>
            <ac:spMk id="5" creationId="{79E5BE66-4348-46E2-9C55-012F67CEEE4C}"/>
          </ac:spMkLst>
        </pc:spChg>
        <pc:spChg chg="mod">
          <ac:chgData name="Roger Cai" userId="22586480-35c0-4c25-95bc-8c24c0c5dcbb" providerId="ADAL" clId="{1B36617D-CEC0-4258-B5EC-1AF91E651E77}" dt="2023-10-01T10:52:59.079" v="330"/>
          <ac:spMkLst>
            <pc:docMk/>
            <pc:sldMk cId="1136628326" sldId="261"/>
            <ac:spMk id="6" creationId="{00000000-0000-0000-0000-000000000000}"/>
          </ac:spMkLst>
        </pc:spChg>
        <pc:spChg chg="mod">
          <ac:chgData name="Roger Cai" userId="22586480-35c0-4c25-95bc-8c24c0c5dcbb" providerId="ADAL" clId="{1B36617D-CEC0-4258-B5EC-1AF91E651E77}" dt="2023-10-03T19:32:13.988" v="10381" actId="1076"/>
          <ac:spMkLst>
            <pc:docMk/>
            <pc:sldMk cId="1136628326" sldId="261"/>
            <ac:spMk id="7" creationId="{00000000-0000-0000-0000-000000000000}"/>
          </ac:spMkLst>
        </pc:spChg>
        <pc:spChg chg="mod">
          <ac:chgData name="Roger Cai" userId="22586480-35c0-4c25-95bc-8c24c0c5dcbb" providerId="ADAL" clId="{1B36617D-CEC0-4258-B5EC-1AF91E651E77}" dt="2023-10-01T10:52:59.079" v="338"/>
          <ac:spMkLst>
            <pc:docMk/>
            <pc:sldMk cId="1136628326" sldId="261"/>
            <ac:spMk id="8" creationId="{00000000-0000-0000-0000-000000000000}"/>
          </ac:spMkLst>
        </pc:spChg>
        <pc:spChg chg="mod">
          <ac:chgData name="Roger Cai" userId="22586480-35c0-4c25-95bc-8c24c0c5dcbb" providerId="ADAL" clId="{1B36617D-CEC0-4258-B5EC-1AF91E651E77}" dt="2023-10-01T10:52:59.079" v="342"/>
          <ac:spMkLst>
            <pc:docMk/>
            <pc:sldMk cId="1136628326" sldId="261"/>
            <ac:spMk id="9" creationId="{00000000-0000-0000-0000-000000000000}"/>
          </ac:spMkLst>
        </pc:spChg>
        <pc:spChg chg="mod">
          <ac:chgData name="Roger Cai" userId="22586480-35c0-4c25-95bc-8c24c0c5dcbb" providerId="ADAL" clId="{1B36617D-CEC0-4258-B5EC-1AF91E651E77}" dt="2023-10-01T10:52:59.079" v="332"/>
          <ac:spMkLst>
            <pc:docMk/>
            <pc:sldMk cId="1136628326" sldId="261"/>
            <ac:spMk id="10" creationId="{00000000-0000-0000-0000-000000000000}"/>
          </ac:spMkLst>
        </pc:spChg>
        <pc:spChg chg="mod">
          <ac:chgData name="Roger Cai" userId="22586480-35c0-4c25-95bc-8c24c0c5dcbb" providerId="ADAL" clId="{1B36617D-CEC0-4258-B5EC-1AF91E651E77}" dt="2023-10-01T10:52:59.079" v="336"/>
          <ac:spMkLst>
            <pc:docMk/>
            <pc:sldMk cId="1136628326" sldId="261"/>
            <ac:spMk id="11" creationId="{00000000-0000-0000-0000-000000000000}"/>
          </ac:spMkLst>
        </pc:spChg>
        <pc:spChg chg="mod">
          <ac:chgData name="Roger Cai" userId="22586480-35c0-4c25-95bc-8c24c0c5dcbb" providerId="ADAL" clId="{1B36617D-CEC0-4258-B5EC-1AF91E651E77}" dt="2023-10-01T10:52:59.079" v="340"/>
          <ac:spMkLst>
            <pc:docMk/>
            <pc:sldMk cId="1136628326" sldId="261"/>
            <ac:spMk id="12" creationId="{00000000-0000-0000-0000-000000000000}"/>
          </ac:spMkLst>
        </pc:spChg>
        <pc:spChg chg="mod">
          <ac:chgData name="Roger Cai" userId="22586480-35c0-4c25-95bc-8c24c0c5dcbb" providerId="ADAL" clId="{1B36617D-CEC0-4258-B5EC-1AF91E651E77}" dt="2023-10-01T10:52:59.079" v="344"/>
          <ac:spMkLst>
            <pc:docMk/>
            <pc:sldMk cId="1136628326" sldId="261"/>
            <ac:spMk id="13" creationId="{00000000-0000-0000-0000-000000000000}"/>
          </ac:spMkLst>
        </pc:spChg>
        <pc:spChg chg="mod">
          <ac:chgData name="Roger Cai" userId="22586480-35c0-4c25-95bc-8c24c0c5dcbb" providerId="ADAL" clId="{1B36617D-CEC0-4258-B5EC-1AF91E651E77}" dt="2023-10-03T19:44:23.115" v="10458" actId="1076"/>
          <ac:spMkLst>
            <pc:docMk/>
            <pc:sldMk cId="1136628326" sldId="261"/>
            <ac:spMk id="18" creationId="{BFAD4F75-D25D-46CC-AC09-34FB11D43B52}"/>
          </ac:spMkLst>
        </pc:spChg>
        <pc:spChg chg="mod">
          <ac:chgData name="Roger Cai" userId="22586480-35c0-4c25-95bc-8c24c0c5dcbb" providerId="ADAL" clId="{1B36617D-CEC0-4258-B5EC-1AF91E651E77}" dt="2023-10-03T20:22:06.485" v="10873" actId="20577"/>
          <ac:spMkLst>
            <pc:docMk/>
            <pc:sldMk cId="1136628326" sldId="261"/>
            <ac:spMk id="19" creationId="{1B354204-9D49-4705-9FD8-DC8F8358926F}"/>
          </ac:spMkLst>
        </pc:spChg>
        <pc:spChg chg="mod">
          <ac:chgData name="Roger Cai" userId="22586480-35c0-4c25-95bc-8c24c0c5dcbb" providerId="ADAL" clId="{1B36617D-CEC0-4258-B5EC-1AF91E651E77}" dt="2023-10-03T19:44:15.913" v="10457" actId="1076"/>
          <ac:spMkLst>
            <pc:docMk/>
            <pc:sldMk cId="1136628326" sldId="261"/>
            <ac:spMk id="20" creationId="{FDE96550-22EF-4205-80FD-14C31A3F9565}"/>
          </ac:spMkLst>
        </pc:spChg>
        <pc:spChg chg="mod">
          <ac:chgData name="Roger Cai" userId="22586480-35c0-4c25-95bc-8c24c0c5dcbb" providerId="ADAL" clId="{1B36617D-CEC0-4258-B5EC-1AF91E651E77}" dt="2023-10-03T19:44:28.566" v="10459" actId="1076"/>
          <ac:spMkLst>
            <pc:docMk/>
            <pc:sldMk cId="1136628326" sldId="261"/>
            <ac:spMk id="21" creationId="{793D7DE4-669F-4A3A-A288-36BD59E84B63}"/>
          </ac:spMkLst>
        </pc:spChg>
        <pc:spChg chg="mod">
          <ac:chgData name="Roger Cai" userId="22586480-35c0-4c25-95bc-8c24c0c5dcbb" providerId="ADAL" clId="{1B36617D-CEC0-4258-B5EC-1AF91E651E77}" dt="2023-10-03T19:44:56.277" v="10462" actId="1076"/>
          <ac:spMkLst>
            <pc:docMk/>
            <pc:sldMk cId="1136628326" sldId="261"/>
            <ac:spMk id="22" creationId="{8680BC58-23E5-4287-A971-039062D2C9A8}"/>
          </ac:spMkLst>
        </pc:spChg>
      </pc:sldChg>
      <pc:sldChg chg="addSp delSp modSp add mod ord">
        <pc:chgData name="Roger Cai" userId="22586480-35c0-4c25-95bc-8c24c0c5dcbb" providerId="ADAL" clId="{1B36617D-CEC0-4258-B5EC-1AF91E651E77}" dt="2023-10-01T16:16:07.862" v="6817" actId="1036"/>
        <pc:sldMkLst>
          <pc:docMk/>
          <pc:sldMk cId="765501642" sldId="262"/>
        </pc:sldMkLst>
        <pc:spChg chg="mod">
          <ac:chgData name="Roger Cai" userId="22586480-35c0-4c25-95bc-8c24c0c5dcbb" providerId="ADAL" clId="{1B36617D-CEC0-4258-B5EC-1AF91E651E77}" dt="2023-10-01T12:07:51.412" v="1830" actId="1076"/>
          <ac:spMkLst>
            <pc:docMk/>
            <pc:sldMk cId="765501642" sldId="262"/>
            <ac:spMk id="2" creationId="{FB202283-3BFD-4C60-BBA2-03224F0EB92B}"/>
          </ac:spMkLst>
        </pc:spChg>
        <pc:spChg chg="add mod">
          <ac:chgData name="Roger Cai" userId="22586480-35c0-4c25-95bc-8c24c0c5dcbb" providerId="ADAL" clId="{1B36617D-CEC0-4258-B5EC-1AF91E651E77}" dt="2023-10-01T16:16:07.862" v="6817" actId="1036"/>
          <ac:spMkLst>
            <pc:docMk/>
            <pc:sldMk cId="765501642" sldId="262"/>
            <ac:spMk id="3" creationId="{0528D374-900C-44F4-C3EF-6EA3F684B9B6}"/>
          </ac:spMkLst>
        </pc:spChg>
        <pc:spChg chg="del mod">
          <ac:chgData name="Roger Cai" userId="22586480-35c0-4c25-95bc-8c24c0c5dcbb" providerId="ADAL" clId="{1B36617D-CEC0-4258-B5EC-1AF91E651E77}" dt="2023-10-01T11:41:51.434" v="1239" actId="478"/>
          <ac:spMkLst>
            <pc:docMk/>
            <pc:sldMk cId="765501642" sldId="262"/>
            <ac:spMk id="27" creationId="{6373D382-C14F-4AD8-A07C-BC97E874856E}"/>
          </ac:spMkLst>
        </pc:spChg>
        <pc:spChg chg="mod">
          <ac:chgData name="Roger Cai" userId="22586480-35c0-4c25-95bc-8c24c0c5dcbb" providerId="ADAL" clId="{1B36617D-CEC0-4258-B5EC-1AF91E651E77}" dt="2023-10-01T13:40:34.244" v="4006" actId="27636"/>
          <ac:spMkLst>
            <pc:docMk/>
            <pc:sldMk cId="765501642" sldId="262"/>
            <ac:spMk id="28" creationId="{E2F1530E-2FD1-417A-A699-A4E2B42068E9}"/>
          </ac:spMkLst>
        </pc:spChg>
        <pc:spChg chg="mod">
          <ac:chgData name="Roger Cai" userId="22586480-35c0-4c25-95bc-8c24c0c5dcbb" providerId="ADAL" clId="{1B36617D-CEC0-4258-B5EC-1AF91E651E77}" dt="2023-10-01T12:02:46.050" v="1746" actId="1076"/>
          <ac:spMkLst>
            <pc:docMk/>
            <pc:sldMk cId="765501642" sldId="262"/>
            <ac:spMk id="29" creationId="{3591717E-99E8-45D5-A355-4DD60F43BF7B}"/>
          </ac:spMkLst>
        </pc:spChg>
        <pc:spChg chg="mod">
          <ac:chgData name="Roger Cai" userId="22586480-35c0-4c25-95bc-8c24c0c5dcbb" providerId="ADAL" clId="{1B36617D-CEC0-4258-B5EC-1AF91E651E77}" dt="2023-10-01T12:02:46.050" v="1746" actId="1076"/>
          <ac:spMkLst>
            <pc:docMk/>
            <pc:sldMk cId="765501642" sldId="262"/>
            <ac:spMk id="30" creationId="{46C53011-B474-4559-A108-CC487B3A0D56}"/>
          </ac:spMkLst>
        </pc:spChg>
        <pc:spChg chg="mod">
          <ac:chgData name="Roger Cai" userId="22586480-35c0-4c25-95bc-8c24c0c5dcbb" providerId="ADAL" clId="{1B36617D-CEC0-4258-B5EC-1AF91E651E77}" dt="2023-10-01T16:15:56.292" v="6812" actId="2710"/>
          <ac:spMkLst>
            <pc:docMk/>
            <pc:sldMk cId="765501642" sldId="262"/>
            <ac:spMk id="31" creationId="{74BDBB77-7E7E-4597-B357-C3A3CB1A39E0}"/>
          </ac:spMkLst>
        </pc:spChg>
        <pc:spChg chg="mod">
          <ac:chgData name="Roger Cai" userId="22586480-35c0-4c25-95bc-8c24c0c5dcbb" providerId="ADAL" clId="{1B36617D-CEC0-4258-B5EC-1AF91E651E77}" dt="2023-10-01T12:02:46.050" v="1746" actId="1076"/>
          <ac:spMkLst>
            <pc:docMk/>
            <pc:sldMk cId="765501642" sldId="262"/>
            <ac:spMk id="32" creationId="{C2242F14-9C96-4399-9844-BA23B44A71F8}"/>
          </ac:spMkLst>
        </pc:spChg>
        <pc:spChg chg="mod">
          <ac:chgData name="Roger Cai" userId="22586480-35c0-4c25-95bc-8c24c0c5dcbb" providerId="ADAL" clId="{1B36617D-CEC0-4258-B5EC-1AF91E651E77}" dt="2023-10-01T16:15:28.686" v="6809" actId="20577"/>
          <ac:spMkLst>
            <pc:docMk/>
            <pc:sldMk cId="765501642" sldId="262"/>
            <ac:spMk id="33" creationId="{E06B745D-0425-4D10-8281-736654F53EBF}"/>
          </ac:spMkLst>
        </pc:spChg>
        <pc:spChg chg="mod">
          <ac:chgData name="Roger Cai" userId="22586480-35c0-4c25-95bc-8c24c0c5dcbb" providerId="ADAL" clId="{1B36617D-CEC0-4258-B5EC-1AF91E651E77}" dt="2023-10-01T12:02:46.050" v="1746" actId="1076"/>
          <ac:spMkLst>
            <pc:docMk/>
            <pc:sldMk cId="765501642" sldId="262"/>
            <ac:spMk id="34" creationId="{00A3D5EE-9A6E-48E3-9F11-C91150BE12ED}"/>
          </ac:spMkLst>
        </pc:spChg>
        <pc:spChg chg="mod">
          <ac:chgData name="Roger Cai" userId="22586480-35c0-4c25-95bc-8c24c0c5dcbb" providerId="ADAL" clId="{1B36617D-CEC0-4258-B5EC-1AF91E651E77}" dt="2023-10-01T12:02:46.050" v="1746" actId="1076"/>
          <ac:spMkLst>
            <pc:docMk/>
            <pc:sldMk cId="765501642" sldId="262"/>
            <ac:spMk id="35" creationId="{1BF48B93-4CE4-415E-997E-CC06FB161375}"/>
          </ac:spMkLst>
        </pc:spChg>
        <pc:spChg chg="mod">
          <ac:chgData name="Roger Cai" userId="22586480-35c0-4c25-95bc-8c24c0c5dcbb" providerId="ADAL" clId="{1B36617D-CEC0-4258-B5EC-1AF91E651E77}" dt="2023-10-01T12:02:46.050" v="1746" actId="1076"/>
          <ac:spMkLst>
            <pc:docMk/>
            <pc:sldMk cId="765501642" sldId="262"/>
            <ac:spMk id="36" creationId="{CD6DBC59-C72C-42E5-83F7-23CAF4A8F905}"/>
          </ac:spMkLst>
        </pc:spChg>
        <pc:spChg chg="mod">
          <ac:chgData name="Roger Cai" userId="22586480-35c0-4c25-95bc-8c24c0c5dcbb" providerId="ADAL" clId="{1B36617D-CEC0-4258-B5EC-1AF91E651E77}" dt="2023-10-01T12:02:46.050" v="1746" actId="1076"/>
          <ac:spMkLst>
            <pc:docMk/>
            <pc:sldMk cId="765501642" sldId="262"/>
            <ac:spMk id="37" creationId="{2A0F8186-DDB0-4BD4-B9C3-ED720C73250D}"/>
          </ac:spMkLst>
        </pc:spChg>
        <pc:spChg chg="mod">
          <ac:chgData name="Roger Cai" userId="22586480-35c0-4c25-95bc-8c24c0c5dcbb" providerId="ADAL" clId="{1B36617D-CEC0-4258-B5EC-1AF91E651E77}" dt="2023-10-01T12:02:46.050" v="1746" actId="1076"/>
          <ac:spMkLst>
            <pc:docMk/>
            <pc:sldMk cId="765501642" sldId="262"/>
            <ac:spMk id="38" creationId="{CA8A6FAB-31FD-48B7-AF3A-FD51F85E4B42}"/>
          </ac:spMkLst>
        </pc:spChg>
        <pc:spChg chg="mod">
          <ac:chgData name="Roger Cai" userId="22586480-35c0-4c25-95bc-8c24c0c5dcbb" providerId="ADAL" clId="{1B36617D-CEC0-4258-B5EC-1AF91E651E77}" dt="2023-10-01T16:13:39.983" v="6808" actId="20577"/>
          <ac:spMkLst>
            <pc:docMk/>
            <pc:sldMk cId="765501642" sldId="262"/>
            <ac:spMk id="39" creationId="{FF2115C9-6933-4DDC-8E98-2CCB1F673D12}"/>
          </ac:spMkLst>
        </pc:spChg>
        <pc:spChg chg="mod">
          <ac:chgData name="Roger Cai" userId="22586480-35c0-4c25-95bc-8c24c0c5dcbb" providerId="ADAL" clId="{1B36617D-CEC0-4258-B5EC-1AF91E651E77}" dt="2023-10-01T12:02:46.050" v="1746" actId="1076"/>
          <ac:spMkLst>
            <pc:docMk/>
            <pc:sldMk cId="765501642" sldId="262"/>
            <ac:spMk id="40" creationId="{99A39208-77D3-4304-85AE-A7E1EAFC6DCA}"/>
          </ac:spMkLst>
        </pc:spChg>
      </pc:sldChg>
      <pc:sldChg chg="addSp delSp modSp add mod modNotesTx">
        <pc:chgData name="Roger Cai" userId="22586480-35c0-4c25-95bc-8c24c0c5dcbb" providerId="ADAL" clId="{1B36617D-CEC0-4258-B5EC-1AF91E651E77}" dt="2023-10-01T17:06:18.600" v="8044" actId="207"/>
        <pc:sldMkLst>
          <pc:docMk/>
          <pc:sldMk cId="1816717027" sldId="263"/>
        </pc:sldMkLst>
        <pc:spChg chg="del mod">
          <ac:chgData name="Roger Cai" userId="22586480-35c0-4c25-95bc-8c24c0c5dcbb" providerId="ADAL" clId="{1B36617D-CEC0-4258-B5EC-1AF91E651E77}" dt="2023-10-01T12:12:47.044" v="1839" actId="478"/>
          <ac:spMkLst>
            <pc:docMk/>
            <pc:sldMk cId="1816717027" sldId="263"/>
            <ac:spMk id="2" creationId="{00000000-0000-0000-0000-000000000000}"/>
          </ac:spMkLst>
        </pc:spChg>
        <pc:spChg chg="add mod">
          <ac:chgData name="Roger Cai" userId="22586480-35c0-4c25-95bc-8c24c0c5dcbb" providerId="ADAL" clId="{1B36617D-CEC0-4258-B5EC-1AF91E651E77}" dt="2023-10-01T12:06:52.774" v="1779" actId="20577"/>
          <ac:spMkLst>
            <pc:docMk/>
            <pc:sldMk cId="1816717027" sldId="263"/>
            <ac:spMk id="3" creationId="{9A015661-163A-81FF-606F-8D144053169E}"/>
          </ac:spMkLst>
        </pc:spChg>
        <pc:spChg chg="mod">
          <ac:chgData name="Roger Cai" userId="22586480-35c0-4c25-95bc-8c24c0c5dcbb" providerId="ADAL" clId="{1B36617D-CEC0-4258-B5EC-1AF91E651E77}" dt="2023-10-01T17:06:18.600" v="8044" actId="207"/>
          <ac:spMkLst>
            <pc:docMk/>
            <pc:sldMk cId="1816717027" sldId="263"/>
            <ac:spMk id="8" creationId="{00000000-0000-0000-0000-000000000000}"/>
          </ac:spMkLst>
        </pc:spChg>
        <pc:spChg chg="mod">
          <ac:chgData name="Roger Cai" userId="22586480-35c0-4c25-95bc-8c24c0c5dcbb" providerId="ADAL" clId="{1B36617D-CEC0-4258-B5EC-1AF91E651E77}" dt="2023-10-01T12:06:03.742" v="1763"/>
          <ac:spMkLst>
            <pc:docMk/>
            <pc:sldMk cId="1816717027" sldId="263"/>
            <ac:spMk id="9" creationId="{00000000-0000-0000-0000-000000000000}"/>
          </ac:spMkLst>
        </pc:spChg>
        <pc:spChg chg="mod">
          <ac:chgData name="Roger Cai" userId="22586480-35c0-4c25-95bc-8c24c0c5dcbb" providerId="ADAL" clId="{1B36617D-CEC0-4258-B5EC-1AF91E651E77}" dt="2023-10-01T12:06:03.742" v="1765"/>
          <ac:spMkLst>
            <pc:docMk/>
            <pc:sldMk cId="1816717027" sldId="263"/>
            <ac:spMk id="10" creationId="{00000000-0000-0000-0000-000000000000}"/>
          </ac:spMkLst>
        </pc:spChg>
        <pc:spChg chg="del mod">
          <ac:chgData name="Roger Cai" userId="22586480-35c0-4c25-95bc-8c24c0c5dcbb" providerId="ADAL" clId="{1B36617D-CEC0-4258-B5EC-1AF91E651E77}" dt="2023-10-01T12:06:33.706" v="1772" actId="478"/>
          <ac:spMkLst>
            <pc:docMk/>
            <pc:sldMk cId="1816717027" sldId="263"/>
            <ac:spMk id="11" creationId="{00000000-0000-0000-0000-000000000000}"/>
          </ac:spMkLst>
        </pc:spChg>
        <pc:spChg chg="add del mod">
          <ac:chgData name="Roger Cai" userId="22586480-35c0-4c25-95bc-8c24c0c5dcbb" providerId="ADAL" clId="{1B36617D-CEC0-4258-B5EC-1AF91E651E77}" dt="2023-10-01T12:12:50.869" v="1840" actId="478"/>
          <ac:spMkLst>
            <pc:docMk/>
            <pc:sldMk cId="1816717027" sldId="263"/>
            <ac:spMk id="12" creationId="{EC65D8ED-B8CB-E155-2970-97B4EC810F60}"/>
          </ac:spMkLst>
        </pc:spChg>
        <pc:spChg chg="del mod">
          <ac:chgData name="Roger Cai" userId="22586480-35c0-4c25-95bc-8c24c0c5dcbb" providerId="ADAL" clId="{1B36617D-CEC0-4258-B5EC-1AF91E651E77}" dt="2023-10-01T12:06:24.350" v="1771" actId="478"/>
          <ac:spMkLst>
            <pc:docMk/>
            <pc:sldMk cId="1816717027" sldId="263"/>
            <ac:spMk id="14" creationId="{F68D91E0-36B3-4F08-B805-6935203C411E}"/>
          </ac:spMkLst>
        </pc:spChg>
        <pc:spChg chg="add del mod">
          <ac:chgData name="Roger Cai" userId="22586480-35c0-4c25-95bc-8c24c0c5dcbb" providerId="ADAL" clId="{1B36617D-CEC0-4258-B5EC-1AF91E651E77}" dt="2023-10-01T12:16:14.569" v="1856" actId="478"/>
          <ac:spMkLst>
            <pc:docMk/>
            <pc:sldMk cId="1816717027" sldId="263"/>
            <ac:spMk id="15" creationId="{E48B2350-E954-C6BF-BF61-CA88499D51D1}"/>
          </ac:spMkLst>
        </pc:spChg>
        <pc:spChg chg="add del mod">
          <ac:chgData name="Roger Cai" userId="22586480-35c0-4c25-95bc-8c24c0c5dcbb" providerId="ADAL" clId="{1B36617D-CEC0-4258-B5EC-1AF91E651E77}" dt="2023-10-01T13:24:16.846" v="3738" actId="207"/>
          <ac:spMkLst>
            <pc:docMk/>
            <pc:sldMk cId="1816717027" sldId="263"/>
            <ac:spMk id="17" creationId="{CBA7B5B9-95EE-401F-8F3E-07F15AA82ACE}"/>
          </ac:spMkLst>
        </pc:spChg>
        <pc:spChg chg="del mod">
          <ac:chgData name="Roger Cai" userId="22586480-35c0-4c25-95bc-8c24c0c5dcbb" providerId="ADAL" clId="{1B36617D-CEC0-4258-B5EC-1AF91E651E77}" dt="2023-10-01T12:16:16.514" v="1857" actId="478"/>
          <ac:spMkLst>
            <pc:docMk/>
            <pc:sldMk cId="1816717027" sldId="263"/>
            <ac:spMk id="18" creationId="{BD02CC87-2518-41FE-B3A5-18E95027BFFE}"/>
          </ac:spMkLst>
        </pc:spChg>
        <pc:cxnChg chg="mod">
          <ac:chgData name="Roger Cai" userId="22586480-35c0-4c25-95bc-8c24c0c5dcbb" providerId="ADAL" clId="{1B36617D-CEC0-4258-B5EC-1AF91E651E77}" dt="2023-10-01T12:06:03.742" v="1755"/>
          <ac:cxnSpMkLst>
            <pc:docMk/>
            <pc:sldMk cId="1816717027" sldId="263"/>
            <ac:cxnSpMk id="5" creationId="{00000000-0000-0000-0000-000000000000}"/>
          </ac:cxnSpMkLst>
        </pc:cxnChg>
        <pc:cxnChg chg="mod">
          <ac:chgData name="Roger Cai" userId="22586480-35c0-4c25-95bc-8c24c0c5dcbb" providerId="ADAL" clId="{1B36617D-CEC0-4258-B5EC-1AF91E651E77}" dt="2023-10-01T12:06:03.742" v="1757"/>
          <ac:cxnSpMkLst>
            <pc:docMk/>
            <pc:sldMk cId="1816717027" sldId="263"/>
            <ac:cxnSpMk id="6" creationId="{00000000-0000-0000-0000-000000000000}"/>
          </ac:cxnSpMkLst>
        </pc:cxnChg>
        <pc:cxnChg chg="mod">
          <ac:chgData name="Roger Cai" userId="22586480-35c0-4c25-95bc-8c24c0c5dcbb" providerId="ADAL" clId="{1B36617D-CEC0-4258-B5EC-1AF91E651E77}" dt="2023-10-01T12:06:03.742" v="1759"/>
          <ac:cxnSpMkLst>
            <pc:docMk/>
            <pc:sldMk cId="1816717027" sldId="263"/>
            <ac:cxnSpMk id="7" creationId="{00000000-0000-0000-0000-000000000000}"/>
          </ac:cxnSpMkLst>
        </pc:cxnChg>
      </pc:sldChg>
      <pc:sldChg chg="addSp delSp modSp new mod">
        <pc:chgData name="Roger Cai" userId="22586480-35c0-4c25-95bc-8c24c0c5dcbb" providerId="ADAL" clId="{1B36617D-CEC0-4258-B5EC-1AF91E651E77}" dt="2023-10-01T13:40:34.260" v="4008" actId="27636"/>
        <pc:sldMkLst>
          <pc:docMk/>
          <pc:sldMk cId="1188551709" sldId="264"/>
        </pc:sldMkLst>
        <pc:spChg chg="del mod">
          <ac:chgData name="Roger Cai" userId="22586480-35c0-4c25-95bc-8c24c0c5dcbb" providerId="ADAL" clId="{1B36617D-CEC0-4258-B5EC-1AF91E651E77}" dt="2023-10-01T12:56:05.868" v="3480" actId="478"/>
          <ac:spMkLst>
            <pc:docMk/>
            <pc:sldMk cId="1188551709" sldId="264"/>
            <ac:spMk id="2" creationId="{EC542785-2E31-B23A-D9EE-1024B56E2396}"/>
          </ac:spMkLst>
        </pc:spChg>
        <pc:spChg chg="mod">
          <ac:chgData name="Roger Cai" userId="22586480-35c0-4c25-95bc-8c24c0c5dcbb" providerId="ADAL" clId="{1B36617D-CEC0-4258-B5EC-1AF91E651E77}" dt="2023-10-01T13:40:34.260" v="4008" actId="27636"/>
          <ac:spMkLst>
            <pc:docMk/>
            <pc:sldMk cId="1188551709" sldId="264"/>
            <ac:spMk id="3" creationId="{8310623A-0899-6040-458D-E2BF878B6B3B}"/>
          </ac:spMkLst>
        </pc:spChg>
        <pc:spChg chg="mod">
          <ac:chgData name="Roger Cai" userId="22586480-35c0-4c25-95bc-8c24c0c5dcbb" providerId="ADAL" clId="{1B36617D-CEC0-4258-B5EC-1AF91E651E77}" dt="2023-10-01T13:40:34.244" v="4007" actId="27636"/>
          <ac:spMkLst>
            <pc:docMk/>
            <pc:sldMk cId="1188551709" sldId="264"/>
            <ac:spMk id="4" creationId="{87F0EA00-5B41-D573-3233-78F435B93B7E}"/>
          </ac:spMkLst>
        </pc:spChg>
        <pc:picChg chg="add mod">
          <ac:chgData name="Roger Cai" userId="22586480-35c0-4c25-95bc-8c24c0c5dcbb" providerId="ADAL" clId="{1B36617D-CEC0-4258-B5EC-1AF91E651E77}" dt="2023-10-01T12:56:38.098" v="3487" actId="1076"/>
          <ac:picMkLst>
            <pc:docMk/>
            <pc:sldMk cId="1188551709" sldId="264"/>
            <ac:picMk id="6" creationId="{21E28E8C-3CAE-F036-F4FC-A313E25ABA59}"/>
          </ac:picMkLst>
        </pc:picChg>
      </pc:sldChg>
      <pc:sldChg chg="addSp delSp modSp new mod">
        <pc:chgData name="Roger Cai" userId="22586480-35c0-4c25-95bc-8c24c0c5dcbb" providerId="ADAL" clId="{1B36617D-CEC0-4258-B5EC-1AF91E651E77}" dt="2023-10-05T17:26:27.348" v="13023" actId="478"/>
        <pc:sldMkLst>
          <pc:docMk/>
          <pc:sldMk cId="3567170677" sldId="265"/>
        </pc:sldMkLst>
        <pc:spChg chg="del">
          <ac:chgData name="Roger Cai" userId="22586480-35c0-4c25-95bc-8c24c0c5dcbb" providerId="ADAL" clId="{1B36617D-CEC0-4258-B5EC-1AF91E651E77}" dt="2023-10-01T12:57:51.756" v="3490" actId="478"/>
          <ac:spMkLst>
            <pc:docMk/>
            <pc:sldMk cId="3567170677" sldId="265"/>
            <ac:spMk id="2" creationId="{588BD782-9340-A6A6-41A6-13F0C3AE8F51}"/>
          </ac:spMkLst>
        </pc:spChg>
        <pc:spChg chg="del">
          <ac:chgData name="Roger Cai" userId="22586480-35c0-4c25-95bc-8c24c0c5dcbb" providerId="ADAL" clId="{1B36617D-CEC0-4258-B5EC-1AF91E651E77}" dt="2023-10-01T12:58:05.969" v="3492" actId="478"/>
          <ac:spMkLst>
            <pc:docMk/>
            <pc:sldMk cId="3567170677" sldId="265"/>
            <ac:spMk id="3" creationId="{6D066349-1569-5F89-3A49-D4C4EDF5BC0A}"/>
          </ac:spMkLst>
        </pc:spChg>
        <pc:spChg chg="del">
          <ac:chgData name="Roger Cai" userId="22586480-35c0-4c25-95bc-8c24c0c5dcbb" providerId="ADAL" clId="{1B36617D-CEC0-4258-B5EC-1AF91E651E77}" dt="2023-10-01T12:58:04.709" v="3491" actId="478"/>
          <ac:spMkLst>
            <pc:docMk/>
            <pc:sldMk cId="3567170677" sldId="265"/>
            <ac:spMk id="4" creationId="{BEB931B4-20AB-6192-B288-249CBFE6250B}"/>
          </ac:spMkLst>
        </pc:spChg>
        <pc:spChg chg="add mod">
          <ac:chgData name="Roger Cai" userId="22586480-35c0-4c25-95bc-8c24c0c5dcbb" providerId="ADAL" clId="{1B36617D-CEC0-4258-B5EC-1AF91E651E77}" dt="2023-10-01T13:40:34.260" v="4010" actId="27636"/>
          <ac:spMkLst>
            <pc:docMk/>
            <pc:sldMk cId="3567170677" sldId="265"/>
            <ac:spMk id="5" creationId="{0DB7486F-5FAC-CDDE-DC75-92128BA1ECEA}"/>
          </ac:spMkLst>
        </pc:spChg>
        <pc:spChg chg="add mod">
          <ac:chgData name="Roger Cai" userId="22586480-35c0-4c25-95bc-8c24c0c5dcbb" providerId="ADAL" clId="{1B36617D-CEC0-4258-B5EC-1AF91E651E77}" dt="2023-10-01T13:40:34.260" v="4009" actId="27636"/>
          <ac:spMkLst>
            <pc:docMk/>
            <pc:sldMk cId="3567170677" sldId="265"/>
            <ac:spMk id="6" creationId="{22E5F66B-5E8A-F6CB-0AE2-5F3EAAEABD6E}"/>
          </ac:spMkLst>
        </pc:spChg>
        <pc:spChg chg="add mod">
          <ac:chgData name="Roger Cai" userId="22586480-35c0-4c25-95bc-8c24c0c5dcbb" providerId="ADAL" clId="{1B36617D-CEC0-4258-B5EC-1AF91E651E77}" dt="2023-10-01T13:05:24.461" v="3555" actId="1076"/>
          <ac:spMkLst>
            <pc:docMk/>
            <pc:sldMk cId="3567170677" sldId="265"/>
            <ac:spMk id="8" creationId="{F5A14332-FB9B-B7D1-104A-9271725354A9}"/>
          </ac:spMkLst>
        </pc:spChg>
        <pc:picChg chg="add mod">
          <ac:chgData name="Roger Cai" userId="22586480-35c0-4c25-95bc-8c24c0c5dcbb" providerId="ADAL" clId="{1B36617D-CEC0-4258-B5EC-1AF91E651E77}" dt="2023-10-01T13:05:28.028" v="3557" actId="1076"/>
          <ac:picMkLst>
            <pc:docMk/>
            <pc:sldMk cId="3567170677" sldId="265"/>
            <ac:picMk id="7" creationId="{D0B48322-1AB9-476C-38DB-CA751E3E99A8}"/>
          </ac:picMkLst>
        </pc:picChg>
        <pc:inkChg chg="add del">
          <ac:chgData name="Roger Cai" userId="22586480-35c0-4c25-95bc-8c24c0c5dcbb" providerId="ADAL" clId="{1B36617D-CEC0-4258-B5EC-1AF91E651E77}" dt="2023-10-05T17:26:27.348" v="13023" actId="478"/>
          <ac:inkMkLst>
            <pc:docMk/>
            <pc:sldMk cId="3567170677" sldId="265"/>
            <ac:inkMk id="2" creationId="{040E4918-CFE4-7D52-91ED-D361BE525D96}"/>
          </ac:inkMkLst>
        </pc:inkChg>
      </pc:sldChg>
      <pc:sldChg chg="addSp delSp modSp add mod">
        <pc:chgData name="Roger Cai" userId="22586480-35c0-4c25-95bc-8c24c0c5dcbb" providerId="ADAL" clId="{1B36617D-CEC0-4258-B5EC-1AF91E651E77}" dt="2023-10-05T17:26:31.002" v="13024" actId="478"/>
        <pc:sldMkLst>
          <pc:docMk/>
          <pc:sldMk cId="2403857996" sldId="266"/>
        </pc:sldMkLst>
        <pc:spChg chg="mod">
          <ac:chgData name="Roger Cai" userId="22586480-35c0-4c25-95bc-8c24c0c5dcbb" providerId="ADAL" clId="{1B36617D-CEC0-4258-B5EC-1AF91E651E77}" dt="2023-10-01T13:40:34.260" v="4012" actId="27636"/>
          <ac:spMkLst>
            <pc:docMk/>
            <pc:sldMk cId="2403857996" sldId="266"/>
            <ac:spMk id="5" creationId="{0DB7486F-5FAC-CDDE-DC75-92128BA1ECEA}"/>
          </ac:spMkLst>
        </pc:spChg>
        <pc:spChg chg="mod">
          <ac:chgData name="Roger Cai" userId="22586480-35c0-4c25-95bc-8c24c0c5dcbb" providerId="ADAL" clId="{1B36617D-CEC0-4258-B5EC-1AF91E651E77}" dt="2023-10-01T13:40:34.260" v="4011" actId="27636"/>
          <ac:spMkLst>
            <pc:docMk/>
            <pc:sldMk cId="2403857996" sldId="266"/>
            <ac:spMk id="6" creationId="{22E5F66B-5E8A-F6CB-0AE2-5F3EAAEABD6E}"/>
          </ac:spMkLst>
        </pc:spChg>
        <pc:spChg chg="del">
          <ac:chgData name="Roger Cai" userId="22586480-35c0-4c25-95bc-8c24c0c5dcbb" providerId="ADAL" clId="{1B36617D-CEC0-4258-B5EC-1AF91E651E77}" dt="2023-10-01T13:08:37.316" v="3591" actId="478"/>
          <ac:spMkLst>
            <pc:docMk/>
            <pc:sldMk cId="2403857996" sldId="266"/>
            <ac:spMk id="8" creationId="{F5A14332-FB9B-B7D1-104A-9271725354A9}"/>
          </ac:spMkLst>
        </pc:spChg>
        <pc:picChg chg="add del mod">
          <ac:chgData name="Roger Cai" userId="22586480-35c0-4c25-95bc-8c24c0c5dcbb" providerId="ADAL" clId="{1B36617D-CEC0-4258-B5EC-1AF91E651E77}" dt="2023-10-01T13:08:39.773" v="3592" actId="1076"/>
          <ac:picMkLst>
            <pc:docMk/>
            <pc:sldMk cId="2403857996" sldId="266"/>
            <ac:picMk id="7" creationId="{D0B48322-1AB9-476C-38DB-CA751E3E99A8}"/>
          </ac:picMkLst>
        </pc:picChg>
        <pc:inkChg chg="add del">
          <ac:chgData name="Roger Cai" userId="22586480-35c0-4c25-95bc-8c24c0c5dcbb" providerId="ADAL" clId="{1B36617D-CEC0-4258-B5EC-1AF91E651E77}" dt="2023-10-05T17:26:31.002" v="13024" actId="478"/>
          <ac:inkMkLst>
            <pc:docMk/>
            <pc:sldMk cId="2403857996" sldId="266"/>
            <ac:inkMk id="2" creationId="{0E6B98C3-57D9-26DE-EA31-EAC916B78074}"/>
          </ac:inkMkLst>
        </pc:inkChg>
      </pc:sldChg>
      <pc:sldChg chg="addSp delSp modSp add mod modNotesTx">
        <pc:chgData name="Roger Cai" userId="22586480-35c0-4c25-95bc-8c24c0c5dcbb" providerId="ADAL" clId="{1B36617D-CEC0-4258-B5EC-1AF91E651E77}" dt="2023-10-01T16:35:39.711" v="7262" actId="20577"/>
        <pc:sldMkLst>
          <pc:docMk/>
          <pc:sldMk cId="1834405628" sldId="267"/>
        </pc:sldMkLst>
        <pc:spChg chg="add mod">
          <ac:chgData name="Roger Cai" userId="22586480-35c0-4c25-95bc-8c24c0c5dcbb" providerId="ADAL" clId="{1B36617D-CEC0-4258-B5EC-1AF91E651E77}" dt="2023-10-01T13:16:11.028" v="3605" actId="20577"/>
          <ac:spMkLst>
            <pc:docMk/>
            <pc:sldMk cId="1834405628" sldId="267"/>
            <ac:spMk id="2" creationId="{10BBBC44-7397-8DBA-0E50-19F9CFE295BA}"/>
          </ac:spMkLst>
        </pc:spChg>
        <pc:spChg chg="add del mod">
          <ac:chgData name="Roger Cai" userId="22586480-35c0-4c25-95bc-8c24c0c5dcbb" providerId="ADAL" clId="{1B36617D-CEC0-4258-B5EC-1AF91E651E77}" dt="2023-10-01T13:16:41.270" v="3632" actId="478"/>
          <ac:spMkLst>
            <pc:docMk/>
            <pc:sldMk cId="1834405628" sldId="267"/>
            <ac:spMk id="4" creationId="{8A895087-73B2-0A00-6860-C64A8CBF2728}"/>
          </ac:spMkLst>
        </pc:spChg>
        <pc:spChg chg="del">
          <ac:chgData name="Roger Cai" userId="22586480-35c0-4c25-95bc-8c24c0c5dcbb" providerId="ADAL" clId="{1B36617D-CEC0-4258-B5EC-1AF91E651E77}" dt="2023-10-01T13:15:56.654" v="3600" actId="478"/>
          <ac:spMkLst>
            <pc:docMk/>
            <pc:sldMk cId="1834405628" sldId="267"/>
            <ac:spMk id="8" creationId="{00000000-0000-0000-0000-000000000000}"/>
          </ac:spMkLst>
        </pc:spChg>
        <pc:spChg chg="del">
          <ac:chgData name="Roger Cai" userId="22586480-35c0-4c25-95bc-8c24c0c5dcbb" providerId="ADAL" clId="{1B36617D-CEC0-4258-B5EC-1AF91E651E77}" dt="2023-10-01T13:16:04.237" v="3602" actId="478"/>
          <ac:spMkLst>
            <pc:docMk/>
            <pc:sldMk cId="1834405628" sldId="267"/>
            <ac:spMk id="9" creationId="{00000000-0000-0000-0000-000000000000}"/>
          </ac:spMkLst>
        </pc:spChg>
        <pc:spChg chg="add del mod">
          <ac:chgData name="Roger Cai" userId="22586480-35c0-4c25-95bc-8c24c0c5dcbb" providerId="ADAL" clId="{1B36617D-CEC0-4258-B5EC-1AF91E651E77}" dt="2023-10-01T13:17:01.082" v="3634" actId="478"/>
          <ac:spMkLst>
            <pc:docMk/>
            <pc:sldMk cId="1834405628" sldId="267"/>
            <ac:spMk id="11" creationId="{4465B352-0EB5-D4C4-E910-DFB6124ADC67}"/>
          </ac:spMkLst>
        </pc:spChg>
        <pc:spChg chg="add mod">
          <ac:chgData name="Roger Cai" userId="22586480-35c0-4c25-95bc-8c24c0c5dcbb" providerId="ADAL" clId="{1B36617D-CEC0-4258-B5EC-1AF91E651E77}" dt="2023-10-01T13:17:11.965" v="3636" actId="1076"/>
          <ac:spMkLst>
            <pc:docMk/>
            <pc:sldMk cId="1834405628" sldId="267"/>
            <ac:spMk id="12" creationId="{EAF434E5-47E2-2EDD-4F79-ED3527A7EA3C}"/>
          </ac:spMkLst>
        </pc:spChg>
        <pc:spChg chg="add mod">
          <ac:chgData name="Roger Cai" userId="22586480-35c0-4c25-95bc-8c24c0c5dcbb" providerId="ADAL" clId="{1B36617D-CEC0-4258-B5EC-1AF91E651E77}" dt="2023-10-01T13:17:11.965" v="3636" actId="1076"/>
          <ac:spMkLst>
            <pc:docMk/>
            <pc:sldMk cId="1834405628" sldId="267"/>
            <ac:spMk id="13" creationId="{4C75E940-261A-950F-0ED5-8FB15F5AA671}"/>
          </ac:spMkLst>
        </pc:spChg>
        <pc:spChg chg="mod">
          <ac:chgData name="Roger Cai" userId="22586480-35c0-4c25-95bc-8c24c0c5dcbb" providerId="ADAL" clId="{1B36617D-CEC0-4258-B5EC-1AF91E651E77}" dt="2023-10-01T13:19:22.845" v="3697" actId="20577"/>
          <ac:spMkLst>
            <pc:docMk/>
            <pc:sldMk cId="1834405628" sldId="267"/>
            <ac:spMk id="17" creationId="{CBA7B5B9-95EE-401F-8F3E-07F15AA82ACE}"/>
          </ac:spMkLst>
        </pc:spChg>
      </pc:sldChg>
      <pc:sldChg chg="modSp add del mod">
        <pc:chgData name="Roger Cai" userId="22586480-35c0-4c25-95bc-8c24c0c5dcbb" providerId="ADAL" clId="{1B36617D-CEC0-4258-B5EC-1AF91E651E77}" dt="2023-10-01T13:17:21.572" v="3637" actId="47"/>
        <pc:sldMkLst>
          <pc:docMk/>
          <pc:sldMk cId="1681526469" sldId="268"/>
        </pc:sldMkLst>
        <pc:spChg chg="mod">
          <ac:chgData name="Roger Cai" userId="22586480-35c0-4c25-95bc-8c24c0c5dcbb" providerId="ADAL" clId="{1B36617D-CEC0-4258-B5EC-1AF91E651E77}" dt="2023-10-01T13:16:29.242" v="3608"/>
          <ac:spMkLst>
            <pc:docMk/>
            <pc:sldMk cId="1681526469" sldId="268"/>
            <ac:spMk id="2" creationId="{00000000-0000-0000-0000-000000000000}"/>
          </ac:spMkLst>
        </pc:spChg>
        <pc:spChg chg="mod">
          <ac:chgData name="Roger Cai" userId="22586480-35c0-4c25-95bc-8c24c0c5dcbb" providerId="ADAL" clId="{1B36617D-CEC0-4258-B5EC-1AF91E651E77}" dt="2023-10-01T13:16:29.264" v="3612"/>
          <ac:spMkLst>
            <pc:docMk/>
            <pc:sldMk cId="1681526469" sldId="268"/>
            <ac:spMk id="3" creationId="{02C4D909-1D7E-4667-8672-651CF1C5770B}"/>
          </ac:spMkLst>
        </pc:spChg>
        <pc:spChg chg="mod">
          <ac:chgData name="Roger Cai" userId="22586480-35c0-4c25-95bc-8c24c0c5dcbb" providerId="ADAL" clId="{1B36617D-CEC0-4258-B5EC-1AF91E651E77}" dt="2023-10-01T13:16:29.543" v="3629" actId="27636"/>
          <ac:spMkLst>
            <pc:docMk/>
            <pc:sldMk cId="1681526469" sldId="268"/>
            <ac:spMk id="4" creationId="{0B3DA10A-DDA7-46C3-9395-3146141FC11A}"/>
          </ac:spMkLst>
        </pc:spChg>
        <pc:spChg chg="mod">
          <ac:chgData name="Roger Cai" userId="22586480-35c0-4c25-95bc-8c24c0c5dcbb" providerId="ADAL" clId="{1B36617D-CEC0-4258-B5EC-1AF91E651E77}" dt="2023-10-01T13:16:29.280" v="3614"/>
          <ac:spMkLst>
            <pc:docMk/>
            <pc:sldMk cId="1681526469" sldId="268"/>
            <ac:spMk id="8" creationId="{00000000-0000-0000-0000-000000000000}"/>
          </ac:spMkLst>
        </pc:spChg>
        <pc:spChg chg="mod">
          <ac:chgData name="Roger Cai" userId="22586480-35c0-4c25-95bc-8c24c0c5dcbb" providerId="ADAL" clId="{1B36617D-CEC0-4258-B5EC-1AF91E651E77}" dt="2023-10-01T13:16:29.311" v="3616"/>
          <ac:spMkLst>
            <pc:docMk/>
            <pc:sldMk cId="1681526469" sldId="268"/>
            <ac:spMk id="9" creationId="{00000000-0000-0000-0000-000000000000}"/>
          </ac:spMkLst>
        </pc:spChg>
        <pc:spChg chg="mod">
          <ac:chgData name="Roger Cai" userId="22586480-35c0-4c25-95bc-8c24c0c5dcbb" providerId="ADAL" clId="{1B36617D-CEC0-4258-B5EC-1AF91E651E77}" dt="2023-10-01T13:16:29.327" v="3618"/>
          <ac:spMkLst>
            <pc:docMk/>
            <pc:sldMk cId="1681526469" sldId="268"/>
            <ac:spMk id="10" creationId="{00000000-0000-0000-0000-000000000000}"/>
          </ac:spMkLst>
        </pc:spChg>
        <pc:spChg chg="mod">
          <ac:chgData name="Roger Cai" userId="22586480-35c0-4c25-95bc-8c24c0c5dcbb" providerId="ADAL" clId="{1B36617D-CEC0-4258-B5EC-1AF91E651E77}" dt="2023-10-01T13:16:29.342" v="3620"/>
          <ac:spMkLst>
            <pc:docMk/>
            <pc:sldMk cId="1681526469" sldId="268"/>
            <ac:spMk id="11" creationId="{00000000-0000-0000-0000-000000000000}"/>
          </ac:spMkLst>
        </pc:spChg>
        <pc:spChg chg="mod">
          <ac:chgData name="Roger Cai" userId="22586480-35c0-4c25-95bc-8c24c0c5dcbb" providerId="ADAL" clId="{1B36617D-CEC0-4258-B5EC-1AF91E651E77}" dt="2023-10-01T13:16:29.364" v="3622"/>
          <ac:spMkLst>
            <pc:docMk/>
            <pc:sldMk cId="1681526469" sldId="268"/>
            <ac:spMk id="14" creationId="{F68D91E0-36B3-4F08-B805-6935203C411E}"/>
          </ac:spMkLst>
        </pc:spChg>
        <pc:cxnChg chg="mod">
          <ac:chgData name="Roger Cai" userId="22586480-35c0-4c25-95bc-8c24c0c5dcbb" providerId="ADAL" clId="{1B36617D-CEC0-4258-B5EC-1AF91E651E77}" dt="2023-10-01T13:16:29.380" v="3624"/>
          <ac:cxnSpMkLst>
            <pc:docMk/>
            <pc:sldMk cId="1681526469" sldId="268"/>
            <ac:cxnSpMk id="16" creationId="{1B7ED9CB-4149-4B1E-8797-30BF78F07C05}"/>
          </ac:cxnSpMkLst>
        </pc:cxnChg>
        <pc:cxnChg chg="mod">
          <ac:chgData name="Roger Cai" userId="22586480-35c0-4c25-95bc-8c24c0c5dcbb" providerId="ADAL" clId="{1B36617D-CEC0-4258-B5EC-1AF91E651E77}" dt="2023-10-01T13:16:29.396" v="3626"/>
          <ac:cxnSpMkLst>
            <pc:docMk/>
            <pc:sldMk cId="1681526469" sldId="268"/>
            <ac:cxnSpMk id="17" creationId="{919EB3DB-3A37-4479-8872-293ED513AC49}"/>
          </ac:cxnSpMkLst>
        </pc:cxnChg>
        <pc:cxnChg chg="mod">
          <ac:chgData name="Roger Cai" userId="22586480-35c0-4c25-95bc-8c24c0c5dcbb" providerId="ADAL" clId="{1B36617D-CEC0-4258-B5EC-1AF91E651E77}" dt="2023-10-01T13:16:29.411" v="3628"/>
          <ac:cxnSpMkLst>
            <pc:docMk/>
            <pc:sldMk cId="1681526469" sldId="268"/>
            <ac:cxnSpMk id="18" creationId="{05AA5333-1737-452B-938E-3997B11FAF95}"/>
          </ac:cxnSpMkLst>
        </pc:cxnChg>
      </pc:sldChg>
      <pc:sldChg chg="addSp delSp modSp add mod ord">
        <pc:chgData name="Roger Cai" userId="22586480-35c0-4c25-95bc-8c24c0c5dcbb" providerId="ADAL" clId="{1B36617D-CEC0-4258-B5EC-1AF91E651E77}" dt="2023-10-04T23:16:49.911" v="12902" actId="14100"/>
        <pc:sldMkLst>
          <pc:docMk/>
          <pc:sldMk cId="4122424683" sldId="268"/>
        </pc:sldMkLst>
        <pc:spChg chg="del mod">
          <ac:chgData name="Roger Cai" userId="22586480-35c0-4c25-95bc-8c24c0c5dcbb" providerId="ADAL" clId="{1B36617D-CEC0-4258-B5EC-1AF91E651E77}" dt="2023-10-01T13:32:43.517" v="3875" actId="478"/>
          <ac:spMkLst>
            <pc:docMk/>
            <pc:sldMk cId="4122424683" sldId="268"/>
            <ac:spMk id="3" creationId="{4100B903-50DA-481E-978F-9D0D4C3C9337}"/>
          </ac:spMkLst>
        </pc:spChg>
        <pc:spChg chg="add del mod">
          <ac:chgData name="Roger Cai" userId="22586480-35c0-4c25-95bc-8c24c0c5dcbb" providerId="ADAL" clId="{1B36617D-CEC0-4258-B5EC-1AF91E651E77}" dt="2023-10-01T13:32:46.828" v="3876" actId="478"/>
          <ac:spMkLst>
            <pc:docMk/>
            <pc:sldMk cId="4122424683" sldId="268"/>
            <ac:spMk id="4" creationId="{96E89C78-A2C7-DC47-524C-D7F4430A15BB}"/>
          </ac:spMkLst>
        </pc:spChg>
        <pc:spChg chg="del mod">
          <ac:chgData name="Roger Cai" userId="22586480-35c0-4c25-95bc-8c24c0c5dcbb" providerId="ADAL" clId="{1B36617D-CEC0-4258-B5EC-1AF91E651E77}" dt="2023-10-01T13:32:49.003" v="3877" actId="478"/>
          <ac:spMkLst>
            <pc:docMk/>
            <pc:sldMk cId="4122424683" sldId="268"/>
            <ac:spMk id="5" creationId="{2510C362-D249-445C-B7B5-D85EC4EBC46B}"/>
          </ac:spMkLst>
        </pc:spChg>
        <pc:spChg chg="add del mod">
          <ac:chgData name="Roger Cai" userId="22586480-35c0-4c25-95bc-8c24c0c5dcbb" providerId="ADAL" clId="{1B36617D-CEC0-4258-B5EC-1AF91E651E77}" dt="2023-10-01T13:32:51.957" v="3878" actId="478"/>
          <ac:spMkLst>
            <pc:docMk/>
            <pc:sldMk cId="4122424683" sldId="268"/>
            <ac:spMk id="7" creationId="{CC498E4B-BAEE-8C4D-4A4A-D1A08740C0A0}"/>
          </ac:spMkLst>
        </pc:spChg>
        <pc:spChg chg="add mod">
          <ac:chgData name="Roger Cai" userId="22586480-35c0-4c25-95bc-8c24c0c5dcbb" providerId="ADAL" clId="{1B36617D-CEC0-4258-B5EC-1AF91E651E77}" dt="2023-10-04T23:16:49.911" v="12902" actId="14100"/>
          <ac:spMkLst>
            <pc:docMk/>
            <pc:sldMk cId="4122424683" sldId="268"/>
            <ac:spMk id="8" creationId="{E302C78A-4350-CAD2-38C4-DE9AEA8EF6E4}"/>
          </ac:spMkLst>
        </pc:spChg>
        <pc:spChg chg="mod">
          <ac:chgData name="Roger Cai" userId="22586480-35c0-4c25-95bc-8c24c0c5dcbb" providerId="ADAL" clId="{1B36617D-CEC0-4258-B5EC-1AF91E651E77}" dt="2023-10-01T15:56:10.250" v="6541" actId="1076"/>
          <ac:spMkLst>
            <pc:docMk/>
            <pc:sldMk cId="4122424683" sldId="268"/>
            <ac:spMk id="16" creationId="{9E8C1A9F-10E6-3549-B028-3591771597C4}"/>
          </ac:spMkLst>
        </pc:spChg>
        <pc:spChg chg="mod">
          <ac:chgData name="Roger Cai" userId="22586480-35c0-4c25-95bc-8c24c0c5dcbb" providerId="ADAL" clId="{1B36617D-CEC0-4258-B5EC-1AF91E651E77}" dt="2023-10-01T15:56:10.250" v="6541" actId="1076"/>
          <ac:spMkLst>
            <pc:docMk/>
            <pc:sldMk cId="4122424683" sldId="268"/>
            <ac:spMk id="17" creationId="{49CEA1B9-AA81-E046-8420-2EC9DDFE4339}"/>
          </ac:spMkLst>
        </pc:spChg>
        <pc:spChg chg="mod">
          <ac:chgData name="Roger Cai" userId="22586480-35c0-4c25-95bc-8c24c0c5dcbb" providerId="ADAL" clId="{1B36617D-CEC0-4258-B5EC-1AF91E651E77}" dt="2023-10-01T15:56:10.250" v="6541" actId="1076"/>
          <ac:spMkLst>
            <pc:docMk/>
            <pc:sldMk cId="4122424683" sldId="268"/>
            <ac:spMk id="18" creationId="{69E45CDD-6AD9-DE44-BDF6-E9EC44B9C06B}"/>
          </ac:spMkLst>
        </pc:spChg>
        <pc:spChg chg="mod">
          <ac:chgData name="Roger Cai" userId="22586480-35c0-4c25-95bc-8c24c0c5dcbb" providerId="ADAL" clId="{1B36617D-CEC0-4258-B5EC-1AF91E651E77}" dt="2023-10-01T15:56:10.250" v="6541" actId="1076"/>
          <ac:spMkLst>
            <pc:docMk/>
            <pc:sldMk cId="4122424683" sldId="268"/>
            <ac:spMk id="19" creationId="{9286C730-904E-704A-BDF0-B9DE1F18F348}"/>
          </ac:spMkLst>
        </pc:spChg>
        <pc:spChg chg="mod">
          <ac:chgData name="Roger Cai" userId="22586480-35c0-4c25-95bc-8c24c0c5dcbb" providerId="ADAL" clId="{1B36617D-CEC0-4258-B5EC-1AF91E651E77}" dt="2023-10-01T13:38:54.675" v="4003" actId="255"/>
          <ac:spMkLst>
            <pc:docMk/>
            <pc:sldMk cId="4122424683" sldId="268"/>
            <ac:spMk id="20" creationId="{8AB5B830-80AB-4190-9428-75BB18F5D6DA}"/>
          </ac:spMkLst>
        </pc:spChg>
        <pc:spChg chg="mod">
          <ac:chgData name="Roger Cai" userId="22586480-35c0-4c25-95bc-8c24c0c5dcbb" providerId="ADAL" clId="{1B36617D-CEC0-4258-B5EC-1AF91E651E77}" dt="2023-10-01T15:56:10.250" v="6541" actId="1076"/>
          <ac:spMkLst>
            <pc:docMk/>
            <pc:sldMk cId="4122424683" sldId="268"/>
            <ac:spMk id="5121" creationId="{124692B7-4965-314A-952D-8A1646AF7908}"/>
          </ac:spMkLst>
        </pc:spChg>
        <pc:spChg chg="mod">
          <ac:chgData name="Roger Cai" userId="22586480-35c0-4c25-95bc-8c24c0c5dcbb" providerId="ADAL" clId="{1B36617D-CEC0-4258-B5EC-1AF91E651E77}" dt="2023-10-01T15:56:10.250" v="6541" actId="1076"/>
          <ac:spMkLst>
            <pc:docMk/>
            <pc:sldMk cId="4122424683" sldId="268"/>
            <ac:spMk id="5122" creationId="{A49CAD40-FC0F-4E4A-82C3-65B40FB0435D}"/>
          </ac:spMkLst>
        </pc:spChg>
        <pc:spChg chg="mod">
          <ac:chgData name="Roger Cai" userId="22586480-35c0-4c25-95bc-8c24c0c5dcbb" providerId="ADAL" clId="{1B36617D-CEC0-4258-B5EC-1AF91E651E77}" dt="2023-10-01T15:56:10.250" v="6541" actId="1076"/>
          <ac:spMkLst>
            <pc:docMk/>
            <pc:sldMk cId="4122424683" sldId="268"/>
            <ac:spMk id="5123" creationId="{AB0BEB09-3131-0249-9039-1B4755F8D352}"/>
          </ac:spMkLst>
        </pc:spChg>
        <pc:spChg chg="mod">
          <ac:chgData name="Roger Cai" userId="22586480-35c0-4c25-95bc-8c24c0c5dcbb" providerId="ADAL" clId="{1B36617D-CEC0-4258-B5EC-1AF91E651E77}" dt="2023-10-01T15:56:10.250" v="6541" actId="1076"/>
          <ac:spMkLst>
            <pc:docMk/>
            <pc:sldMk cId="4122424683" sldId="268"/>
            <ac:spMk id="5124" creationId="{08ABBD70-74C1-FE4B-8A03-23A9D3C63AE8}"/>
          </ac:spMkLst>
        </pc:spChg>
        <pc:spChg chg="mod">
          <ac:chgData name="Roger Cai" userId="22586480-35c0-4c25-95bc-8c24c0c5dcbb" providerId="ADAL" clId="{1B36617D-CEC0-4258-B5EC-1AF91E651E77}" dt="2023-10-01T15:56:10.250" v="6541" actId="1076"/>
          <ac:spMkLst>
            <pc:docMk/>
            <pc:sldMk cId="4122424683" sldId="268"/>
            <ac:spMk id="5125" creationId="{4261D48E-3739-3849-8417-4B4FC4865D3C}"/>
          </ac:spMkLst>
        </pc:spChg>
        <pc:spChg chg="mod">
          <ac:chgData name="Roger Cai" userId="22586480-35c0-4c25-95bc-8c24c0c5dcbb" providerId="ADAL" clId="{1B36617D-CEC0-4258-B5EC-1AF91E651E77}" dt="2023-10-01T15:56:10.250" v="6541" actId="1076"/>
          <ac:spMkLst>
            <pc:docMk/>
            <pc:sldMk cId="4122424683" sldId="268"/>
            <ac:spMk id="5126" creationId="{FE8F47D6-E7BA-2E4E-8344-4997BB36DDD5}"/>
          </ac:spMkLst>
        </pc:spChg>
        <pc:spChg chg="mod">
          <ac:chgData name="Roger Cai" userId="22586480-35c0-4c25-95bc-8c24c0c5dcbb" providerId="ADAL" clId="{1B36617D-CEC0-4258-B5EC-1AF91E651E77}" dt="2023-10-01T15:56:10.250" v="6541" actId="1076"/>
          <ac:spMkLst>
            <pc:docMk/>
            <pc:sldMk cId="4122424683" sldId="268"/>
            <ac:spMk id="5127" creationId="{93E75C5D-24CA-9A44-9D18-6D951A68B64C}"/>
          </ac:spMkLst>
        </pc:spChg>
        <pc:spChg chg="mod">
          <ac:chgData name="Roger Cai" userId="22586480-35c0-4c25-95bc-8c24c0c5dcbb" providerId="ADAL" clId="{1B36617D-CEC0-4258-B5EC-1AF91E651E77}" dt="2023-10-01T15:56:10.250" v="6541" actId="1076"/>
          <ac:spMkLst>
            <pc:docMk/>
            <pc:sldMk cId="4122424683" sldId="268"/>
            <ac:spMk id="5128" creationId="{6FC884BA-1591-7D42-BE0C-B29E2E9606B8}"/>
          </ac:spMkLst>
        </pc:spChg>
        <pc:picChg chg="del mod">
          <ac:chgData name="Roger Cai" userId="22586480-35c0-4c25-95bc-8c24c0c5dcbb" providerId="ADAL" clId="{1B36617D-CEC0-4258-B5EC-1AF91E651E77}" dt="2023-10-01T13:32:34.373" v="3872" actId="478"/>
          <ac:picMkLst>
            <pc:docMk/>
            <pc:sldMk cId="4122424683" sldId="268"/>
            <ac:picMk id="26" creationId="{3B9AAC9C-092F-C64D-93C3-2A0DABD1E28D}"/>
          </ac:picMkLst>
        </pc:picChg>
        <pc:picChg chg="del mod">
          <ac:chgData name="Roger Cai" userId="22586480-35c0-4c25-95bc-8c24c0c5dcbb" providerId="ADAL" clId="{1B36617D-CEC0-4258-B5EC-1AF91E651E77}" dt="2023-10-01T13:30:52.483" v="3817" actId="478"/>
          <ac:picMkLst>
            <pc:docMk/>
            <pc:sldMk cId="4122424683" sldId="268"/>
            <ac:picMk id="27" creationId="{C575E6C2-E7D3-C64A-AF35-5DDB8B2EA167}"/>
          </ac:picMkLst>
        </pc:picChg>
      </pc:sldChg>
      <pc:sldChg chg="addSp delSp modSp add del mod">
        <pc:chgData name="Roger Cai" userId="22586480-35c0-4c25-95bc-8c24c0c5dcbb" providerId="ADAL" clId="{1B36617D-CEC0-4258-B5EC-1AF91E651E77}" dt="2023-10-01T13:38:06.432" v="3992" actId="47"/>
        <pc:sldMkLst>
          <pc:docMk/>
          <pc:sldMk cId="4257386322" sldId="269"/>
        </pc:sldMkLst>
        <pc:spChg chg="add mod">
          <ac:chgData name="Roger Cai" userId="22586480-35c0-4c25-95bc-8c24c0c5dcbb" providerId="ADAL" clId="{1B36617D-CEC0-4258-B5EC-1AF91E651E77}" dt="2023-10-01T13:37:28.531" v="3963" actId="478"/>
          <ac:spMkLst>
            <pc:docMk/>
            <pc:sldMk cId="4257386322" sldId="269"/>
            <ac:spMk id="3" creationId="{1B8A098C-3C40-138F-AB56-7DC324B2B3F0}"/>
          </ac:spMkLst>
        </pc:spChg>
        <pc:spChg chg="del mod">
          <ac:chgData name="Roger Cai" userId="22586480-35c0-4c25-95bc-8c24c0c5dcbb" providerId="ADAL" clId="{1B36617D-CEC0-4258-B5EC-1AF91E651E77}" dt="2023-10-01T13:37:28.531" v="3963" actId="478"/>
          <ac:spMkLst>
            <pc:docMk/>
            <pc:sldMk cId="4257386322" sldId="269"/>
            <ac:spMk id="6" creationId="{22E5F66B-5E8A-F6CB-0AE2-5F3EAAEABD6E}"/>
          </ac:spMkLst>
        </pc:spChg>
      </pc:sldChg>
      <pc:sldChg chg="addSp delSp modSp add del mod setBg">
        <pc:chgData name="Roger Cai" userId="22586480-35c0-4c25-95bc-8c24c0c5dcbb" providerId="ADAL" clId="{1B36617D-CEC0-4258-B5EC-1AF91E651E77}" dt="2023-10-01T15:30:21.949" v="6021" actId="2696"/>
        <pc:sldMkLst>
          <pc:docMk/>
          <pc:sldMk cId="2604240483" sldId="270"/>
        </pc:sldMkLst>
        <pc:spChg chg="mod">
          <ac:chgData name="Roger Cai" userId="22586480-35c0-4c25-95bc-8c24c0c5dcbb" providerId="ADAL" clId="{1B36617D-CEC0-4258-B5EC-1AF91E651E77}" dt="2023-10-01T14:04:38.991" v="4914" actId="26606"/>
          <ac:spMkLst>
            <pc:docMk/>
            <pc:sldMk cId="2604240483" sldId="270"/>
            <ac:spMk id="2" creationId="{FB202283-3BFD-4C60-BBA2-03224F0EB92B}"/>
          </ac:spMkLst>
        </pc:spChg>
        <pc:spChg chg="del">
          <ac:chgData name="Roger Cai" userId="22586480-35c0-4c25-95bc-8c24c0c5dcbb" providerId="ADAL" clId="{1B36617D-CEC0-4258-B5EC-1AF91E651E77}" dt="2023-10-01T13:37:38.653" v="3965" actId="478"/>
          <ac:spMkLst>
            <pc:docMk/>
            <pc:sldMk cId="2604240483" sldId="270"/>
            <ac:spMk id="3" creationId="{0528D374-900C-44F4-C3EF-6EA3F684B9B6}"/>
          </ac:spMkLst>
        </pc:spChg>
        <pc:spChg chg="add del mod">
          <ac:chgData name="Roger Cai" userId="22586480-35c0-4c25-95bc-8c24c0c5dcbb" providerId="ADAL" clId="{1B36617D-CEC0-4258-B5EC-1AF91E651E77}" dt="2023-10-01T13:37:45.475" v="3970" actId="478"/>
          <ac:spMkLst>
            <pc:docMk/>
            <pc:sldMk cId="2604240483" sldId="270"/>
            <ac:spMk id="5" creationId="{93024489-ED32-85DE-1E2B-134DC5EDF2AA}"/>
          </ac:spMkLst>
        </pc:spChg>
        <pc:spChg chg="add del mod">
          <ac:chgData name="Roger Cai" userId="22586480-35c0-4c25-95bc-8c24c0c5dcbb" providerId="ADAL" clId="{1B36617D-CEC0-4258-B5EC-1AF91E651E77}" dt="2023-10-01T13:37:45.475" v="3970" actId="478"/>
          <ac:spMkLst>
            <pc:docMk/>
            <pc:sldMk cId="2604240483" sldId="270"/>
            <ac:spMk id="7" creationId="{91840D44-260E-4D37-82E5-9685D4FA3B7A}"/>
          </ac:spMkLst>
        </pc:spChg>
        <pc:spChg chg="add del mod">
          <ac:chgData name="Roger Cai" userId="22586480-35c0-4c25-95bc-8c24c0c5dcbb" providerId="ADAL" clId="{1B36617D-CEC0-4258-B5EC-1AF91E651E77}" dt="2023-10-01T13:37:54.402" v="3975" actId="478"/>
          <ac:spMkLst>
            <pc:docMk/>
            <pc:sldMk cId="2604240483" sldId="270"/>
            <ac:spMk id="9" creationId="{62A44332-998E-038B-6979-E419993FF649}"/>
          </ac:spMkLst>
        </pc:spChg>
        <pc:spChg chg="add del mod">
          <ac:chgData name="Roger Cai" userId="22586480-35c0-4c25-95bc-8c24c0c5dcbb" providerId="ADAL" clId="{1B36617D-CEC0-4258-B5EC-1AF91E651E77}" dt="2023-10-01T13:37:49.697" v="3971" actId="478"/>
          <ac:spMkLst>
            <pc:docMk/>
            <pc:sldMk cId="2604240483" sldId="270"/>
            <ac:spMk id="11" creationId="{53F9E4E4-886E-FB9F-8BAC-86A801A39F0E}"/>
          </ac:spMkLst>
        </pc:spChg>
        <pc:spChg chg="add del mod">
          <ac:chgData name="Roger Cai" userId="22586480-35c0-4c25-95bc-8c24c0c5dcbb" providerId="ADAL" clId="{1B36617D-CEC0-4258-B5EC-1AF91E651E77}" dt="2023-10-01T13:37:56.830" v="3977" actId="478"/>
          <ac:spMkLst>
            <pc:docMk/>
            <pc:sldMk cId="2604240483" sldId="270"/>
            <ac:spMk id="13" creationId="{96FF8BCE-61FC-564B-BD9F-8BEF97780158}"/>
          </ac:spMkLst>
        </pc:spChg>
        <pc:spChg chg="add del mod">
          <ac:chgData name="Roger Cai" userId="22586480-35c0-4c25-95bc-8c24c0c5dcbb" providerId="ADAL" clId="{1B36617D-CEC0-4258-B5EC-1AF91E651E77}" dt="2023-10-01T13:37:55.511" v="3976" actId="478"/>
          <ac:spMkLst>
            <pc:docMk/>
            <pc:sldMk cId="2604240483" sldId="270"/>
            <ac:spMk id="15" creationId="{BB9B34CB-08F0-FD95-AEA4-FE3DCB517E64}"/>
          </ac:spMkLst>
        </pc:spChg>
        <pc:spChg chg="add del mod">
          <ac:chgData name="Roger Cai" userId="22586480-35c0-4c25-95bc-8c24c0c5dcbb" providerId="ADAL" clId="{1B36617D-CEC0-4258-B5EC-1AF91E651E77}" dt="2023-10-01T13:48:10.090" v="4032" actId="478"/>
          <ac:spMkLst>
            <pc:docMk/>
            <pc:sldMk cId="2604240483" sldId="270"/>
            <ac:spMk id="16" creationId="{C11F172C-7496-99C7-D9A7-82BE0A06F168}"/>
          </ac:spMkLst>
        </pc:spChg>
        <pc:spChg chg="add mod">
          <ac:chgData name="Roger Cai" userId="22586480-35c0-4c25-95bc-8c24c0c5dcbb" providerId="ADAL" clId="{1B36617D-CEC0-4258-B5EC-1AF91E651E77}" dt="2023-10-01T14:04:38.991" v="4914" actId="26606"/>
          <ac:spMkLst>
            <pc:docMk/>
            <pc:sldMk cId="2604240483" sldId="270"/>
            <ac:spMk id="17" creationId="{8D207817-EF93-F972-00AE-F3550BD6110E}"/>
          </ac:spMkLst>
        </pc:spChg>
        <pc:spChg chg="add mod">
          <ac:chgData name="Roger Cai" userId="22586480-35c0-4c25-95bc-8c24c0c5dcbb" providerId="ADAL" clId="{1B36617D-CEC0-4258-B5EC-1AF91E651E77}" dt="2023-10-01T14:04:38.991" v="4914" actId="26606"/>
          <ac:spMkLst>
            <pc:docMk/>
            <pc:sldMk cId="2604240483" sldId="270"/>
            <ac:spMk id="18" creationId="{90C15F9F-D16B-7637-7F15-3A92B1929F6B}"/>
          </ac:spMkLst>
        </pc:spChg>
        <pc:spChg chg="add mod">
          <ac:chgData name="Roger Cai" userId="22586480-35c0-4c25-95bc-8c24c0c5dcbb" providerId="ADAL" clId="{1B36617D-CEC0-4258-B5EC-1AF91E651E77}" dt="2023-10-01T14:04:38.991" v="4914" actId="26606"/>
          <ac:spMkLst>
            <pc:docMk/>
            <pc:sldMk cId="2604240483" sldId="270"/>
            <ac:spMk id="19" creationId="{FC2950B4-023D-2DCD-BF47-76A6375AC245}"/>
          </ac:spMkLst>
        </pc:spChg>
        <pc:spChg chg="add mod">
          <ac:chgData name="Roger Cai" userId="22586480-35c0-4c25-95bc-8c24c0c5dcbb" providerId="ADAL" clId="{1B36617D-CEC0-4258-B5EC-1AF91E651E77}" dt="2023-10-01T14:04:38.991" v="4914" actId="26606"/>
          <ac:spMkLst>
            <pc:docMk/>
            <pc:sldMk cId="2604240483" sldId="270"/>
            <ac:spMk id="20" creationId="{D6F25C62-E6DB-A9A5-AAD7-086EBE79412A}"/>
          </ac:spMkLst>
        </pc:spChg>
        <pc:spChg chg="add mod">
          <ac:chgData name="Roger Cai" userId="22586480-35c0-4c25-95bc-8c24c0c5dcbb" providerId="ADAL" clId="{1B36617D-CEC0-4258-B5EC-1AF91E651E77}" dt="2023-10-01T14:04:38.991" v="4914" actId="26606"/>
          <ac:spMkLst>
            <pc:docMk/>
            <pc:sldMk cId="2604240483" sldId="270"/>
            <ac:spMk id="21" creationId="{324B5819-D373-4EF0-03B8-9AC70BA700FF}"/>
          </ac:spMkLst>
        </pc:spChg>
        <pc:spChg chg="add mod">
          <ac:chgData name="Roger Cai" userId="22586480-35c0-4c25-95bc-8c24c0c5dcbb" providerId="ADAL" clId="{1B36617D-CEC0-4258-B5EC-1AF91E651E77}" dt="2023-10-01T14:04:38.991" v="4914" actId="26606"/>
          <ac:spMkLst>
            <pc:docMk/>
            <pc:sldMk cId="2604240483" sldId="270"/>
            <ac:spMk id="22" creationId="{BE378847-E456-042E-B37C-DC932FF15F03}"/>
          </ac:spMkLst>
        </pc:spChg>
        <pc:spChg chg="add">
          <ac:chgData name="Roger Cai" userId="22586480-35c0-4c25-95bc-8c24c0c5dcbb" providerId="ADAL" clId="{1B36617D-CEC0-4258-B5EC-1AF91E651E77}" dt="2023-10-01T14:04:38.991" v="4914" actId="26606"/>
          <ac:spMkLst>
            <pc:docMk/>
            <pc:sldMk cId="2604240483" sldId="270"/>
            <ac:spMk id="24" creationId="{AF2F604E-43BE-4DC3-B983-E071523364F8}"/>
          </ac:spMkLst>
        </pc:spChg>
        <pc:spChg chg="add">
          <ac:chgData name="Roger Cai" userId="22586480-35c0-4c25-95bc-8c24c0c5dcbb" providerId="ADAL" clId="{1B36617D-CEC0-4258-B5EC-1AF91E651E77}" dt="2023-10-01T14:04:38.991" v="4914" actId="26606"/>
          <ac:spMkLst>
            <pc:docMk/>
            <pc:sldMk cId="2604240483" sldId="270"/>
            <ac:spMk id="25" creationId="{08C9B587-E65E-4B52-B37C-ABEBB6E87928}"/>
          </ac:spMkLst>
        </pc:spChg>
        <pc:spChg chg="add">
          <ac:chgData name="Roger Cai" userId="22586480-35c0-4c25-95bc-8c24c0c5dcbb" providerId="ADAL" clId="{1B36617D-CEC0-4258-B5EC-1AF91E651E77}" dt="2023-10-01T14:04:38.991" v="4914" actId="26606"/>
          <ac:spMkLst>
            <pc:docMk/>
            <pc:sldMk cId="2604240483" sldId="270"/>
            <ac:spMk id="27" creationId="{68AF5748-FED8-45BA-8631-26D1D10F3246}"/>
          </ac:spMkLst>
        </pc:spChg>
        <pc:spChg chg="del">
          <ac:chgData name="Roger Cai" userId="22586480-35c0-4c25-95bc-8c24c0c5dcbb" providerId="ADAL" clId="{1B36617D-CEC0-4258-B5EC-1AF91E651E77}" dt="2023-10-01T13:37:38.653" v="3965" actId="478"/>
          <ac:spMkLst>
            <pc:docMk/>
            <pc:sldMk cId="2604240483" sldId="270"/>
            <ac:spMk id="28" creationId="{E2F1530E-2FD1-417A-A699-A4E2B42068E9}"/>
          </ac:spMkLst>
        </pc:spChg>
        <pc:spChg chg="del">
          <ac:chgData name="Roger Cai" userId="22586480-35c0-4c25-95bc-8c24c0c5dcbb" providerId="ADAL" clId="{1B36617D-CEC0-4258-B5EC-1AF91E651E77}" dt="2023-10-01T13:37:38.653" v="3965" actId="478"/>
          <ac:spMkLst>
            <pc:docMk/>
            <pc:sldMk cId="2604240483" sldId="270"/>
            <ac:spMk id="29" creationId="{3591717E-99E8-45D5-A355-4DD60F43BF7B}"/>
          </ac:spMkLst>
        </pc:spChg>
        <pc:spChg chg="del mod">
          <ac:chgData name="Roger Cai" userId="22586480-35c0-4c25-95bc-8c24c0c5dcbb" providerId="ADAL" clId="{1B36617D-CEC0-4258-B5EC-1AF91E651E77}" dt="2023-10-01T13:37:52.982" v="3974" actId="478"/>
          <ac:spMkLst>
            <pc:docMk/>
            <pc:sldMk cId="2604240483" sldId="270"/>
            <ac:spMk id="30" creationId="{46C53011-B474-4559-A108-CC487B3A0D56}"/>
          </ac:spMkLst>
        </pc:spChg>
        <pc:spChg chg="del">
          <ac:chgData name="Roger Cai" userId="22586480-35c0-4c25-95bc-8c24c0c5dcbb" providerId="ADAL" clId="{1B36617D-CEC0-4258-B5EC-1AF91E651E77}" dt="2023-10-01T13:37:38.653" v="3965" actId="478"/>
          <ac:spMkLst>
            <pc:docMk/>
            <pc:sldMk cId="2604240483" sldId="270"/>
            <ac:spMk id="31" creationId="{74BDBB77-7E7E-4597-B357-C3A3CB1A39E0}"/>
          </ac:spMkLst>
        </pc:spChg>
        <pc:spChg chg="del">
          <ac:chgData name="Roger Cai" userId="22586480-35c0-4c25-95bc-8c24c0c5dcbb" providerId="ADAL" clId="{1B36617D-CEC0-4258-B5EC-1AF91E651E77}" dt="2023-10-01T13:37:50.978" v="3972" actId="478"/>
          <ac:spMkLst>
            <pc:docMk/>
            <pc:sldMk cId="2604240483" sldId="270"/>
            <ac:spMk id="32" creationId="{C2242F14-9C96-4399-9844-BA23B44A71F8}"/>
          </ac:spMkLst>
        </pc:spChg>
        <pc:spChg chg="del">
          <ac:chgData name="Roger Cai" userId="22586480-35c0-4c25-95bc-8c24c0c5dcbb" providerId="ADAL" clId="{1B36617D-CEC0-4258-B5EC-1AF91E651E77}" dt="2023-10-01T13:37:38.653" v="3965" actId="478"/>
          <ac:spMkLst>
            <pc:docMk/>
            <pc:sldMk cId="2604240483" sldId="270"/>
            <ac:spMk id="33" creationId="{E06B745D-0425-4D10-8281-736654F53EBF}"/>
          </ac:spMkLst>
        </pc:spChg>
        <pc:spChg chg="del">
          <ac:chgData name="Roger Cai" userId="22586480-35c0-4c25-95bc-8c24c0c5dcbb" providerId="ADAL" clId="{1B36617D-CEC0-4258-B5EC-1AF91E651E77}" dt="2023-10-01T13:37:51.633" v="3973" actId="478"/>
          <ac:spMkLst>
            <pc:docMk/>
            <pc:sldMk cId="2604240483" sldId="270"/>
            <ac:spMk id="34" creationId="{00A3D5EE-9A6E-48E3-9F11-C91150BE12ED}"/>
          </ac:spMkLst>
        </pc:spChg>
        <pc:spChg chg="del">
          <ac:chgData name="Roger Cai" userId="22586480-35c0-4c25-95bc-8c24c0c5dcbb" providerId="ADAL" clId="{1B36617D-CEC0-4258-B5EC-1AF91E651E77}" dt="2023-10-01T13:37:38.653" v="3965" actId="478"/>
          <ac:spMkLst>
            <pc:docMk/>
            <pc:sldMk cId="2604240483" sldId="270"/>
            <ac:spMk id="35" creationId="{1BF48B93-4CE4-415E-997E-CC06FB161375}"/>
          </ac:spMkLst>
        </pc:spChg>
        <pc:spChg chg="del">
          <ac:chgData name="Roger Cai" userId="22586480-35c0-4c25-95bc-8c24c0c5dcbb" providerId="ADAL" clId="{1B36617D-CEC0-4258-B5EC-1AF91E651E77}" dt="2023-10-01T13:37:38.653" v="3965" actId="478"/>
          <ac:spMkLst>
            <pc:docMk/>
            <pc:sldMk cId="2604240483" sldId="270"/>
            <ac:spMk id="36" creationId="{CD6DBC59-C72C-42E5-83F7-23CAF4A8F905}"/>
          </ac:spMkLst>
        </pc:spChg>
        <pc:spChg chg="del">
          <ac:chgData name="Roger Cai" userId="22586480-35c0-4c25-95bc-8c24c0c5dcbb" providerId="ADAL" clId="{1B36617D-CEC0-4258-B5EC-1AF91E651E77}" dt="2023-10-01T13:37:38.653" v="3965" actId="478"/>
          <ac:spMkLst>
            <pc:docMk/>
            <pc:sldMk cId="2604240483" sldId="270"/>
            <ac:spMk id="37" creationId="{2A0F8186-DDB0-4BD4-B9C3-ED720C73250D}"/>
          </ac:spMkLst>
        </pc:spChg>
        <pc:spChg chg="del">
          <ac:chgData name="Roger Cai" userId="22586480-35c0-4c25-95bc-8c24c0c5dcbb" providerId="ADAL" clId="{1B36617D-CEC0-4258-B5EC-1AF91E651E77}" dt="2023-10-01T13:37:38.653" v="3965" actId="478"/>
          <ac:spMkLst>
            <pc:docMk/>
            <pc:sldMk cId="2604240483" sldId="270"/>
            <ac:spMk id="38" creationId="{CA8A6FAB-31FD-48B7-AF3A-FD51F85E4B42}"/>
          </ac:spMkLst>
        </pc:spChg>
        <pc:spChg chg="del">
          <ac:chgData name="Roger Cai" userId="22586480-35c0-4c25-95bc-8c24c0c5dcbb" providerId="ADAL" clId="{1B36617D-CEC0-4258-B5EC-1AF91E651E77}" dt="2023-10-01T13:37:38.653" v="3965" actId="478"/>
          <ac:spMkLst>
            <pc:docMk/>
            <pc:sldMk cId="2604240483" sldId="270"/>
            <ac:spMk id="39" creationId="{FF2115C9-6933-4DDC-8E98-2CCB1F673D12}"/>
          </ac:spMkLst>
        </pc:spChg>
        <pc:spChg chg="del">
          <ac:chgData name="Roger Cai" userId="22586480-35c0-4c25-95bc-8c24c0c5dcbb" providerId="ADAL" clId="{1B36617D-CEC0-4258-B5EC-1AF91E651E77}" dt="2023-10-01T13:37:38.653" v="3965" actId="478"/>
          <ac:spMkLst>
            <pc:docMk/>
            <pc:sldMk cId="2604240483" sldId="270"/>
            <ac:spMk id="40" creationId="{99A39208-77D3-4304-85AE-A7E1EAFC6DCA}"/>
          </ac:spMkLst>
        </pc:spChg>
      </pc:sldChg>
      <pc:sldChg chg="addSp delSp add del setBg delDesignElem">
        <pc:chgData name="Roger Cai" userId="22586480-35c0-4c25-95bc-8c24c0c5dcbb" providerId="ADAL" clId="{1B36617D-CEC0-4258-B5EC-1AF91E651E77}" dt="2023-10-01T14:10:03.038" v="4919"/>
        <pc:sldMkLst>
          <pc:docMk/>
          <pc:sldMk cId="19305051" sldId="271"/>
        </pc:sldMkLst>
        <pc:spChg chg="add del">
          <ac:chgData name="Roger Cai" userId="22586480-35c0-4c25-95bc-8c24c0c5dcbb" providerId="ADAL" clId="{1B36617D-CEC0-4258-B5EC-1AF91E651E77}" dt="2023-10-01T14:10:03.038" v="4919"/>
          <ac:spMkLst>
            <pc:docMk/>
            <pc:sldMk cId="19305051" sldId="271"/>
            <ac:spMk id="24" creationId="{AF2F604E-43BE-4DC3-B983-E071523364F8}"/>
          </ac:spMkLst>
        </pc:spChg>
        <pc:spChg chg="add del">
          <ac:chgData name="Roger Cai" userId="22586480-35c0-4c25-95bc-8c24c0c5dcbb" providerId="ADAL" clId="{1B36617D-CEC0-4258-B5EC-1AF91E651E77}" dt="2023-10-01T14:10:03.038" v="4919"/>
          <ac:spMkLst>
            <pc:docMk/>
            <pc:sldMk cId="19305051" sldId="271"/>
            <ac:spMk id="25" creationId="{08C9B587-E65E-4B52-B37C-ABEBB6E87928}"/>
          </ac:spMkLst>
        </pc:spChg>
        <pc:spChg chg="add del">
          <ac:chgData name="Roger Cai" userId="22586480-35c0-4c25-95bc-8c24c0c5dcbb" providerId="ADAL" clId="{1B36617D-CEC0-4258-B5EC-1AF91E651E77}" dt="2023-10-01T14:10:03.038" v="4919"/>
          <ac:spMkLst>
            <pc:docMk/>
            <pc:sldMk cId="19305051" sldId="271"/>
            <ac:spMk id="27" creationId="{68AF5748-FED8-45BA-8631-26D1D10F3246}"/>
          </ac:spMkLst>
        </pc:spChg>
      </pc:sldChg>
      <pc:sldChg chg="delSp modSp add del mod setBg delDesignElem">
        <pc:chgData name="Roger Cai" userId="22586480-35c0-4c25-95bc-8c24c0c5dcbb" providerId="ADAL" clId="{1B36617D-CEC0-4258-B5EC-1AF91E651E77}" dt="2023-10-01T15:30:37.130" v="6022" actId="2696"/>
        <pc:sldMkLst>
          <pc:docMk/>
          <pc:sldMk cId="2946917562" sldId="271"/>
        </pc:sldMkLst>
        <pc:spChg chg="mod">
          <ac:chgData name="Roger Cai" userId="22586480-35c0-4c25-95bc-8c24c0c5dcbb" providerId="ADAL" clId="{1B36617D-CEC0-4258-B5EC-1AF91E651E77}" dt="2023-10-01T14:12:48.235" v="4974" actId="20577"/>
          <ac:spMkLst>
            <pc:docMk/>
            <pc:sldMk cId="2946917562" sldId="271"/>
            <ac:spMk id="2" creationId="{FB202283-3BFD-4C60-BBA2-03224F0EB92B}"/>
          </ac:spMkLst>
        </pc:spChg>
        <pc:spChg chg="mod">
          <ac:chgData name="Roger Cai" userId="22586480-35c0-4c25-95bc-8c24c0c5dcbb" providerId="ADAL" clId="{1B36617D-CEC0-4258-B5EC-1AF91E651E77}" dt="2023-10-01T14:13:28.530" v="5025" actId="20577"/>
          <ac:spMkLst>
            <pc:docMk/>
            <pc:sldMk cId="2946917562" sldId="271"/>
            <ac:spMk id="17" creationId="{8D207817-EF93-F972-00AE-F3550BD6110E}"/>
          </ac:spMkLst>
        </pc:spChg>
        <pc:spChg chg="mod">
          <ac:chgData name="Roger Cai" userId="22586480-35c0-4c25-95bc-8c24c0c5dcbb" providerId="ADAL" clId="{1B36617D-CEC0-4258-B5EC-1AF91E651E77}" dt="2023-10-01T14:17:18.654" v="5138" actId="1076"/>
          <ac:spMkLst>
            <pc:docMk/>
            <pc:sldMk cId="2946917562" sldId="271"/>
            <ac:spMk id="18" creationId="{90C15F9F-D16B-7637-7F15-3A92B1929F6B}"/>
          </ac:spMkLst>
        </pc:spChg>
        <pc:spChg chg="mod">
          <ac:chgData name="Roger Cai" userId="22586480-35c0-4c25-95bc-8c24c0c5dcbb" providerId="ADAL" clId="{1B36617D-CEC0-4258-B5EC-1AF91E651E77}" dt="2023-10-01T14:24:34.253" v="5670" actId="20577"/>
          <ac:spMkLst>
            <pc:docMk/>
            <pc:sldMk cId="2946917562" sldId="271"/>
            <ac:spMk id="19" creationId="{FC2950B4-023D-2DCD-BF47-76A6375AC245}"/>
          </ac:spMkLst>
        </pc:spChg>
        <pc:spChg chg="mod">
          <ac:chgData name="Roger Cai" userId="22586480-35c0-4c25-95bc-8c24c0c5dcbb" providerId="ADAL" clId="{1B36617D-CEC0-4258-B5EC-1AF91E651E77}" dt="2023-10-01T14:28:23.690" v="5766" actId="1076"/>
          <ac:spMkLst>
            <pc:docMk/>
            <pc:sldMk cId="2946917562" sldId="271"/>
            <ac:spMk id="20" creationId="{D6F25C62-E6DB-A9A5-AAD7-086EBE79412A}"/>
          </ac:spMkLst>
        </pc:spChg>
        <pc:spChg chg="mod">
          <ac:chgData name="Roger Cai" userId="22586480-35c0-4c25-95bc-8c24c0c5dcbb" providerId="ADAL" clId="{1B36617D-CEC0-4258-B5EC-1AF91E651E77}" dt="2023-10-01T15:28:50.318" v="6008" actId="1076"/>
          <ac:spMkLst>
            <pc:docMk/>
            <pc:sldMk cId="2946917562" sldId="271"/>
            <ac:spMk id="21" creationId="{324B5819-D373-4EF0-03B8-9AC70BA700FF}"/>
          </ac:spMkLst>
        </pc:spChg>
        <pc:spChg chg="del">
          <ac:chgData name="Roger Cai" userId="22586480-35c0-4c25-95bc-8c24c0c5dcbb" providerId="ADAL" clId="{1B36617D-CEC0-4258-B5EC-1AF91E651E77}" dt="2023-10-01T14:24:39.151" v="5671" actId="478"/>
          <ac:spMkLst>
            <pc:docMk/>
            <pc:sldMk cId="2946917562" sldId="271"/>
            <ac:spMk id="22" creationId="{BE378847-E456-042E-B37C-DC932FF15F03}"/>
          </ac:spMkLst>
        </pc:spChg>
        <pc:spChg chg="del">
          <ac:chgData name="Roger Cai" userId="22586480-35c0-4c25-95bc-8c24c0c5dcbb" providerId="ADAL" clId="{1B36617D-CEC0-4258-B5EC-1AF91E651E77}" dt="2023-10-01T14:10:10.364" v="4921"/>
          <ac:spMkLst>
            <pc:docMk/>
            <pc:sldMk cId="2946917562" sldId="271"/>
            <ac:spMk id="24" creationId="{AF2F604E-43BE-4DC3-B983-E071523364F8}"/>
          </ac:spMkLst>
        </pc:spChg>
        <pc:spChg chg="del">
          <ac:chgData name="Roger Cai" userId="22586480-35c0-4c25-95bc-8c24c0c5dcbb" providerId="ADAL" clId="{1B36617D-CEC0-4258-B5EC-1AF91E651E77}" dt="2023-10-01T14:10:10.364" v="4921"/>
          <ac:spMkLst>
            <pc:docMk/>
            <pc:sldMk cId="2946917562" sldId="271"/>
            <ac:spMk id="25" creationId="{08C9B587-E65E-4B52-B37C-ABEBB6E87928}"/>
          </ac:spMkLst>
        </pc:spChg>
        <pc:spChg chg="del">
          <ac:chgData name="Roger Cai" userId="22586480-35c0-4c25-95bc-8c24c0c5dcbb" providerId="ADAL" clId="{1B36617D-CEC0-4258-B5EC-1AF91E651E77}" dt="2023-10-01T14:10:10.364" v="4921"/>
          <ac:spMkLst>
            <pc:docMk/>
            <pc:sldMk cId="2946917562" sldId="271"/>
            <ac:spMk id="27" creationId="{68AF5748-FED8-45BA-8631-26D1D10F3246}"/>
          </ac:spMkLst>
        </pc:spChg>
      </pc:sldChg>
      <pc:sldChg chg="addSp delSp modSp new mod setBg">
        <pc:chgData name="Roger Cai" userId="22586480-35c0-4c25-95bc-8c24c0c5dcbb" providerId="ADAL" clId="{1B36617D-CEC0-4258-B5EC-1AF91E651E77}" dt="2023-10-05T17:26:40.250" v="13026" actId="478"/>
        <pc:sldMkLst>
          <pc:docMk/>
          <pc:sldMk cId="209519685" sldId="272"/>
        </pc:sldMkLst>
        <pc:spChg chg="del">
          <ac:chgData name="Roger Cai" userId="22586480-35c0-4c25-95bc-8c24c0c5dcbb" providerId="ADAL" clId="{1B36617D-CEC0-4258-B5EC-1AF91E651E77}" dt="2023-10-01T15:20:19.267" v="5902" actId="478"/>
          <ac:spMkLst>
            <pc:docMk/>
            <pc:sldMk cId="209519685" sldId="272"/>
            <ac:spMk id="2" creationId="{2D6B0826-5004-93AA-ADDA-D3702258E2BC}"/>
          </ac:spMkLst>
        </pc:spChg>
        <pc:spChg chg="del">
          <ac:chgData name="Roger Cai" userId="22586480-35c0-4c25-95bc-8c24c0c5dcbb" providerId="ADAL" clId="{1B36617D-CEC0-4258-B5EC-1AF91E651E77}" dt="2023-10-01T15:20:18.027" v="5901" actId="478"/>
          <ac:spMkLst>
            <pc:docMk/>
            <pc:sldMk cId="209519685" sldId="272"/>
            <ac:spMk id="3" creationId="{9ADBBCC8-3AEB-E131-6916-34C1B89E5A47}"/>
          </ac:spMkLst>
        </pc:spChg>
        <pc:spChg chg="del">
          <ac:chgData name="Roger Cai" userId="22586480-35c0-4c25-95bc-8c24c0c5dcbb" providerId="ADAL" clId="{1B36617D-CEC0-4258-B5EC-1AF91E651E77}" dt="2023-10-01T15:20:07.446" v="5896" actId="478"/>
          <ac:spMkLst>
            <pc:docMk/>
            <pc:sldMk cId="209519685" sldId="272"/>
            <ac:spMk id="4" creationId="{07AA082F-A5ED-92C3-4D07-0D8925AC6FEF}"/>
          </ac:spMkLst>
        </pc:spChg>
        <pc:spChg chg="del">
          <ac:chgData name="Roger Cai" userId="22586480-35c0-4c25-95bc-8c24c0c5dcbb" providerId="ADAL" clId="{1B36617D-CEC0-4258-B5EC-1AF91E651E77}" dt="2023-10-01T15:20:06.228" v="5895" actId="478"/>
          <ac:spMkLst>
            <pc:docMk/>
            <pc:sldMk cId="209519685" sldId="272"/>
            <ac:spMk id="5" creationId="{DB965B5F-A1CB-CF73-275F-BBDA93B36F3B}"/>
          </ac:spMkLst>
        </pc:spChg>
        <pc:spChg chg="del">
          <ac:chgData name="Roger Cai" userId="22586480-35c0-4c25-95bc-8c24c0c5dcbb" providerId="ADAL" clId="{1B36617D-CEC0-4258-B5EC-1AF91E651E77}" dt="2023-10-01T15:20:15.182" v="5900" actId="478"/>
          <ac:spMkLst>
            <pc:docMk/>
            <pc:sldMk cId="209519685" sldId="272"/>
            <ac:spMk id="6" creationId="{1F534657-4549-97DB-A1C3-5CAAB92DEDF9}"/>
          </ac:spMkLst>
        </pc:spChg>
        <pc:spChg chg="del">
          <ac:chgData name="Roger Cai" userId="22586480-35c0-4c25-95bc-8c24c0c5dcbb" providerId="ADAL" clId="{1B36617D-CEC0-4258-B5EC-1AF91E651E77}" dt="2023-10-01T15:20:13.980" v="5899" actId="478"/>
          <ac:spMkLst>
            <pc:docMk/>
            <pc:sldMk cId="209519685" sldId="272"/>
            <ac:spMk id="7" creationId="{D2343971-8B12-9420-9686-A9FCA0144A26}"/>
          </ac:spMkLst>
        </pc:spChg>
        <pc:spChg chg="del">
          <ac:chgData name="Roger Cai" userId="22586480-35c0-4c25-95bc-8c24c0c5dcbb" providerId="ADAL" clId="{1B36617D-CEC0-4258-B5EC-1AF91E651E77}" dt="2023-10-01T15:20:11.922" v="5898" actId="478"/>
          <ac:spMkLst>
            <pc:docMk/>
            <pc:sldMk cId="209519685" sldId="272"/>
            <ac:spMk id="8" creationId="{4743DADB-3643-9694-51F5-05FF4DFA22EF}"/>
          </ac:spMkLst>
        </pc:spChg>
        <pc:spChg chg="del">
          <ac:chgData name="Roger Cai" userId="22586480-35c0-4c25-95bc-8c24c0c5dcbb" providerId="ADAL" clId="{1B36617D-CEC0-4258-B5EC-1AF91E651E77}" dt="2023-10-01T15:20:09.252" v="5897" actId="478"/>
          <ac:spMkLst>
            <pc:docMk/>
            <pc:sldMk cId="209519685" sldId="272"/>
            <ac:spMk id="9" creationId="{D0BCAECA-5514-E11C-CB27-6C18CE2C7DBA}"/>
          </ac:spMkLst>
        </pc:spChg>
        <pc:spChg chg="del">
          <ac:chgData name="Roger Cai" userId="22586480-35c0-4c25-95bc-8c24c0c5dcbb" providerId="ADAL" clId="{1B36617D-CEC0-4258-B5EC-1AF91E651E77}" dt="2023-10-01T15:19:58.356" v="5894" actId="478"/>
          <ac:spMkLst>
            <pc:docMk/>
            <pc:sldMk cId="209519685" sldId="272"/>
            <ac:spMk id="10" creationId="{0638A687-1BF1-B5A0-77B8-C317117DE915}"/>
          </ac:spMkLst>
        </pc:spChg>
        <pc:spChg chg="add mod">
          <ac:chgData name="Roger Cai" userId="22586480-35c0-4c25-95bc-8c24c0c5dcbb" providerId="ADAL" clId="{1B36617D-CEC0-4258-B5EC-1AF91E651E77}" dt="2023-10-04T16:24:29.775" v="11783" actId="20577"/>
          <ac:spMkLst>
            <pc:docMk/>
            <pc:sldMk cId="209519685" sldId="272"/>
            <ac:spMk id="11" creationId="{CD7D3A72-E196-4900-12CE-A92DE24C51B8}"/>
          </ac:spMkLst>
        </pc:spChg>
        <pc:spChg chg="add del mod">
          <ac:chgData name="Roger Cai" userId="22586480-35c0-4c25-95bc-8c24c0c5dcbb" providerId="ADAL" clId="{1B36617D-CEC0-4258-B5EC-1AF91E651E77}" dt="2023-10-01T15:21:10.026" v="5913"/>
          <ac:spMkLst>
            <pc:docMk/>
            <pc:sldMk cId="209519685" sldId="272"/>
            <ac:spMk id="12" creationId="{4FF73C47-AD24-6490-6228-8C8A829437EB}"/>
          </ac:spMkLst>
        </pc:spChg>
        <pc:spChg chg="add del mod">
          <ac:chgData name="Roger Cai" userId="22586480-35c0-4c25-95bc-8c24c0c5dcbb" providerId="ADAL" clId="{1B36617D-CEC0-4258-B5EC-1AF91E651E77}" dt="2023-10-01T15:21:10.026" v="5913"/>
          <ac:spMkLst>
            <pc:docMk/>
            <pc:sldMk cId="209519685" sldId="272"/>
            <ac:spMk id="13" creationId="{02B370FC-1A1E-0481-1153-DF08D5A08993}"/>
          </ac:spMkLst>
        </pc:spChg>
        <pc:spChg chg="add del mod">
          <ac:chgData name="Roger Cai" userId="22586480-35c0-4c25-95bc-8c24c0c5dcbb" providerId="ADAL" clId="{1B36617D-CEC0-4258-B5EC-1AF91E651E77}" dt="2023-10-01T15:21:10.026" v="5913"/>
          <ac:spMkLst>
            <pc:docMk/>
            <pc:sldMk cId="209519685" sldId="272"/>
            <ac:spMk id="14" creationId="{06FB982B-732E-55C6-6938-9CBEE84EE55E}"/>
          </ac:spMkLst>
        </pc:spChg>
        <pc:spChg chg="add del mod">
          <ac:chgData name="Roger Cai" userId="22586480-35c0-4c25-95bc-8c24c0c5dcbb" providerId="ADAL" clId="{1B36617D-CEC0-4258-B5EC-1AF91E651E77}" dt="2023-10-01T15:21:10.026" v="5913"/>
          <ac:spMkLst>
            <pc:docMk/>
            <pc:sldMk cId="209519685" sldId="272"/>
            <ac:spMk id="15" creationId="{8AA7F1A0-84E0-09AA-8C73-AC8251C781F0}"/>
          </ac:spMkLst>
        </pc:spChg>
        <pc:spChg chg="add del mod">
          <ac:chgData name="Roger Cai" userId="22586480-35c0-4c25-95bc-8c24c0c5dcbb" providerId="ADAL" clId="{1B36617D-CEC0-4258-B5EC-1AF91E651E77}" dt="2023-10-01T15:21:10.026" v="5913"/>
          <ac:spMkLst>
            <pc:docMk/>
            <pc:sldMk cId="209519685" sldId="272"/>
            <ac:spMk id="16" creationId="{2F28A63A-F16B-96BC-11C3-3BEB6A130829}"/>
          </ac:spMkLst>
        </pc:spChg>
        <pc:spChg chg="add del mod">
          <ac:chgData name="Roger Cai" userId="22586480-35c0-4c25-95bc-8c24c0c5dcbb" providerId="ADAL" clId="{1B36617D-CEC0-4258-B5EC-1AF91E651E77}" dt="2023-10-01T15:21:10.026" v="5913"/>
          <ac:spMkLst>
            <pc:docMk/>
            <pc:sldMk cId="209519685" sldId="272"/>
            <ac:spMk id="17" creationId="{2CAF8487-EBCE-EFC6-159B-7107E9FE2FB3}"/>
          </ac:spMkLst>
        </pc:spChg>
        <pc:spChg chg="add mod">
          <ac:chgData name="Roger Cai" userId="22586480-35c0-4c25-95bc-8c24c0c5dcbb" providerId="ADAL" clId="{1B36617D-CEC0-4258-B5EC-1AF91E651E77}" dt="2023-10-01T15:30:45.596" v="6023" actId="26606"/>
          <ac:spMkLst>
            <pc:docMk/>
            <pc:sldMk cId="209519685" sldId="272"/>
            <ac:spMk id="18" creationId="{4E6886CE-0512-A5BE-F2A2-47A9E20A0D88}"/>
          </ac:spMkLst>
        </pc:spChg>
        <pc:spChg chg="add mod">
          <ac:chgData name="Roger Cai" userId="22586480-35c0-4c25-95bc-8c24c0c5dcbb" providerId="ADAL" clId="{1B36617D-CEC0-4258-B5EC-1AF91E651E77}" dt="2023-10-01T15:30:45.596" v="6023" actId="26606"/>
          <ac:spMkLst>
            <pc:docMk/>
            <pc:sldMk cId="209519685" sldId="272"/>
            <ac:spMk id="19" creationId="{936A5D5A-1A92-7110-3556-B21E0EAD618F}"/>
          </ac:spMkLst>
        </pc:spChg>
        <pc:spChg chg="add mod">
          <ac:chgData name="Roger Cai" userId="22586480-35c0-4c25-95bc-8c24c0c5dcbb" providerId="ADAL" clId="{1B36617D-CEC0-4258-B5EC-1AF91E651E77}" dt="2023-10-01T15:38:43.975" v="6058" actId="20577"/>
          <ac:spMkLst>
            <pc:docMk/>
            <pc:sldMk cId="209519685" sldId="272"/>
            <ac:spMk id="20" creationId="{E648E719-253C-78A6-D2E1-355D766BD584}"/>
          </ac:spMkLst>
        </pc:spChg>
        <pc:spChg chg="add mod">
          <ac:chgData name="Roger Cai" userId="22586480-35c0-4c25-95bc-8c24c0c5dcbb" providerId="ADAL" clId="{1B36617D-CEC0-4258-B5EC-1AF91E651E77}" dt="2023-10-01T15:46:04.295" v="6061" actId="13926"/>
          <ac:spMkLst>
            <pc:docMk/>
            <pc:sldMk cId="209519685" sldId="272"/>
            <ac:spMk id="21" creationId="{DEA56F2A-5DDC-06E0-4027-2D27E2930064}"/>
          </ac:spMkLst>
        </pc:spChg>
        <pc:spChg chg="add mod">
          <ac:chgData name="Roger Cai" userId="22586480-35c0-4c25-95bc-8c24c0c5dcbb" providerId="ADAL" clId="{1B36617D-CEC0-4258-B5EC-1AF91E651E77}" dt="2023-10-01T15:30:45.596" v="6023" actId="26606"/>
          <ac:spMkLst>
            <pc:docMk/>
            <pc:sldMk cId="209519685" sldId="272"/>
            <ac:spMk id="22" creationId="{448F9185-BF37-6A86-281C-1D72113C9A40}"/>
          </ac:spMkLst>
        </pc:spChg>
        <pc:spChg chg="add del mod">
          <ac:chgData name="Roger Cai" userId="22586480-35c0-4c25-95bc-8c24c0c5dcbb" providerId="ADAL" clId="{1B36617D-CEC0-4258-B5EC-1AF91E651E77}" dt="2023-10-04T16:27:57.386" v="11785" actId="1076"/>
          <ac:spMkLst>
            <pc:docMk/>
            <pc:sldMk cId="209519685" sldId="272"/>
            <ac:spMk id="23" creationId="{E21B3C9D-9658-BF18-E355-621643B87657}"/>
          </ac:spMkLst>
        </pc:spChg>
        <pc:spChg chg="add mod">
          <ac:chgData name="Roger Cai" userId="22586480-35c0-4c25-95bc-8c24c0c5dcbb" providerId="ADAL" clId="{1B36617D-CEC0-4258-B5EC-1AF91E651E77}" dt="2023-10-01T16:04:35.671" v="6763" actId="20577"/>
          <ac:spMkLst>
            <pc:docMk/>
            <pc:sldMk cId="209519685" sldId="272"/>
            <ac:spMk id="24" creationId="{86C9EC1F-4A69-78AD-6647-400A36E75F9D}"/>
          </ac:spMkLst>
        </pc:spChg>
        <pc:spChg chg="add">
          <ac:chgData name="Roger Cai" userId="22586480-35c0-4c25-95bc-8c24c0c5dcbb" providerId="ADAL" clId="{1B36617D-CEC0-4258-B5EC-1AF91E651E77}" dt="2023-10-01T15:30:45.596" v="6023" actId="26606"/>
          <ac:spMkLst>
            <pc:docMk/>
            <pc:sldMk cId="209519685" sldId="272"/>
            <ac:spMk id="28" creationId="{D12DDE76-C203-4047-9998-63900085B5E8}"/>
          </ac:spMkLst>
        </pc:spChg>
        <pc:spChg chg="add del mod ord">
          <ac:chgData name="Roger Cai" userId="22586480-35c0-4c25-95bc-8c24c0c5dcbb" providerId="ADAL" clId="{1B36617D-CEC0-4258-B5EC-1AF91E651E77}" dt="2023-10-01T15:59:26.333" v="6557" actId="478"/>
          <ac:spMkLst>
            <pc:docMk/>
            <pc:sldMk cId="209519685" sldId="272"/>
            <ac:spMk id="30" creationId="{F20835EA-2984-6024-AAEC-896FDE2580E7}"/>
          </ac:spMkLst>
        </pc:spChg>
        <pc:spChg chg="mod">
          <ac:chgData name="Roger Cai" userId="22586480-35c0-4c25-95bc-8c24c0c5dcbb" providerId="ADAL" clId="{1B36617D-CEC0-4258-B5EC-1AF91E651E77}" dt="2023-10-01T16:00:21.899" v="6566" actId="1076"/>
          <ac:spMkLst>
            <pc:docMk/>
            <pc:sldMk cId="209519685" sldId="272"/>
            <ac:spMk id="32" creationId="{09128A44-E284-1364-77DA-00839EC5A2D7}"/>
          </ac:spMkLst>
        </pc:spChg>
        <pc:spChg chg="mod">
          <ac:chgData name="Roger Cai" userId="22586480-35c0-4c25-95bc-8c24c0c5dcbb" providerId="ADAL" clId="{1B36617D-CEC0-4258-B5EC-1AF91E651E77}" dt="2023-10-01T16:00:21.899" v="6566" actId="1076"/>
          <ac:spMkLst>
            <pc:docMk/>
            <pc:sldMk cId="209519685" sldId="272"/>
            <ac:spMk id="33" creationId="{6BF5EEDA-E664-8259-E724-40F3B62FADF2}"/>
          </ac:spMkLst>
        </pc:spChg>
        <pc:spChg chg="mod">
          <ac:chgData name="Roger Cai" userId="22586480-35c0-4c25-95bc-8c24c0c5dcbb" providerId="ADAL" clId="{1B36617D-CEC0-4258-B5EC-1AF91E651E77}" dt="2023-10-01T16:00:47.154" v="6573" actId="1076"/>
          <ac:spMkLst>
            <pc:docMk/>
            <pc:sldMk cId="209519685" sldId="272"/>
            <ac:spMk id="35" creationId="{59553137-D5C6-569C-CDDF-49D83BB0EA0A}"/>
          </ac:spMkLst>
        </pc:spChg>
        <pc:spChg chg="mod">
          <ac:chgData name="Roger Cai" userId="22586480-35c0-4c25-95bc-8c24c0c5dcbb" providerId="ADAL" clId="{1B36617D-CEC0-4258-B5EC-1AF91E651E77}" dt="2023-10-01T16:00:47.154" v="6573" actId="1076"/>
          <ac:spMkLst>
            <pc:docMk/>
            <pc:sldMk cId="209519685" sldId="272"/>
            <ac:spMk id="36" creationId="{74B44240-D45A-C4A3-5D2B-D997896FB562}"/>
          </ac:spMkLst>
        </pc:spChg>
        <pc:spChg chg="mod">
          <ac:chgData name="Roger Cai" userId="22586480-35c0-4c25-95bc-8c24c0c5dcbb" providerId="ADAL" clId="{1B36617D-CEC0-4258-B5EC-1AF91E651E77}" dt="2023-10-01T16:01:16.021" v="6581" actId="1076"/>
          <ac:spMkLst>
            <pc:docMk/>
            <pc:sldMk cId="209519685" sldId="272"/>
            <ac:spMk id="38" creationId="{8D4205C4-D2A3-757E-1755-54268144CE48}"/>
          </ac:spMkLst>
        </pc:spChg>
        <pc:spChg chg="mod">
          <ac:chgData name="Roger Cai" userId="22586480-35c0-4c25-95bc-8c24c0c5dcbb" providerId="ADAL" clId="{1B36617D-CEC0-4258-B5EC-1AF91E651E77}" dt="2023-10-01T16:01:16.021" v="6581" actId="1076"/>
          <ac:spMkLst>
            <pc:docMk/>
            <pc:sldMk cId="209519685" sldId="272"/>
            <ac:spMk id="39" creationId="{04C4EA27-EDD2-F029-609E-0F913D267CEB}"/>
          </ac:spMkLst>
        </pc:spChg>
        <pc:grpChg chg="add del mod">
          <ac:chgData name="Roger Cai" userId="22586480-35c0-4c25-95bc-8c24c0c5dcbb" providerId="ADAL" clId="{1B36617D-CEC0-4258-B5EC-1AF91E651E77}" dt="2023-10-01T16:00:34.675" v="6568" actId="478"/>
          <ac:grpSpMkLst>
            <pc:docMk/>
            <pc:sldMk cId="209519685" sldId="272"/>
            <ac:grpSpMk id="31" creationId="{2AF2B5B3-EC86-166D-BBF9-6B091BB049BC}"/>
          </ac:grpSpMkLst>
        </pc:grpChg>
        <pc:grpChg chg="add del mod">
          <ac:chgData name="Roger Cai" userId="22586480-35c0-4c25-95bc-8c24c0c5dcbb" providerId="ADAL" clId="{1B36617D-CEC0-4258-B5EC-1AF91E651E77}" dt="2023-10-01T16:00:50.223" v="6575" actId="478"/>
          <ac:grpSpMkLst>
            <pc:docMk/>
            <pc:sldMk cId="209519685" sldId="272"/>
            <ac:grpSpMk id="34" creationId="{AA772E87-0641-D5CF-F918-983DF7D75AAF}"/>
          </ac:grpSpMkLst>
        </pc:grpChg>
        <pc:grpChg chg="add mod">
          <ac:chgData name="Roger Cai" userId="22586480-35c0-4c25-95bc-8c24c0c5dcbb" providerId="ADAL" clId="{1B36617D-CEC0-4258-B5EC-1AF91E651E77}" dt="2023-10-01T16:01:16.021" v="6581" actId="1076"/>
          <ac:grpSpMkLst>
            <pc:docMk/>
            <pc:sldMk cId="209519685" sldId="272"/>
            <ac:grpSpMk id="37" creationId="{96FA327A-E6A7-BB92-37B2-19656E03F91D}"/>
          </ac:grpSpMkLst>
        </pc:grpChg>
        <pc:graphicFrameChg chg="add del mod modGraphic">
          <ac:chgData name="Roger Cai" userId="22586480-35c0-4c25-95bc-8c24c0c5dcbb" providerId="ADAL" clId="{1B36617D-CEC0-4258-B5EC-1AF91E651E77}" dt="2023-10-03T23:17:03.692" v="11026" actId="478"/>
          <ac:graphicFrameMkLst>
            <pc:docMk/>
            <pc:sldMk cId="209519685" sldId="272"/>
            <ac:graphicFrameMk id="3" creationId="{835C38D3-7B5E-DDFD-EEDA-9185980EAA97}"/>
          </ac:graphicFrameMkLst>
        </pc:graphicFrameChg>
        <pc:graphicFrameChg chg="add mod modGraphic">
          <ac:chgData name="Roger Cai" userId="22586480-35c0-4c25-95bc-8c24c0c5dcbb" providerId="ADAL" clId="{1B36617D-CEC0-4258-B5EC-1AF91E651E77}" dt="2023-10-03T23:25:22.994" v="11126" actId="14100"/>
          <ac:graphicFrameMkLst>
            <pc:docMk/>
            <pc:sldMk cId="209519685" sldId="272"/>
            <ac:graphicFrameMk id="5" creationId="{74AF60FC-7C68-C4DE-2FFF-36A65E438CAA}"/>
          </ac:graphicFrameMkLst>
        </pc:graphicFrameChg>
        <pc:graphicFrameChg chg="add del mod">
          <ac:chgData name="Roger Cai" userId="22586480-35c0-4c25-95bc-8c24c0c5dcbb" providerId="ADAL" clId="{1B36617D-CEC0-4258-B5EC-1AF91E651E77}" dt="2023-10-01T15:55:34.452" v="6536" actId="478"/>
          <ac:graphicFrameMkLst>
            <pc:docMk/>
            <pc:sldMk cId="209519685" sldId="272"/>
            <ac:graphicFrameMk id="26" creationId="{11DF417B-ECF3-26DE-F8D7-44C3326E1B31}"/>
          </ac:graphicFrameMkLst>
        </pc:graphicFrameChg>
        <pc:graphicFrameChg chg="add del mod">
          <ac:chgData name="Roger Cai" userId="22586480-35c0-4c25-95bc-8c24c0c5dcbb" providerId="ADAL" clId="{1B36617D-CEC0-4258-B5EC-1AF91E651E77}" dt="2023-10-01T15:57:56.124" v="6542" actId="478"/>
          <ac:graphicFrameMkLst>
            <pc:docMk/>
            <pc:sldMk cId="209519685" sldId="272"/>
            <ac:graphicFrameMk id="29" creationId="{8AAD7BEB-7290-E1EA-2787-123CCFAE1B64}"/>
          </ac:graphicFrameMkLst>
        </pc:graphicFrameChg>
        <pc:picChg chg="add del mod">
          <ac:chgData name="Roger Cai" userId="22586480-35c0-4c25-95bc-8c24c0c5dcbb" providerId="ADAL" clId="{1B36617D-CEC0-4258-B5EC-1AF91E651E77}" dt="2023-10-03T23:17:03.692" v="11026" actId="478"/>
          <ac:picMkLst>
            <pc:docMk/>
            <pc:sldMk cId="209519685" sldId="272"/>
            <ac:picMk id="2" creationId="{561A1394-8A37-721C-7600-9B8F7AF2E756}"/>
          </ac:picMkLst>
        </pc:picChg>
        <pc:picChg chg="add mod">
          <ac:chgData name="Roger Cai" userId="22586480-35c0-4c25-95bc-8c24c0c5dcbb" providerId="ADAL" clId="{1B36617D-CEC0-4258-B5EC-1AF91E651E77}" dt="2023-10-03T23:25:28.793" v="11127" actId="1076"/>
          <ac:picMkLst>
            <pc:docMk/>
            <pc:sldMk cId="209519685" sldId="272"/>
            <ac:picMk id="4" creationId="{C0BA63C5-552D-3DAA-8053-248BC84480D3}"/>
          </ac:picMkLst>
        </pc:picChg>
        <pc:picChg chg="add del mod">
          <ac:chgData name="Roger Cai" userId="22586480-35c0-4c25-95bc-8c24c0c5dcbb" providerId="ADAL" clId="{1B36617D-CEC0-4258-B5EC-1AF91E651E77}" dt="2023-10-01T15:55:34.452" v="6536" actId="478"/>
          <ac:picMkLst>
            <pc:docMk/>
            <pc:sldMk cId="209519685" sldId="272"/>
            <ac:picMk id="25" creationId="{26D38D95-52C8-5CD6-95EF-9A788AE6D70D}"/>
          </ac:picMkLst>
        </pc:picChg>
        <pc:picChg chg="add del mod">
          <ac:chgData name="Roger Cai" userId="22586480-35c0-4c25-95bc-8c24c0c5dcbb" providerId="ADAL" clId="{1B36617D-CEC0-4258-B5EC-1AF91E651E77}" dt="2023-10-01T15:59:54.457" v="6562" actId="478"/>
          <ac:picMkLst>
            <pc:docMk/>
            <pc:sldMk cId="209519685" sldId="272"/>
            <ac:picMk id="27" creationId="{B8BD3B82-6679-FDE2-8FC2-394088161407}"/>
          </ac:picMkLst>
        </pc:picChg>
        <pc:inkChg chg="add del">
          <ac:chgData name="Roger Cai" userId="22586480-35c0-4c25-95bc-8c24c0c5dcbb" providerId="ADAL" clId="{1B36617D-CEC0-4258-B5EC-1AF91E651E77}" dt="2023-10-05T17:26:40.250" v="13026" actId="478"/>
          <ac:inkMkLst>
            <pc:docMk/>
            <pc:sldMk cId="209519685" sldId="272"/>
            <ac:inkMk id="2" creationId="{45511E67-812F-881F-86EE-F0091AA5D00A}"/>
          </ac:inkMkLst>
        </pc:inkChg>
      </pc:sldChg>
      <pc:sldChg chg="addSp del delDesignElem">
        <pc:chgData name="Roger Cai" userId="22586480-35c0-4c25-95bc-8c24c0c5dcbb" providerId="ADAL" clId="{1B36617D-CEC0-4258-B5EC-1AF91E651E77}" dt="2023-10-01T14:10:02.738" v="4918"/>
        <pc:sldMkLst>
          <pc:docMk/>
          <pc:sldMk cId="250888481" sldId="272"/>
        </pc:sldMkLst>
        <pc:spChg chg="add">
          <ac:chgData name="Roger Cai" userId="22586480-35c0-4c25-95bc-8c24c0c5dcbb" providerId="ADAL" clId="{1B36617D-CEC0-4258-B5EC-1AF91E651E77}" dt="2023-10-01T14:10:02.738" v="4918"/>
          <ac:spMkLst>
            <pc:docMk/>
            <pc:sldMk cId="250888481" sldId="272"/>
            <ac:spMk id="24" creationId="{AF2F604E-43BE-4DC3-B983-E071523364F8}"/>
          </ac:spMkLst>
        </pc:spChg>
        <pc:spChg chg="add">
          <ac:chgData name="Roger Cai" userId="22586480-35c0-4c25-95bc-8c24c0c5dcbb" providerId="ADAL" clId="{1B36617D-CEC0-4258-B5EC-1AF91E651E77}" dt="2023-10-01T14:10:02.738" v="4918"/>
          <ac:spMkLst>
            <pc:docMk/>
            <pc:sldMk cId="250888481" sldId="272"/>
            <ac:spMk id="25" creationId="{08C9B587-E65E-4B52-B37C-ABEBB6E87928}"/>
          </ac:spMkLst>
        </pc:spChg>
        <pc:spChg chg="add">
          <ac:chgData name="Roger Cai" userId="22586480-35c0-4c25-95bc-8c24c0c5dcbb" providerId="ADAL" clId="{1B36617D-CEC0-4258-B5EC-1AF91E651E77}" dt="2023-10-01T14:10:02.738" v="4918"/>
          <ac:spMkLst>
            <pc:docMk/>
            <pc:sldMk cId="250888481" sldId="272"/>
            <ac:spMk id="27" creationId="{68AF5748-FED8-45BA-8631-26D1D10F3246}"/>
          </ac:spMkLst>
        </pc:spChg>
      </pc:sldChg>
      <pc:sldChg chg="addSp delSp modSp new mod setBg">
        <pc:chgData name="Roger Cai" userId="22586480-35c0-4c25-95bc-8c24c0c5dcbb" providerId="ADAL" clId="{1B36617D-CEC0-4258-B5EC-1AF91E651E77}" dt="2023-10-05T17:26:45.373" v="13027" actId="478"/>
        <pc:sldMkLst>
          <pc:docMk/>
          <pc:sldMk cId="2613946552" sldId="273"/>
        </pc:sldMkLst>
        <pc:spChg chg="del">
          <ac:chgData name="Roger Cai" userId="22586480-35c0-4c25-95bc-8c24c0c5dcbb" providerId="ADAL" clId="{1B36617D-CEC0-4258-B5EC-1AF91E651E77}" dt="2023-10-01T15:24:12.161" v="5956" actId="478"/>
          <ac:spMkLst>
            <pc:docMk/>
            <pc:sldMk cId="2613946552" sldId="273"/>
            <ac:spMk id="2" creationId="{A41E2690-5814-BA36-425F-4FC1DA8589FF}"/>
          </ac:spMkLst>
        </pc:spChg>
        <pc:spChg chg="del">
          <ac:chgData name="Roger Cai" userId="22586480-35c0-4c25-95bc-8c24c0c5dcbb" providerId="ADAL" clId="{1B36617D-CEC0-4258-B5EC-1AF91E651E77}" dt="2023-10-01T15:24:10.978" v="5955" actId="478"/>
          <ac:spMkLst>
            <pc:docMk/>
            <pc:sldMk cId="2613946552" sldId="273"/>
            <ac:spMk id="3" creationId="{0930BCDF-B1CD-EB35-8919-E5D5DD09C64B}"/>
          </ac:spMkLst>
        </pc:spChg>
        <pc:spChg chg="del">
          <ac:chgData name="Roger Cai" userId="22586480-35c0-4c25-95bc-8c24c0c5dcbb" providerId="ADAL" clId="{1B36617D-CEC0-4258-B5EC-1AF91E651E77}" dt="2023-10-01T15:24:02.759" v="5950" actId="478"/>
          <ac:spMkLst>
            <pc:docMk/>
            <pc:sldMk cId="2613946552" sldId="273"/>
            <ac:spMk id="4" creationId="{8AC2DE8D-FEC2-E041-84F8-F76938F5CAB3}"/>
          </ac:spMkLst>
        </pc:spChg>
        <pc:spChg chg="del">
          <ac:chgData name="Roger Cai" userId="22586480-35c0-4c25-95bc-8c24c0c5dcbb" providerId="ADAL" clId="{1B36617D-CEC0-4258-B5EC-1AF91E651E77}" dt="2023-10-01T15:24:01.402" v="5949" actId="478"/>
          <ac:spMkLst>
            <pc:docMk/>
            <pc:sldMk cId="2613946552" sldId="273"/>
            <ac:spMk id="5" creationId="{38870906-528D-6C0C-BF71-33753C61782F}"/>
          </ac:spMkLst>
        </pc:spChg>
        <pc:spChg chg="del">
          <ac:chgData name="Roger Cai" userId="22586480-35c0-4c25-95bc-8c24c0c5dcbb" providerId="ADAL" clId="{1B36617D-CEC0-4258-B5EC-1AF91E651E77}" dt="2023-10-01T15:24:09.522" v="5954" actId="478"/>
          <ac:spMkLst>
            <pc:docMk/>
            <pc:sldMk cId="2613946552" sldId="273"/>
            <ac:spMk id="6" creationId="{00464ACC-3C26-C4A3-9CA2-2ECAAF9B1378}"/>
          </ac:spMkLst>
        </pc:spChg>
        <pc:spChg chg="del">
          <ac:chgData name="Roger Cai" userId="22586480-35c0-4c25-95bc-8c24c0c5dcbb" providerId="ADAL" clId="{1B36617D-CEC0-4258-B5EC-1AF91E651E77}" dt="2023-10-01T15:24:08.489" v="5953" actId="478"/>
          <ac:spMkLst>
            <pc:docMk/>
            <pc:sldMk cId="2613946552" sldId="273"/>
            <ac:spMk id="7" creationId="{7B75AFB2-3041-6309-33BB-176078431A9A}"/>
          </ac:spMkLst>
        </pc:spChg>
        <pc:spChg chg="del">
          <ac:chgData name="Roger Cai" userId="22586480-35c0-4c25-95bc-8c24c0c5dcbb" providerId="ADAL" clId="{1B36617D-CEC0-4258-B5EC-1AF91E651E77}" dt="2023-10-01T15:24:06.431" v="5952" actId="478"/>
          <ac:spMkLst>
            <pc:docMk/>
            <pc:sldMk cId="2613946552" sldId="273"/>
            <ac:spMk id="8" creationId="{FD5C74B4-911F-CF30-F1ED-565955E5D80F}"/>
          </ac:spMkLst>
        </pc:spChg>
        <pc:spChg chg="del">
          <ac:chgData name="Roger Cai" userId="22586480-35c0-4c25-95bc-8c24c0c5dcbb" providerId="ADAL" clId="{1B36617D-CEC0-4258-B5EC-1AF91E651E77}" dt="2023-10-01T15:24:05.065" v="5951" actId="478"/>
          <ac:spMkLst>
            <pc:docMk/>
            <pc:sldMk cId="2613946552" sldId="273"/>
            <ac:spMk id="9" creationId="{79822B61-5BE3-EEB1-25F2-3E0026DE4BD3}"/>
          </ac:spMkLst>
        </pc:spChg>
        <pc:spChg chg="del">
          <ac:chgData name="Roger Cai" userId="22586480-35c0-4c25-95bc-8c24c0c5dcbb" providerId="ADAL" clId="{1B36617D-CEC0-4258-B5EC-1AF91E651E77}" dt="2023-10-01T15:23:59.883" v="5948" actId="478"/>
          <ac:spMkLst>
            <pc:docMk/>
            <pc:sldMk cId="2613946552" sldId="273"/>
            <ac:spMk id="10" creationId="{8D060232-3FEC-474C-9BF2-F4662438369A}"/>
          </ac:spMkLst>
        </pc:spChg>
        <pc:spChg chg="add mod ord">
          <ac:chgData name="Roger Cai" userId="22586480-35c0-4c25-95bc-8c24c0c5dcbb" providerId="ADAL" clId="{1B36617D-CEC0-4258-B5EC-1AF91E651E77}" dt="2023-10-01T15:31:25.275" v="6026" actId="26606"/>
          <ac:spMkLst>
            <pc:docMk/>
            <pc:sldMk cId="2613946552" sldId="273"/>
            <ac:spMk id="11" creationId="{1B2168CD-E8F9-0790-FCBD-D9F7CD00238B}"/>
          </ac:spMkLst>
        </pc:spChg>
        <pc:spChg chg="add mod">
          <ac:chgData name="Roger Cai" userId="22586480-35c0-4c25-95bc-8c24c0c5dcbb" providerId="ADAL" clId="{1B36617D-CEC0-4258-B5EC-1AF91E651E77}" dt="2023-10-01T15:33:13.304" v="6045" actId="1076"/>
          <ac:spMkLst>
            <pc:docMk/>
            <pc:sldMk cId="2613946552" sldId="273"/>
            <ac:spMk id="12" creationId="{C90A82C6-3C64-759D-735F-F2D6BEE973AD}"/>
          </ac:spMkLst>
        </pc:spChg>
        <pc:spChg chg="add mod">
          <ac:chgData name="Roger Cai" userId="22586480-35c0-4c25-95bc-8c24c0c5dcbb" providerId="ADAL" clId="{1B36617D-CEC0-4258-B5EC-1AF91E651E77}" dt="2023-10-01T15:46:27.368" v="6063" actId="13926"/>
          <ac:spMkLst>
            <pc:docMk/>
            <pc:sldMk cId="2613946552" sldId="273"/>
            <ac:spMk id="13" creationId="{E3BAB780-C350-B2C2-F660-B190FF0DA077}"/>
          </ac:spMkLst>
        </pc:spChg>
        <pc:spChg chg="add mod">
          <ac:chgData name="Roger Cai" userId="22586480-35c0-4c25-95bc-8c24c0c5dcbb" providerId="ADAL" clId="{1B36617D-CEC0-4258-B5EC-1AF91E651E77}" dt="2023-10-01T15:46:34.322" v="6065" actId="13926"/>
          <ac:spMkLst>
            <pc:docMk/>
            <pc:sldMk cId="2613946552" sldId="273"/>
            <ac:spMk id="14" creationId="{A497668D-699A-9BB5-5BE0-02DC3AE94CE1}"/>
          </ac:spMkLst>
        </pc:spChg>
        <pc:spChg chg="add mod">
          <ac:chgData name="Roger Cai" userId="22586480-35c0-4c25-95bc-8c24c0c5dcbb" providerId="ADAL" clId="{1B36617D-CEC0-4258-B5EC-1AF91E651E77}" dt="2023-10-01T15:33:41.510" v="6049" actId="1076"/>
          <ac:spMkLst>
            <pc:docMk/>
            <pc:sldMk cId="2613946552" sldId="273"/>
            <ac:spMk id="15" creationId="{CA595919-BA79-7385-5A7B-D065AE5F4D49}"/>
          </ac:spMkLst>
        </pc:spChg>
        <pc:spChg chg="add mod">
          <ac:chgData name="Roger Cai" userId="22586480-35c0-4c25-95bc-8c24c0c5dcbb" providerId="ADAL" clId="{1B36617D-CEC0-4258-B5EC-1AF91E651E77}" dt="2023-10-01T15:33:46.045" v="6050" actId="1076"/>
          <ac:spMkLst>
            <pc:docMk/>
            <pc:sldMk cId="2613946552" sldId="273"/>
            <ac:spMk id="16" creationId="{DC169156-D1DE-7051-C671-E324498943AA}"/>
          </ac:spMkLst>
        </pc:spChg>
        <pc:spChg chg="add del mod">
          <ac:chgData name="Roger Cai" userId="22586480-35c0-4c25-95bc-8c24c0c5dcbb" providerId="ADAL" clId="{1B36617D-CEC0-4258-B5EC-1AF91E651E77}" dt="2023-10-01T15:29:06.362" v="6010" actId="478"/>
          <ac:spMkLst>
            <pc:docMk/>
            <pc:sldMk cId="2613946552" sldId="273"/>
            <ac:spMk id="17" creationId="{31871346-7514-35F5-66F3-A99C0290F18E}"/>
          </ac:spMkLst>
        </pc:spChg>
        <pc:spChg chg="add">
          <ac:chgData name="Roger Cai" userId="22586480-35c0-4c25-95bc-8c24c0c5dcbb" providerId="ADAL" clId="{1B36617D-CEC0-4258-B5EC-1AF91E651E77}" dt="2023-10-01T15:31:25.275" v="6026" actId="26606"/>
          <ac:spMkLst>
            <pc:docMk/>
            <pc:sldMk cId="2613946552" sldId="273"/>
            <ac:spMk id="18" creationId="{D12DDE76-C203-4047-9998-63900085B5E8}"/>
          </ac:spMkLst>
        </pc:spChg>
        <pc:spChg chg="add mod">
          <ac:chgData name="Roger Cai" userId="22586480-35c0-4c25-95bc-8c24c0c5dcbb" providerId="ADAL" clId="{1B36617D-CEC0-4258-B5EC-1AF91E651E77}" dt="2023-10-01T17:00:57.157" v="7925" actId="20577"/>
          <ac:spMkLst>
            <pc:docMk/>
            <pc:sldMk cId="2613946552" sldId="273"/>
            <ac:spMk id="19" creationId="{FF6B0B0E-AF28-75A0-F525-B3D8480947D0}"/>
          </ac:spMkLst>
        </pc:spChg>
        <pc:spChg chg="add del">
          <ac:chgData name="Roger Cai" userId="22586480-35c0-4c25-95bc-8c24c0c5dcbb" providerId="ADAL" clId="{1B36617D-CEC0-4258-B5EC-1AF91E651E77}" dt="2023-10-01T15:31:06.953" v="6025" actId="26606"/>
          <ac:spMkLst>
            <pc:docMk/>
            <pc:sldMk cId="2613946552" sldId="273"/>
            <ac:spMk id="21" creationId="{D12DDE76-C203-4047-9998-63900085B5E8}"/>
          </ac:spMkLst>
        </pc:spChg>
        <pc:spChg chg="mod">
          <ac:chgData name="Roger Cai" userId="22586480-35c0-4c25-95bc-8c24c0c5dcbb" providerId="ADAL" clId="{1B36617D-CEC0-4258-B5EC-1AF91E651E77}" dt="2023-10-01T16:01:39.098" v="6582"/>
          <ac:spMkLst>
            <pc:docMk/>
            <pc:sldMk cId="2613946552" sldId="273"/>
            <ac:spMk id="22" creationId="{C6F2FC37-5319-4C75-0188-F8EDD7A99747}"/>
          </ac:spMkLst>
        </pc:spChg>
        <pc:spChg chg="mod">
          <ac:chgData name="Roger Cai" userId="22586480-35c0-4c25-95bc-8c24c0c5dcbb" providerId="ADAL" clId="{1B36617D-CEC0-4258-B5EC-1AF91E651E77}" dt="2023-10-01T16:01:39.098" v="6582"/>
          <ac:spMkLst>
            <pc:docMk/>
            <pc:sldMk cId="2613946552" sldId="273"/>
            <ac:spMk id="23" creationId="{D751E725-50D9-6634-731E-5F7B4A18CEDB}"/>
          </ac:spMkLst>
        </pc:spChg>
        <pc:grpChg chg="add mod">
          <ac:chgData name="Roger Cai" userId="22586480-35c0-4c25-95bc-8c24c0c5dcbb" providerId="ADAL" clId="{1B36617D-CEC0-4258-B5EC-1AF91E651E77}" dt="2023-10-01T16:01:39.098" v="6582"/>
          <ac:grpSpMkLst>
            <pc:docMk/>
            <pc:sldMk cId="2613946552" sldId="273"/>
            <ac:grpSpMk id="20" creationId="{DDF4786B-D72F-A659-293F-774CD2D9997D}"/>
          </ac:grpSpMkLst>
        </pc:grpChg>
        <pc:inkChg chg="add del">
          <ac:chgData name="Roger Cai" userId="22586480-35c0-4c25-95bc-8c24c0c5dcbb" providerId="ADAL" clId="{1B36617D-CEC0-4258-B5EC-1AF91E651E77}" dt="2023-10-05T17:26:45.373" v="13027" actId="478"/>
          <ac:inkMkLst>
            <pc:docMk/>
            <pc:sldMk cId="2613946552" sldId="273"/>
            <ac:inkMk id="2" creationId="{AFA5C2F7-7966-9A5D-4DA4-1620F2BE0AAF}"/>
          </ac:inkMkLst>
        </pc:inkChg>
      </pc:sldChg>
      <pc:sldChg chg="addSp delSp add del setBg delDesignElem">
        <pc:chgData name="Roger Cai" userId="22586480-35c0-4c25-95bc-8c24c0c5dcbb" providerId="ADAL" clId="{1B36617D-CEC0-4258-B5EC-1AF91E651E77}" dt="2023-10-01T15:31:33.868" v="6029"/>
        <pc:sldMkLst>
          <pc:docMk/>
          <pc:sldMk cId="362481009" sldId="274"/>
        </pc:sldMkLst>
        <pc:spChg chg="add del">
          <ac:chgData name="Roger Cai" userId="22586480-35c0-4c25-95bc-8c24c0c5dcbb" providerId="ADAL" clId="{1B36617D-CEC0-4258-B5EC-1AF91E651E77}" dt="2023-10-01T15:31:33.868" v="6029"/>
          <ac:spMkLst>
            <pc:docMk/>
            <pc:sldMk cId="362481009" sldId="274"/>
            <ac:spMk id="18" creationId="{D12DDE76-C203-4047-9998-63900085B5E8}"/>
          </ac:spMkLst>
        </pc:spChg>
      </pc:sldChg>
      <pc:sldChg chg="addSp delSp modSp mod">
        <pc:chgData name="Roger Cai" userId="22586480-35c0-4c25-95bc-8c24c0c5dcbb" providerId="ADAL" clId="{1B36617D-CEC0-4258-B5EC-1AF91E651E77}" dt="2023-10-05T17:26:47.906" v="13028" actId="478"/>
        <pc:sldMkLst>
          <pc:docMk/>
          <pc:sldMk cId="745574863" sldId="274"/>
        </pc:sldMkLst>
        <pc:spChg chg="add mod">
          <ac:chgData name="Roger Cai" userId="22586480-35c0-4c25-95bc-8c24c0c5dcbb" providerId="ADAL" clId="{1B36617D-CEC0-4258-B5EC-1AF91E651E77}" dt="2023-10-01T17:00:33.104" v="7920" actId="1076"/>
          <ac:spMkLst>
            <pc:docMk/>
            <pc:sldMk cId="745574863" sldId="274"/>
            <ac:spMk id="2" creationId="{6320274D-B080-3325-5CCE-B8345EC37F21}"/>
          </ac:spMkLst>
        </pc:spChg>
        <pc:spChg chg="add mod">
          <ac:chgData name="Roger Cai" userId="22586480-35c0-4c25-95bc-8c24c0c5dcbb" providerId="ADAL" clId="{1B36617D-CEC0-4258-B5EC-1AF91E651E77}" dt="2023-10-01T17:00:24.318" v="7918" actId="1076"/>
          <ac:spMkLst>
            <pc:docMk/>
            <pc:sldMk cId="745574863" sldId="274"/>
            <ac:spMk id="3" creationId="{4938BA57-A1BC-201D-9ADC-65972DE3E238}"/>
          </ac:spMkLst>
        </pc:spChg>
        <pc:spChg chg="add mod">
          <ac:chgData name="Roger Cai" userId="22586480-35c0-4c25-95bc-8c24c0c5dcbb" providerId="ADAL" clId="{1B36617D-CEC0-4258-B5EC-1AF91E651E77}" dt="2023-10-01T17:00:36.045" v="7921" actId="1076"/>
          <ac:spMkLst>
            <pc:docMk/>
            <pc:sldMk cId="745574863" sldId="274"/>
            <ac:spMk id="4" creationId="{F86D318A-612E-37FF-4E70-ADC335753F96}"/>
          </ac:spMkLst>
        </pc:spChg>
        <pc:spChg chg="add mod">
          <ac:chgData name="Roger Cai" userId="22586480-35c0-4c25-95bc-8c24c0c5dcbb" providerId="ADAL" clId="{1B36617D-CEC0-4258-B5EC-1AF91E651E77}" dt="2023-10-01T17:00:40.270" v="7922" actId="1076"/>
          <ac:spMkLst>
            <pc:docMk/>
            <pc:sldMk cId="745574863" sldId="274"/>
            <ac:spMk id="5" creationId="{1DCD8BC7-F379-8DDB-DA10-14B6D9BD1868}"/>
          </ac:spMkLst>
        </pc:spChg>
        <pc:spChg chg="add mod">
          <ac:chgData name="Roger Cai" userId="22586480-35c0-4c25-95bc-8c24c0c5dcbb" providerId="ADAL" clId="{1B36617D-CEC0-4258-B5EC-1AF91E651E77}" dt="2023-10-01T17:03:52.258" v="8042" actId="1076"/>
          <ac:spMkLst>
            <pc:docMk/>
            <pc:sldMk cId="745574863" sldId="274"/>
            <ac:spMk id="6" creationId="{F4F07927-165F-04F2-7AE6-C52C9F83CE41}"/>
          </ac:spMkLst>
        </pc:spChg>
        <pc:spChg chg="add mod">
          <ac:chgData name="Roger Cai" userId="22586480-35c0-4c25-95bc-8c24c0c5dcbb" providerId="ADAL" clId="{1B36617D-CEC0-4258-B5EC-1AF91E651E77}" dt="2023-10-01T17:03:57.229" v="8043" actId="1076"/>
          <ac:spMkLst>
            <pc:docMk/>
            <pc:sldMk cId="745574863" sldId="274"/>
            <ac:spMk id="7" creationId="{FAA6005A-EB61-E3B9-2662-76222F835F22}"/>
          </ac:spMkLst>
        </pc:spChg>
        <pc:spChg chg="mod">
          <ac:chgData name="Roger Cai" userId="22586480-35c0-4c25-95bc-8c24c0c5dcbb" providerId="ADAL" clId="{1B36617D-CEC0-4258-B5EC-1AF91E651E77}" dt="2023-10-01T16:43:35.465" v="7270" actId="1076"/>
          <ac:spMkLst>
            <pc:docMk/>
            <pc:sldMk cId="745574863" sldId="274"/>
            <ac:spMk id="11" creationId="{1B2168CD-E8F9-0790-FCBD-D9F7CD00238B}"/>
          </ac:spMkLst>
        </pc:spChg>
        <pc:spChg chg="mod">
          <ac:chgData name="Roger Cai" userId="22586480-35c0-4c25-95bc-8c24c0c5dcbb" providerId="ADAL" clId="{1B36617D-CEC0-4258-B5EC-1AF91E651E77}" dt="2023-10-01T16:44:47.650" v="7284" actId="20577"/>
          <ac:spMkLst>
            <pc:docMk/>
            <pc:sldMk cId="745574863" sldId="274"/>
            <ac:spMk id="12" creationId="{C90A82C6-3C64-759D-735F-F2D6BEE973AD}"/>
          </ac:spMkLst>
        </pc:spChg>
        <pc:spChg chg="mod">
          <ac:chgData name="Roger Cai" userId="22586480-35c0-4c25-95bc-8c24c0c5dcbb" providerId="ADAL" clId="{1B36617D-CEC0-4258-B5EC-1AF91E651E77}" dt="2023-10-01T17:00:18.448" v="7917" actId="1076"/>
          <ac:spMkLst>
            <pc:docMk/>
            <pc:sldMk cId="745574863" sldId="274"/>
            <ac:spMk id="13" creationId="{E3BAB780-C350-B2C2-F660-B190FF0DA077}"/>
          </ac:spMkLst>
        </pc:spChg>
        <pc:spChg chg="del mod">
          <ac:chgData name="Roger Cai" userId="22586480-35c0-4c25-95bc-8c24c0c5dcbb" providerId="ADAL" clId="{1B36617D-CEC0-4258-B5EC-1AF91E651E77}" dt="2023-10-01T16:55:50.878" v="7813" actId="478"/>
          <ac:spMkLst>
            <pc:docMk/>
            <pc:sldMk cId="745574863" sldId="274"/>
            <ac:spMk id="14" creationId="{A497668D-699A-9BB5-5BE0-02DC3AE94CE1}"/>
          </ac:spMkLst>
        </pc:spChg>
        <pc:spChg chg="del">
          <ac:chgData name="Roger Cai" userId="22586480-35c0-4c25-95bc-8c24c0c5dcbb" providerId="ADAL" clId="{1B36617D-CEC0-4258-B5EC-1AF91E651E77}" dt="2023-10-01T16:52:36.670" v="7658" actId="478"/>
          <ac:spMkLst>
            <pc:docMk/>
            <pc:sldMk cId="745574863" sldId="274"/>
            <ac:spMk id="15" creationId="{CA595919-BA79-7385-5A7B-D065AE5F4D49}"/>
          </ac:spMkLst>
        </pc:spChg>
        <pc:spChg chg="del">
          <ac:chgData name="Roger Cai" userId="22586480-35c0-4c25-95bc-8c24c0c5dcbb" providerId="ADAL" clId="{1B36617D-CEC0-4258-B5EC-1AF91E651E77}" dt="2023-10-01T16:52:35.249" v="7657" actId="478"/>
          <ac:spMkLst>
            <pc:docMk/>
            <pc:sldMk cId="745574863" sldId="274"/>
            <ac:spMk id="16" creationId="{DC169156-D1DE-7051-C671-E324498943AA}"/>
          </ac:spMkLst>
        </pc:spChg>
        <pc:spChg chg="mod">
          <ac:chgData name="Roger Cai" userId="22586480-35c0-4c25-95bc-8c24c0c5dcbb" providerId="ADAL" clId="{1B36617D-CEC0-4258-B5EC-1AF91E651E77}" dt="2023-10-01T17:01:10.147" v="7931" actId="20577"/>
          <ac:spMkLst>
            <pc:docMk/>
            <pc:sldMk cId="745574863" sldId="274"/>
            <ac:spMk id="19" creationId="{FF6B0B0E-AF28-75A0-F525-B3D8480947D0}"/>
          </ac:spMkLst>
        </pc:spChg>
        <pc:inkChg chg="add del">
          <ac:chgData name="Roger Cai" userId="22586480-35c0-4c25-95bc-8c24c0c5dcbb" providerId="ADAL" clId="{1B36617D-CEC0-4258-B5EC-1AF91E651E77}" dt="2023-10-05T17:26:47.906" v="13028" actId="478"/>
          <ac:inkMkLst>
            <pc:docMk/>
            <pc:sldMk cId="745574863" sldId="274"/>
            <ac:inkMk id="8" creationId="{83E6B71B-4435-2971-31DB-DF05B283AF09}"/>
          </ac:inkMkLst>
        </pc:inkChg>
      </pc:sldChg>
      <pc:sldChg chg="addSp delSp modSp add mod">
        <pc:chgData name="Roger Cai" userId="22586480-35c0-4c25-95bc-8c24c0c5dcbb" providerId="ADAL" clId="{1B36617D-CEC0-4258-B5EC-1AF91E651E77}" dt="2023-10-02T17:55:46.323" v="8059" actId="255"/>
        <pc:sldMkLst>
          <pc:docMk/>
          <pc:sldMk cId="2167854182" sldId="275"/>
        </pc:sldMkLst>
        <pc:spChg chg="del">
          <ac:chgData name="Roger Cai" userId="22586480-35c0-4c25-95bc-8c24c0c5dcbb" providerId="ADAL" clId="{1B36617D-CEC0-4258-B5EC-1AF91E651E77}" dt="2023-10-02T17:54:03.413" v="8052" actId="478"/>
          <ac:spMkLst>
            <pc:docMk/>
            <pc:sldMk cId="2167854182" sldId="275"/>
            <ac:spMk id="2" creationId="{10BBBC44-7397-8DBA-0E50-19F9CFE295BA}"/>
          </ac:spMkLst>
        </pc:spChg>
        <pc:spChg chg="add del mod">
          <ac:chgData name="Roger Cai" userId="22586480-35c0-4c25-95bc-8c24c0c5dcbb" providerId="ADAL" clId="{1B36617D-CEC0-4258-B5EC-1AF91E651E77}" dt="2023-10-02T17:53:53.816" v="8047"/>
          <ac:spMkLst>
            <pc:docMk/>
            <pc:sldMk cId="2167854182" sldId="275"/>
            <ac:spMk id="4" creationId="{F1D2C8F6-6DC3-E881-7BE4-B50174A7545A}"/>
          </ac:spMkLst>
        </pc:spChg>
        <pc:spChg chg="add mod">
          <ac:chgData name="Roger Cai" userId="22586480-35c0-4c25-95bc-8c24c0c5dcbb" providerId="ADAL" clId="{1B36617D-CEC0-4258-B5EC-1AF91E651E77}" dt="2023-10-02T17:54:18.199" v="8054" actId="1076"/>
          <ac:spMkLst>
            <pc:docMk/>
            <pc:sldMk cId="2167854182" sldId="275"/>
            <ac:spMk id="8" creationId="{5C643BD1-FA95-3F87-5DC3-D156CB849CFD}"/>
          </ac:spMkLst>
        </pc:spChg>
        <pc:spChg chg="add mod">
          <ac:chgData name="Roger Cai" userId="22586480-35c0-4c25-95bc-8c24c0c5dcbb" providerId="ADAL" clId="{1B36617D-CEC0-4258-B5EC-1AF91E651E77}" dt="2023-10-02T17:54:18.199" v="8054" actId="1076"/>
          <ac:spMkLst>
            <pc:docMk/>
            <pc:sldMk cId="2167854182" sldId="275"/>
            <ac:spMk id="9" creationId="{3BE0881B-3594-BDAE-3BD8-66EDE8B32B83}"/>
          </ac:spMkLst>
        </pc:spChg>
        <pc:spChg chg="mod">
          <ac:chgData name="Roger Cai" userId="22586480-35c0-4c25-95bc-8c24c0c5dcbb" providerId="ADAL" clId="{1B36617D-CEC0-4258-B5EC-1AF91E651E77}" dt="2023-10-02T17:54:52.083" v="8056" actId="207"/>
          <ac:spMkLst>
            <pc:docMk/>
            <pc:sldMk cId="2167854182" sldId="275"/>
            <ac:spMk id="10" creationId="{00000000-0000-0000-0000-000000000000}"/>
          </ac:spMkLst>
        </pc:spChg>
        <pc:spChg chg="add del">
          <ac:chgData name="Roger Cai" userId="22586480-35c0-4c25-95bc-8c24c0c5dcbb" providerId="ADAL" clId="{1B36617D-CEC0-4258-B5EC-1AF91E651E77}" dt="2023-10-02T17:53:58.017" v="8049" actId="21"/>
          <ac:spMkLst>
            <pc:docMk/>
            <pc:sldMk cId="2167854182" sldId="275"/>
            <ac:spMk id="12" creationId="{EAF434E5-47E2-2EDD-4F79-ED3527A7EA3C}"/>
          </ac:spMkLst>
        </pc:spChg>
        <pc:spChg chg="add del">
          <ac:chgData name="Roger Cai" userId="22586480-35c0-4c25-95bc-8c24c0c5dcbb" providerId="ADAL" clId="{1B36617D-CEC0-4258-B5EC-1AF91E651E77}" dt="2023-10-02T17:53:58.017" v="8049" actId="21"/>
          <ac:spMkLst>
            <pc:docMk/>
            <pc:sldMk cId="2167854182" sldId="275"/>
            <ac:spMk id="13" creationId="{4C75E940-261A-950F-0ED5-8FB15F5AA671}"/>
          </ac:spMkLst>
        </pc:spChg>
        <pc:spChg chg="mod">
          <ac:chgData name="Roger Cai" userId="22586480-35c0-4c25-95bc-8c24c0c5dcbb" providerId="ADAL" clId="{1B36617D-CEC0-4258-B5EC-1AF91E651E77}" dt="2023-10-02T17:55:46.323" v="8059" actId="255"/>
          <ac:spMkLst>
            <pc:docMk/>
            <pc:sldMk cId="2167854182" sldId="275"/>
            <ac:spMk id="17" creationId="{CBA7B5B9-95EE-401F-8F3E-07F15AA82ACE}"/>
          </ac:spMkLst>
        </pc:spChg>
      </pc:sldChg>
      <pc:sldChg chg="addSp delSp modSp new mod setBg">
        <pc:chgData name="Roger Cai" userId="22586480-35c0-4c25-95bc-8c24c0c5dcbb" providerId="ADAL" clId="{1B36617D-CEC0-4258-B5EC-1AF91E651E77}" dt="2023-10-04T16:42:48.248" v="11866" actId="1076"/>
        <pc:sldMkLst>
          <pc:docMk/>
          <pc:sldMk cId="1216037718" sldId="276"/>
        </pc:sldMkLst>
        <pc:spChg chg="del">
          <ac:chgData name="Roger Cai" userId="22586480-35c0-4c25-95bc-8c24c0c5dcbb" providerId="ADAL" clId="{1B36617D-CEC0-4258-B5EC-1AF91E651E77}" dt="2023-10-03T18:00:12.716" v="9064" actId="478"/>
          <ac:spMkLst>
            <pc:docMk/>
            <pc:sldMk cId="1216037718" sldId="276"/>
            <ac:spMk id="2" creationId="{048AE9DA-14F0-F995-6B17-C8BAD4D0D572}"/>
          </ac:spMkLst>
        </pc:spChg>
        <pc:spChg chg="add mod">
          <ac:chgData name="Roger Cai" userId="22586480-35c0-4c25-95bc-8c24c0c5dcbb" providerId="ADAL" clId="{1B36617D-CEC0-4258-B5EC-1AF91E651E77}" dt="2023-10-04T16:42:38.421" v="11864" actId="164"/>
          <ac:spMkLst>
            <pc:docMk/>
            <pc:sldMk cId="1216037718" sldId="276"/>
            <ac:spMk id="2" creationId="{06F082B3-95CD-42FE-C3B6-0524C88F6D36}"/>
          </ac:spMkLst>
        </pc:spChg>
        <pc:spChg chg="del">
          <ac:chgData name="Roger Cai" userId="22586480-35c0-4c25-95bc-8c24c0c5dcbb" providerId="ADAL" clId="{1B36617D-CEC0-4258-B5EC-1AF91E651E77}" dt="2023-10-03T18:00:13.751" v="9065" actId="478"/>
          <ac:spMkLst>
            <pc:docMk/>
            <pc:sldMk cId="1216037718" sldId="276"/>
            <ac:spMk id="3" creationId="{5C17AA59-73B5-69B8-11E8-FBADDE6FADB1}"/>
          </ac:spMkLst>
        </pc:spChg>
        <pc:spChg chg="add mod">
          <ac:chgData name="Roger Cai" userId="22586480-35c0-4c25-95bc-8c24c0c5dcbb" providerId="ADAL" clId="{1B36617D-CEC0-4258-B5EC-1AF91E651E77}" dt="2023-10-03T18:13:32.263" v="9337" actId="403"/>
          <ac:spMkLst>
            <pc:docMk/>
            <pc:sldMk cId="1216037718" sldId="276"/>
            <ac:spMk id="6" creationId="{CBF4CCA3-6958-8168-F62C-57C9AF9412F6}"/>
          </ac:spMkLst>
        </pc:spChg>
        <pc:spChg chg="add">
          <ac:chgData name="Roger Cai" userId="22586480-35c0-4c25-95bc-8c24c0c5dcbb" providerId="ADAL" clId="{1B36617D-CEC0-4258-B5EC-1AF91E651E77}" dt="2023-10-03T18:00:42.638" v="9073" actId="26606"/>
          <ac:spMkLst>
            <pc:docMk/>
            <pc:sldMk cId="1216037718" sldId="276"/>
            <ac:spMk id="7" creationId="{F3060C83-F051-4F0E-ABAD-AA0DFC48B218}"/>
          </ac:spMkLst>
        </pc:spChg>
        <pc:spChg chg="add">
          <ac:chgData name="Roger Cai" userId="22586480-35c0-4c25-95bc-8c24c0c5dcbb" providerId="ADAL" clId="{1B36617D-CEC0-4258-B5EC-1AF91E651E77}" dt="2023-10-03T18:00:42.638" v="9073" actId="26606"/>
          <ac:spMkLst>
            <pc:docMk/>
            <pc:sldMk cId="1216037718" sldId="276"/>
            <ac:spMk id="8" creationId="{83C98ABE-055B-441F-B07E-44F97F083C39}"/>
          </ac:spMkLst>
        </pc:spChg>
        <pc:spChg chg="add del">
          <ac:chgData name="Roger Cai" userId="22586480-35c0-4c25-95bc-8c24c0c5dcbb" providerId="ADAL" clId="{1B36617D-CEC0-4258-B5EC-1AF91E651E77}" dt="2023-10-03T18:00:31.219" v="9068" actId="26606"/>
          <ac:spMkLst>
            <pc:docMk/>
            <pc:sldMk cId="1216037718" sldId="276"/>
            <ac:spMk id="10" creationId="{42A4FC2C-047E-45A5-965D-8E1E3BF09BC6}"/>
          </ac:spMkLst>
        </pc:spChg>
        <pc:spChg chg="add del">
          <ac:chgData name="Roger Cai" userId="22586480-35c0-4c25-95bc-8c24c0c5dcbb" providerId="ADAL" clId="{1B36617D-CEC0-4258-B5EC-1AF91E651E77}" dt="2023-10-03T18:00:41.378" v="9070" actId="26606"/>
          <ac:spMkLst>
            <pc:docMk/>
            <pc:sldMk cId="1216037718" sldId="276"/>
            <ac:spMk id="12" creationId="{78A6362C-DAA2-46F0-8F9D-238EA1E6FD27}"/>
          </ac:spMkLst>
        </pc:spChg>
        <pc:spChg chg="add del">
          <ac:chgData name="Roger Cai" userId="22586480-35c0-4c25-95bc-8c24c0c5dcbb" providerId="ADAL" clId="{1B36617D-CEC0-4258-B5EC-1AF91E651E77}" dt="2023-10-03T18:00:41.378" v="9070" actId="26606"/>
          <ac:spMkLst>
            <pc:docMk/>
            <pc:sldMk cId="1216037718" sldId="276"/>
            <ac:spMk id="13" creationId="{C6B298B9-AA3F-4E48-9ADE-DD1A49F40A94}"/>
          </ac:spMkLst>
        </pc:spChg>
        <pc:spChg chg="add">
          <ac:chgData name="Roger Cai" userId="22586480-35c0-4c25-95bc-8c24c0c5dcbb" providerId="ADAL" clId="{1B36617D-CEC0-4258-B5EC-1AF91E651E77}" dt="2023-10-03T18:00:42.638" v="9073" actId="26606"/>
          <ac:spMkLst>
            <pc:docMk/>
            <pc:sldMk cId="1216037718" sldId="276"/>
            <ac:spMk id="14" creationId="{29FDB030-9B49-4CED-8CCD-4D99382388AC}"/>
          </ac:spMkLst>
        </pc:spChg>
        <pc:spChg chg="add">
          <ac:chgData name="Roger Cai" userId="22586480-35c0-4c25-95bc-8c24c0c5dcbb" providerId="ADAL" clId="{1B36617D-CEC0-4258-B5EC-1AF91E651E77}" dt="2023-10-03T18:00:42.638" v="9073" actId="26606"/>
          <ac:spMkLst>
            <pc:docMk/>
            <pc:sldMk cId="1216037718" sldId="276"/>
            <ac:spMk id="16" creationId="{3783CA14-24A1-485C-8B30-D6A5D87987AD}"/>
          </ac:spMkLst>
        </pc:spChg>
        <pc:spChg chg="add">
          <ac:chgData name="Roger Cai" userId="22586480-35c0-4c25-95bc-8c24c0c5dcbb" providerId="ADAL" clId="{1B36617D-CEC0-4258-B5EC-1AF91E651E77}" dt="2023-10-03T18:00:42.638" v="9073" actId="26606"/>
          <ac:spMkLst>
            <pc:docMk/>
            <pc:sldMk cId="1216037718" sldId="276"/>
            <ac:spMk id="18" creationId="{9A97C86A-04D6-40F7-AE84-31AB43E6A846}"/>
          </ac:spMkLst>
        </pc:spChg>
        <pc:spChg chg="add">
          <ac:chgData name="Roger Cai" userId="22586480-35c0-4c25-95bc-8c24c0c5dcbb" providerId="ADAL" clId="{1B36617D-CEC0-4258-B5EC-1AF91E651E77}" dt="2023-10-03T18:00:42.638" v="9073" actId="26606"/>
          <ac:spMkLst>
            <pc:docMk/>
            <pc:sldMk cId="1216037718" sldId="276"/>
            <ac:spMk id="20" creationId="{FF9F2414-84E8-453E-B1F3-389FDE8192D9}"/>
          </ac:spMkLst>
        </pc:spChg>
        <pc:spChg chg="add">
          <ac:chgData name="Roger Cai" userId="22586480-35c0-4c25-95bc-8c24c0c5dcbb" providerId="ADAL" clId="{1B36617D-CEC0-4258-B5EC-1AF91E651E77}" dt="2023-10-03T18:00:42.638" v="9073" actId="26606"/>
          <ac:spMkLst>
            <pc:docMk/>
            <pc:sldMk cId="1216037718" sldId="276"/>
            <ac:spMk id="22" creationId="{3ECA69A1-7536-43AC-85EF-C7106179F5ED}"/>
          </ac:spMkLst>
        </pc:spChg>
        <pc:grpChg chg="add mod">
          <ac:chgData name="Roger Cai" userId="22586480-35c0-4c25-95bc-8c24c0c5dcbb" providerId="ADAL" clId="{1B36617D-CEC0-4258-B5EC-1AF91E651E77}" dt="2023-10-04T16:42:48.248" v="11866" actId="1076"/>
          <ac:grpSpMkLst>
            <pc:docMk/>
            <pc:sldMk cId="1216037718" sldId="276"/>
            <ac:grpSpMk id="3" creationId="{EEAAE0C4-1CCF-572E-649B-4D4266F780D0}"/>
          </ac:grpSpMkLst>
        </pc:grpChg>
        <pc:picChg chg="add mod">
          <ac:chgData name="Roger Cai" userId="22586480-35c0-4c25-95bc-8c24c0c5dcbb" providerId="ADAL" clId="{1B36617D-CEC0-4258-B5EC-1AF91E651E77}" dt="2023-10-04T16:42:38.421" v="11864" actId="164"/>
          <ac:picMkLst>
            <pc:docMk/>
            <pc:sldMk cId="1216037718" sldId="276"/>
            <ac:picMk id="5" creationId="{D3CDFBC4-E99A-91DE-0627-4A31D14253C6}"/>
          </ac:picMkLst>
        </pc:picChg>
      </pc:sldChg>
      <pc:sldChg chg="addSp delSp modSp new mod setBg">
        <pc:chgData name="Roger Cai" userId="22586480-35c0-4c25-95bc-8c24c0c5dcbb" providerId="ADAL" clId="{1B36617D-CEC0-4258-B5EC-1AF91E651E77}" dt="2023-10-03T18:58:01.791" v="9659" actId="20577"/>
        <pc:sldMkLst>
          <pc:docMk/>
          <pc:sldMk cId="2654615299" sldId="277"/>
        </pc:sldMkLst>
        <pc:spChg chg="del">
          <ac:chgData name="Roger Cai" userId="22586480-35c0-4c25-95bc-8c24c0c5dcbb" providerId="ADAL" clId="{1B36617D-CEC0-4258-B5EC-1AF91E651E77}" dt="2023-10-03T18:26:21.543" v="9384" actId="478"/>
          <ac:spMkLst>
            <pc:docMk/>
            <pc:sldMk cId="2654615299" sldId="277"/>
            <ac:spMk id="2" creationId="{E01EFDC0-9712-F10C-63E5-50FB3874A755}"/>
          </ac:spMkLst>
        </pc:spChg>
        <pc:spChg chg="del">
          <ac:chgData name="Roger Cai" userId="22586480-35c0-4c25-95bc-8c24c0c5dcbb" providerId="ADAL" clId="{1B36617D-CEC0-4258-B5EC-1AF91E651E77}" dt="2023-10-03T18:26:23.322" v="9385" actId="478"/>
          <ac:spMkLst>
            <pc:docMk/>
            <pc:sldMk cId="2654615299" sldId="277"/>
            <ac:spMk id="3" creationId="{30C23F62-D3DC-DD9C-0D81-A2C42EA3327D}"/>
          </ac:spMkLst>
        </pc:spChg>
        <pc:spChg chg="add">
          <ac:chgData name="Roger Cai" userId="22586480-35c0-4c25-95bc-8c24c0c5dcbb" providerId="ADAL" clId="{1B36617D-CEC0-4258-B5EC-1AF91E651E77}" dt="2023-10-03T18:50:38.497" v="9558" actId="26606"/>
          <ac:spMkLst>
            <pc:docMk/>
            <pc:sldMk cId="2654615299" sldId="277"/>
            <ac:spMk id="12" creationId="{69D184B2-2226-4E31-BCCB-444330767440}"/>
          </ac:spMkLst>
        </pc:spChg>
        <pc:spChg chg="add">
          <ac:chgData name="Roger Cai" userId="22586480-35c0-4c25-95bc-8c24c0c5dcbb" providerId="ADAL" clId="{1B36617D-CEC0-4258-B5EC-1AF91E651E77}" dt="2023-10-03T18:50:38.497" v="9558" actId="26606"/>
          <ac:spMkLst>
            <pc:docMk/>
            <pc:sldMk cId="2654615299" sldId="277"/>
            <ac:spMk id="14" creationId="{1AC4D4E3-486A-464A-8EC8-D44881097267}"/>
          </ac:spMkLst>
        </pc:spChg>
        <pc:spChg chg="add">
          <ac:chgData name="Roger Cai" userId="22586480-35c0-4c25-95bc-8c24c0c5dcbb" providerId="ADAL" clId="{1B36617D-CEC0-4258-B5EC-1AF91E651E77}" dt="2023-10-03T18:50:38.497" v="9558" actId="26606"/>
          <ac:spMkLst>
            <pc:docMk/>
            <pc:sldMk cId="2654615299" sldId="277"/>
            <ac:spMk id="16" creationId="{864DE13E-58EB-4475-B79C-0D4FC651239B}"/>
          </ac:spMkLst>
        </pc:spChg>
        <pc:graphicFrameChg chg="add mod modGraphic">
          <ac:chgData name="Roger Cai" userId="22586480-35c0-4c25-95bc-8c24c0c5dcbb" providerId="ADAL" clId="{1B36617D-CEC0-4258-B5EC-1AF91E651E77}" dt="2023-10-03T18:58:01.791" v="9659" actId="20577"/>
          <ac:graphicFrameMkLst>
            <pc:docMk/>
            <pc:sldMk cId="2654615299" sldId="277"/>
            <ac:graphicFrameMk id="7" creationId="{678227DD-BCB3-B216-D43D-55381F6F76FD}"/>
          </ac:graphicFrameMkLst>
        </pc:graphicFrameChg>
        <pc:picChg chg="add del mod">
          <ac:chgData name="Roger Cai" userId="22586480-35c0-4c25-95bc-8c24c0c5dcbb" providerId="ADAL" clId="{1B36617D-CEC0-4258-B5EC-1AF91E651E77}" dt="2023-10-03T18:29:27.815" v="9391" actId="478"/>
          <ac:picMkLst>
            <pc:docMk/>
            <pc:sldMk cId="2654615299" sldId="277"/>
            <ac:picMk id="5" creationId="{F9417A8E-D398-9D86-6710-88212DF82A6F}"/>
          </ac:picMkLst>
        </pc:picChg>
        <pc:picChg chg="add mod">
          <ac:chgData name="Roger Cai" userId="22586480-35c0-4c25-95bc-8c24c0c5dcbb" providerId="ADAL" clId="{1B36617D-CEC0-4258-B5EC-1AF91E651E77}" dt="2023-10-03T18:50:38.497" v="9558" actId="26606"/>
          <ac:picMkLst>
            <pc:docMk/>
            <pc:sldMk cId="2654615299" sldId="277"/>
            <ac:picMk id="6" creationId="{8B5FEFB2-2909-9625-E154-17254CE9ABD0}"/>
          </ac:picMkLst>
        </pc:picChg>
      </pc:sldChg>
      <pc:sldChg chg="addSp delSp modSp mod">
        <pc:chgData name="Roger Cai" userId="22586480-35c0-4c25-95bc-8c24c0c5dcbb" providerId="ADAL" clId="{1B36617D-CEC0-4258-B5EC-1AF91E651E77}" dt="2023-10-03T18:19:42.903" v="9383" actId="14826"/>
        <pc:sldMkLst>
          <pc:docMk/>
          <pc:sldMk cId="3529546405" sldId="278"/>
        </pc:sldMkLst>
        <pc:spChg chg="mod">
          <ac:chgData name="Roger Cai" userId="22586480-35c0-4c25-95bc-8c24c0c5dcbb" providerId="ADAL" clId="{1B36617D-CEC0-4258-B5EC-1AF91E651E77}" dt="2023-10-03T18:16:16.835" v="9376" actId="20577"/>
          <ac:spMkLst>
            <pc:docMk/>
            <pc:sldMk cId="3529546405" sldId="278"/>
            <ac:spMk id="6" creationId="{CBF4CCA3-6958-8168-F62C-57C9AF9412F6}"/>
          </ac:spMkLst>
        </pc:spChg>
        <pc:picChg chg="add mod">
          <ac:chgData name="Roger Cai" userId="22586480-35c0-4c25-95bc-8c24c0c5dcbb" providerId="ADAL" clId="{1B36617D-CEC0-4258-B5EC-1AF91E651E77}" dt="2023-10-03T18:19:42.903" v="9383" actId="14826"/>
          <ac:picMkLst>
            <pc:docMk/>
            <pc:sldMk cId="3529546405" sldId="278"/>
            <ac:picMk id="3" creationId="{D2C2F61E-FBA3-4893-6E41-B256B57768D9}"/>
          </ac:picMkLst>
        </pc:picChg>
        <pc:picChg chg="del mod">
          <ac:chgData name="Roger Cai" userId="22586480-35c0-4c25-95bc-8c24c0c5dcbb" providerId="ADAL" clId="{1B36617D-CEC0-4258-B5EC-1AF91E651E77}" dt="2023-10-03T18:16:03.430" v="9348" actId="478"/>
          <ac:picMkLst>
            <pc:docMk/>
            <pc:sldMk cId="3529546405" sldId="278"/>
            <ac:picMk id="5" creationId="{D3CDFBC4-E99A-91DE-0627-4A31D14253C6}"/>
          </ac:picMkLst>
        </pc:picChg>
      </pc:sldChg>
      <pc:sldChg chg="addSp delSp modSp add mod">
        <pc:chgData name="Roger Cai" userId="22586480-35c0-4c25-95bc-8c24c0c5dcbb" providerId="ADAL" clId="{1B36617D-CEC0-4258-B5EC-1AF91E651E77}" dt="2023-10-03T18:57:33.404" v="9655" actId="20577"/>
        <pc:sldMkLst>
          <pc:docMk/>
          <pc:sldMk cId="1786855369" sldId="279"/>
        </pc:sldMkLst>
        <pc:spChg chg="add mod">
          <ac:chgData name="Roger Cai" userId="22586480-35c0-4c25-95bc-8c24c0c5dcbb" providerId="ADAL" clId="{1B36617D-CEC0-4258-B5EC-1AF91E651E77}" dt="2023-10-03T18:56:16.594" v="9627" actId="1076"/>
          <ac:spMkLst>
            <pc:docMk/>
            <pc:sldMk cId="1786855369" sldId="279"/>
            <ac:spMk id="2" creationId="{863FC16E-34EC-3563-DA76-3880FE28BCAE}"/>
          </ac:spMkLst>
        </pc:spChg>
        <pc:spChg chg="mod">
          <ac:chgData name="Roger Cai" userId="22586480-35c0-4c25-95bc-8c24c0c5dcbb" providerId="ADAL" clId="{1B36617D-CEC0-4258-B5EC-1AF91E651E77}" dt="2023-10-03T18:57:08.137" v="9633" actId="207"/>
          <ac:spMkLst>
            <pc:docMk/>
            <pc:sldMk cId="1786855369" sldId="279"/>
            <ac:spMk id="3" creationId="{9A015661-163A-81FF-606F-8D144053169E}"/>
          </ac:spMkLst>
        </pc:spChg>
        <pc:spChg chg="add mod">
          <ac:chgData name="Roger Cai" userId="22586480-35c0-4c25-95bc-8c24c0c5dcbb" providerId="ADAL" clId="{1B36617D-CEC0-4258-B5EC-1AF91E651E77}" dt="2023-10-03T18:56:16.594" v="9627" actId="1076"/>
          <ac:spMkLst>
            <pc:docMk/>
            <pc:sldMk cId="1786855369" sldId="279"/>
            <ac:spMk id="4" creationId="{B9985294-78D5-5A80-5994-86614D37BE9E}"/>
          </ac:spMkLst>
        </pc:spChg>
        <pc:spChg chg="del">
          <ac:chgData name="Roger Cai" userId="22586480-35c0-4c25-95bc-8c24c0c5dcbb" providerId="ADAL" clId="{1B36617D-CEC0-4258-B5EC-1AF91E651E77}" dt="2023-10-03T18:56:06.356" v="9624" actId="478"/>
          <ac:spMkLst>
            <pc:docMk/>
            <pc:sldMk cId="1786855369" sldId="279"/>
            <ac:spMk id="10" creationId="{00000000-0000-0000-0000-000000000000}"/>
          </ac:spMkLst>
        </pc:spChg>
        <pc:spChg chg="add del mod">
          <ac:chgData name="Roger Cai" userId="22586480-35c0-4c25-95bc-8c24c0c5dcbb" providerId="ADAL" clId="{1B36617D-CEC0-4258-B5EC-1AF91E651E77}" dt="2023-10-03T18:57:10.396" v="9634" actId="478"/>
          <ac:spMkLst>
            <pc:docMk/>
            <pc:sldMk cId="1786855369" sldId="279"/>
            <ac:spMk id="11" creationId="{789C6CC4-9A9B-33CD-49B0-8BE74AAED000}"/>
          </ac:spMkLst>
        </pc:spChg>
        <pc:spChg chg="mod">
          <ac:chgData name="Roger Cai" userId="22586480-35c0-4c25-95bc-8c24c0c5dcbb" providerId="ADAL" clId="{1B36617D-CEC0-4258-B5EC-1AF91E651E77}" dt="2023-10-03T18:57:33.404" v="9655" actId="20577"/>
          <ac:spMkLst>
            <pc:docMk/>
            <pc:sldMk cId="1786855369" sldId="279"/>
            <ac:spMk id="17" creationId="{CBA7B5B9-95EE-401F-8F3E-07F15AA82ACE}"/>
          </ac:spMkLst>
        </pc:spChg>
      </pc:sldChg>
      <pc:sldChg chg="addSp delSp modSp new mod setBg">
        <pc:chgData name="Roger Cai" userId="22586480-35c0-4c25-95bc-8c24c0c5dcbb" providerId="ADAL" clId="{1B36617D-CEC0-4258-B5EC-1AF91E651E77}" dt="2023-10-04T22:47:45.818" v="12473" actId="1076"/>
        <pc:sldMkLst>
          <pc:docMk/>
          <pc:sldMk cId="3727034196" sldId="280"/>
        </pc:sldMkLst>
        <pc:spChg chg="del">
          <ac:chgData name="Roger Cai" userId="22586480-35c0-4c25-95bc-8c24c0c5dcbb" providerId="ADAL" clId="{1B36617D-CEC0-4258-B5EC-1AF91E651E77}" dt="2023-10-03T19:01:10.793" v="9661" actId="478"/>
          <ac:spMkLst>
            <pc:docMk/>
            <pc:sldMk cId="3727034196" sldId="280"/>
            <ac:spMk id="2" creationId="{EA0DF72C-F4EA-0EB1-F9A7-99C1A09F36C3}"/>
          </ac:spMkLst>
        </pc:spChg>
        <pc:spChg chg="add del mod">
          <ac:chgData name="Roger Cai" userId="22586480-35c0-4c25-95bc-8c24c0c5dcbb" providerId="ADAL" clId="{1B36617D-CEC0-4258-B5EC-1AF91E651E77}" dt="2023-10-04T22:45:17.837" v="12468" actId="478"/>
          <ac:spMkLst>
            <pc:docMk/>
            <pc:sldMk cId="3727034196" sldId="280"/>
            <ac:spMk id="3" creationId="{45BE33FD-7400-45DA-2904-138DEA5559BB}"/>
          </ac:spMkLst>
        </pc:spChg>
        <pc:spChg chg="del">
          <ac:chgData name="Roger Cai" userId="22586480-35c0-4c25-95bc-8c24c0c5dcbb" providerId="ADAL" clId="{1B36617D-CEC0-4258-B5EC-1AF91E651E77}" dt="2023-10-03T19:01:13.301" v="9663" actId="478"/>
          <ac:spMkLst>
            <pc:docMk/>
            <pc:sldMk cId="3727034196" sldId="280"/>
            <ac:spMk id="3" creationId="{734B83E0-CD82-18A0-3E39-A398EE19E1ED}"/>
          </ac:spMkLst>
        </pc:spChg>
        <pc:spChg chg="del">
          <ac:chgData name="Roger Cai" userId="22586480-35c0-4c25-95bc-8c24c0c5dcbb" providerId="ADAL" clId="{1B36617D-CEC0-4258-B5EC-1AF91E651E77}" dt="2023-10-03T19:01:12.297" v="9662" actId="478"/>
          <ac:spMkLst>
            <pc:docMk/>
            <pc:sldMk cId="3727034196" sldId="280"/>
            <ac:spMk id="4" creationId="{2C45416B-3D1B-A07D-BC61-A7C25F2274A9}"/>
          </ac:spMkLst>
        </pc:spChg>
        <pc:spChg chg="add del mod">
          <ac:chgData name="Roger Cai" userId="22586480-35c0-4c25-95bc-8c24c0c5dcbb" providerId="ADAL" clId="{1B36617D-CEC0-4258-B5EC-1AF91E651E77}" dt="2023-10-04T12:51:16.073" v="11734" actId="478"/>
          <ac:spMkLst>
            <pc:docMk/>
            <pc:sldMk cId="3727034196" sldId="280"/>
            <ac:spMk id="6" creationId="{EA03CA91-2457-0CA5-14D7-682F1B9BF3B9}"/>
          </ac:spMkLst>
        </pc:spChg>
        <pc:spChg chg="add del mod">
          <ac:chgData name="Roger Cai" userId="22586480-35c0-4c25-95bc-8c24c0c5dcbb" providerId="ADAL" clId="{1B36617D-CEC0-4258-B5EC-1AF91E651E77}" dt="2023-10-04T12:54:49.640" v="11773" actId="21"/>
          <ac:spMkLst>
            <pc:docMk/>
            <pc:sldMk cId="3727034196" sldId="280"/>
            <ac:spMk id="8" creationId="{A6C8437E-A291-BFA0-FAD5-D11E4B83EEB5}"/>
          </ac:spMkLst>
        </pc:spChg>
        <pc:spChg chg="add">
          <ac:chgData name="Roger Cai" userId="22586480-35c0-4c25-95bc-8c24c0c5dcbb" providerId="ADAL" clId="{1B36617D-CEC0-4258-B5EC-1AF91E651E77}" dt="2023-10-04T22:45:24.577" v="12471" actId="26606"/>
          <ac:spMkLst>
            <pc:docMk/>
            <pc:sldMk cId="3727034196" sldId="280"/>
            <ac:spMk id="9" creationId="{69D184B2-2226-4E31-BCCB-444330767440}"/>
          </ac:spMkLst>
        </pc:spChg>
        <pc:spChg chg="add">
          <ac:chgData name="Roger Cai" userId="22586480-35c0-4c25-95bc-8c24c0c5dcbb" providerId="ADAL" clId="{1B36617D-CEC0-4258-B5EC-1AF91E651E77}" dt="2023-10-04T22:45:24.577" v="12471" actId="26606"/>
          <ac:spMkLst>
            <pc:docMk/>
            <pc:sldMk cId="3727034196" sldId="280"/>
            <ac:spMk id="11" creationId="{1AC4D4E3-486A-464A-8EC8-D44881097267}"/>
          </ac:spMkLst>
        </pc:spChg>
        <pc:spChg chg="add">
          <ac:chgData name="Roger Cai" userId="22586480-35c0-4c25-95bc-8c24c0c5dcbb" providerId="ADAL" clId="{1B36617D-CEC0-4258-B5EC-1AF91E651E77}" dt="2023-10-04T22:45:24.577" v="12471" actId="26606"/>
          <ac:spMkLst>
            <pc:docMk/>
            <pc:sldMk cId="3727034196" sldId="280"/>
            <ac:spMk id="13" creationId="{864DE13E-58EB-4475-B79C-0D4FC651239B}"/>
          </ac:spMkLst>
        </pc:spChg>
        <pc:picChg chg="add mod">
          <ac:chgData name="Roger Cai" userId="22586480-35c0-4c25-95bc-8c24c0c5dcbb" providerId="ADAL" clId="{1B36617D-CEC0-4258-B5EC-1AF91E651E77}" dt="2023-10-04T22:47:45.818" v="12473" actId="1076"/>
          <ac:picMkLst>
            <pc:docMk/>
            <pc:sldMk cId="3727034196" sldId="280"/>
            <ac:picMk id="4" creationId="{5049ED92-B8CB-9A51-F8F3-288B90257387}"/>
          </ac:picMkLst>
        </pc:picChg>
        <pc:picChg chg="add del mod">
          <ac:chgData name="Roger Cai" userId="22586480-35c0-4c25-95bc-8c24c0c5dcbb" providerId="ADAL" clId="{1B36617D-CEC0-4258-B5EC-1AF91E651E77}" dt="2023-10-04T22:45:20.534" v="12469" actId="478"/>
          <ac:picMkLst>
            <pc:docMk/>
            <pc:sldMk cId="3727034196" sldId="280"/>
            <ac:picMk id="5" creationId="{08D175DD-326D-2ED5-8A84-ED84D4A30B46}"/>
          </ac:picMkLst>
        </pc:picChg>
        <pc:picChg chg="add del mod">
          <ac:chgData name="Roger Cai" userId="22586480-35c0-4c25-95bc-8c24c0c5dcbb" providerId="ADAL" clId="{1B36617D-CEC0-4258-B5EC-1AF91E651E77}" dt="2023-10-04T12:54:33.982" v="11766" actId="21"/>
          <ac:picMkLst>
            <pc:docMk/>
            <pc:sldMk cId="3727034196" sldId="280"/>
            <ac:picMk id="10" creationId="{F4449758-9917-07F1-0FD2-16C216E94753}"/>
          </ac:picMkLst>
        </pc:picChg>
      </pc:sldChg>
      <pc:sldChg chg="addSp delSp modSp add mod">
        <pc:chgData name="Roger Cai" userId="22586480-35c0-4c25-95bc-8c24c0c5dcbb" providerId="ADAL" clId="{1B36617D-CEC0-4258-B5EC-1AF91E651E77}" dt="2023-10-03T20:27:09.337" v="10914" actId="255"/>
        <pc:sldMkLst>
          <pc:docMk/>
          <pc:sldMk cId="2975073462" sldId="281"/>
        </pc:sldMkLst>
        <pc:spChg chg="del">
          <ac:chgData name="Roger Cai" userId="22586480-35c0-4c25-95bc-8c24c0c5dcbb" providerId="ADAL" clId="{1B36617D-CEC0-4258-B5EC-1AF91E651E77}" dt="2023-10-03T19:52:09.445" v="10548" actId="478"/>
          <ac:spMkLst>
            <pc:docMk/>
            <pc:sldMk cId="2975073462" sldId="281"/>
            <ac:spMk id="2" creationId="{01FB03B0-4058-4727-9E34-C1473531CF5C}"/>
          </ac:spMkLst>
        </pc:spChg>
        <pc:spChg chg="mod">
          <ac:chgData name="Roger Cai" userId="22586480-35c0-4c25-95bc-8c24c0c5dcbb" providerId="ADAL" clId="{1B36617D-CEC0-4258-B5EC-1AF91E651E77}" dt="2023-10-03T20:27:09.337" v="10914" actId="255"/>
          <ac:spMkLst>
            <pc:docMk/>
            <pc:sldMk cId="2975073462" sldId="281"/>
            <ac:spMk id="5" creationId="{79E5BE66-4348-46E2-9C55-012F67CEEE4C}"/>
          </ac:spMkLst>
        </pc:spChg>
        <pc:spChg chg="add del mod">
          <ac:chgData name="Roger Cai" userId="22586480-35c0-4c25-95bc-8c24c0c5dcbb" providerId="ADAL" clId="{1B36617D-CEC0-4258-B5EC-1AF91E651E77}" dt="2023-10-03T19:52:14.159" v="10549" actId="478"/>
          <ac:spMkLst>
            <pc:docMk/>
            <pc:sldMk cId="2975073462" sldId="281"/>
            <ac:spMk id="15" creationId="{780643FF-C078-3241-F1B6-717C6C917259}"/>
          </ac:spMkLst>
        </pc:spChg>
        <pc:spChg chg="add mod">
          <ac:chgData name="Roger Cai" userId="22586480-35c0-4c25-95bc-8c24c0c5dcbb" providerId="ADAL" clId="{1B36617D-CEC0-4258-B5EC-1AF91E651E77}" dt="2023-10-03T19:52:14.698" v="10550"/>
          <ac:spMkLst>
            <pc:docMk/>
            <pc:sldMk cId="2975073462" sldId="281"/>
            <ac:spMk id="16" creationId="{7DDF4874-8EBC-02F7-FF47-F40F9ADF8C49}"/>
          </ac:spMkLst>
        </pc:spChg>
      </pc:sldChg>
      <pc:sldChg chg="addSp delSp modSp add mod">
        <pc:chgData name="Roger Cai" userId="22586480-35c0-4c25-95bc-8c24c0c5dcbb" providerId="ADAL" clId="{1B36617D-CEC0-4258-B5EC-1AF91E651E77}" dt="2023-10-03T23:55:40.133" v="11138" actId="20577"/>
        <pc:sldMkLst>
          <pc:docMk/>
          <pc:sldMk cId="632976637" sldId="282"/>
        </pc:sldMkLst>
        <pc:spChg chg="del">
          <ac:chgData name="Roger Cai" userId="22586480-35c0-4c25-95bc-8c24c0c5dcbb" providerId="ADAL" clId="{1B36617D-CEC0-4258-B5EC-1AF91E651E77}" dt="2023-10-03T19:52:18.779" v="10551" actId="478"/>
          <ac:spMkLst>
            <pc:docMk/>
            <pc:sldMk cId="632976637" sldId="282"/>
            <ac:spMk id="2" creationId="{01FB03B0-4058-4727-9E34-C1473531CF5C}"/>
          </ac:spMkLst>
        </pc:spChg>
        <pc:spChg chg="mod">
          <ac:chgData name="Roger Cai" userId="22586480-35c0-4c25-95bc-8c24c0c5dcbb" providerId="ADAL" clId="{1B36617D-CEC0-4258-B5EC-1AF91E651E77}" dt="2023-10-03T19:48:32.794" v="10506" actId="255"/>
          <ac:spMkLst>
            <pc:docMk/>
            <pc:sldMk cId="632976637" sldId="282"/>
            <ac:spMk id="4" creationId="{3D152FE2-B691-410F-B430-31EA9DBCB17F}"/>
          </ac:spMkLst>
        </pc:spChg>
        <pc:spChg chg="add del mod">
          <ac:chgData name="Roger Cai" userId="22586480-35c0-4c25-95bc-8c24c0c5dcbb" providerId="ADAL" clId="{1B36617D-CEC0-4258-B5EC-1AF91E651E77}" dt="2023-10-03T19:52:22.535" v="10552" actId="478"/>
          <ac:spMkLst>
            <pc:docMk/>
            <pc:sldMk cId="632976637" sldId="282"/>
            <ac:spMk id="15" creationId="{F6A2C3FF-3412-535B-E538-7C118B45C7DA}"/>
          </ac:spMkLst>
        </pc:spChg>
        <pc:spChg chg="add mod">
          <ac:chgData name="Roger Cai" userId="22586480-35c0-4c25-95bc-8c24c0c5dcbb" providerId="ADAL" clId="{1B36617D-CEC0-4258-B5EC-1AF91E651E77}" dt="2023-10-03T19:52:23.125" v="10553"/>
          <ac:spMkLst>
            <pc:docMk/>
            <pc:sldMk cId="632976637" sldId="282"/>
            <ac:spMk id="16" creationId="{A21C2C7C-EC0B-B078-0BD1-4426F934E91B}"/>
          </ac:spMkLst>
        </pc:spChg>
        <pc:spChg chg="mod">
          <ac:chgData name="Roger Cai" userId="22586480-35c0-4c25-95bc-8c24c0c5dcbb" providerId="ADAL" clId="{1B36617D-CEC0-4258-B5EC-1AF91E651E77}" dt="2023-10-03T19:49:34.083" v="10523" actId="121"/>
          <ac:spMkLst>
            <pc:docMk/>
            <pc:sldMk cId="632976637" sldId="282"/>
            <ac:spMk id="18" creationId="{BFAD4F75-D25D-46CC-AC09-34FB11D43B52}"/>
          </ac:spMkLst>
        </pc:spChg>
        <pc:spChg chg="mod">
          <ac:chgData name="Roger Cai" userId="22586480-35c0-4c25-95bc-8c24c0c5dcbb" providerId="ADAL" clId="{1B36617D-CEC0-4258-B5EC-1AF91E651E77}" dt="2023-10-03T23:55:40.133" v="11138" actId="20577"/>
          <ac:spMkLst>
            <pc:docMk/>
            <pc:sldMk cId="632976637" sldId="282"/>
            <ac:spMk id="20" creationId="{FDE96550-22EF-4205-80FD-14C31A3F9565}"/>
          </ac:spMkLst>
        </pc:spChg>
      </pc:sldChg>
      <pc:sldChg chg="addSp delSp modSp add mod">
        <pc:chgData name="Roger Cai" userId="22586480-35c0-4c25-95bc-8c24c0c5dcbb" providerId="ADAL" clId="{1B36617D-CEC0-4258-B5EC-1AF91E651E77}" dt="2023-10-03T19:52:30.726" v="10557"/>
        <pc:sldMkLst>
          <pc:docMk/>
          <pc:sldMk cId="1004831940" sldId="283"/>
        </pc:sldMkLst>
        <pc:spChg chg="del mod">
          <ac:chgData name="Roger Cai" userId="22586480-35c0-4c25-95bc-8c24c0c5dcbb" providerId="ADAL" clId="{1B36617D-CEC0-4258-B5EC-1AF91E651E77}" dt="2023-10-03T19:52:28.317" v="10555" actId="478"/>
          <ac:spMkLst>
            <pc:docMk/>
            <pc:sldMk cId="1004831940" sldId="283"/>
            <ac:spMk id="2" creationId="{01FB03B0-4058-4727-9E34-C1473531CF5C}"/>
          </ac:spMkLst>
        </pc:spChg>
        <pc:spChg chg="add del mod">
          <ac:chgData name="Roger Cai" userId="22586480-35c0-4c25-95bc-8c24c0c5dcbb" providerId="ADAL" clId="{1B36617D-CEC0-4258-B5EC-1AF91E651E77}" dt="2023-10-03T19:48:57.690" v="10516" actId="478"/>
          <ac:spMkLst>
            <pc:docMk/>
            <pc:sldMk cId="1004831940" sldId="283"/>
            <ac:spMk id="4" creationId="{3D152FE2-B691-410F-B430-31EA9DBCB17F}"/>
          </ac:spMkLst>
        </pc:spChg>
        <pc:spChg chg="add del mod">
          <ac:chgData name="Roger Cai" userId="22586480-35c0-4c25-95bc-8c24c0c5dcbb" providerId="ADAL" clId="{1B36617D-CEC0-4258-B5EC-1AF91E651E77}" dt="2023-10-03T19:48:46.096" v="10511" actId="478"/>
          <ac:spMkLst>
            <pc:docMk/>
            <pc:sldMk cId="1004831940" sldId="283"/>
            <ac:spMk id="15" creationId="{BDEF6B9F-E900-7CF3-1E4D-7FCC8F8CF9C9}"/>
          </ac:spMkLst>
        </pc:spChg>
        <pc:spChg chg="add del mod">
          <ac:chgData name="Roger Cai" userId="22586480-35c0-4c25-95bc-8c24c0c5dcbb" providerId="ADAL" clId="{1B36617D-CEC0-4258-B5EC-1AF91E651E77}" dt="2023-10-03T19:48:45.409" v="10510"/>
          <ac:spMkLst>
            <pc:docMk/>
            <pc:sldMk cId="1004831940" sldId="283"/>
            <ac:spMk id="16" creationId="{182C069A-964D-21F4-A5A7-24B490D90BD6}"/>
          </ac:spMkLst>
        </pc:spChg>
        <pc:spChg chg="add del mod">
          <ac:chgData name="Roger Cai" userId="22586480-35c0-4c25-95bc-8c24c0c5dcbb" providerId="ADAL" clId="{1B36617D-CEC0-4258-B5EC-1AF91E651E77}" dt="2023-10-03T19:48:53.063" v="10514" actId="478"/>
          <ac:spMkLst>
            <pc:docMk/>
            <pc:sldMk cId="1004831940" sldId="283"/>
            <ac:spMk id="23" creationId="{D1B7D076-46E2-BC53-6728-EA0D8988B295}"/>
          </ac:spMkLst>
        </pc:spChg>
        <pc:spChg chg="add del mod">
          <ac:chgData name="Roger Cai" userId="22586480-35c0-4c25-95bc-8c24c0c5dcbb" providerId="ADAL" clId="{1B36617D-CEC0-4258-B5EC-1AF91E651E77}" dt="2023-10-03T19:49:07.118" v="10519" actId="478"/>
          <ac:spMkLst>
            <pc:docMk/>
            <pc:sldMk cId="1004831940" sldId="283"/>
            <ac:spMk id="25" creationId="{95A29950-7DD7-B750-A6A6-BD490AE06F20}"/>
          </ac:spMkLst>
        </pc:spChg>
        <pc:spChg chg="add mod">
          <ac:chgData name="Roger Cai" userId="22586480-35c0-4c25-95bc-8c24c0c5dcbb" providerId="ADAL" clId="{1B36617D-CEC0-4258-B5EC-1AF91E651E77}" dt="2023-10-03T19:49:14.298" v="10522" actId="120"/>
          <ac:spMkLst>
            <pc:docMk/>
            <pc:sldMk cId="1004831940" sldId="283"/>
            <ac:spMk id="26" creationId="{DA9FDC9F-547B-B616-BFA6-8D5FECE24F8D}"/>
          </ac:spMkLst>
        </pc:spChg>
        <pc:spChg chg="add del mod">
          <ac:chgData name="Roger Cai" userId="22586480-35c0-4c25-95bc-8c24c0c5dcbb" providerId="ADAL" clId="{1B36617D-CEC0-4258-B5EC-1AF91E651E77}" dt="2023-10-03T19:52:29.621" v="10556" actId="478"/>
          <ac:spMkLst>
            <pc:docMk/>
            <pc:sldMk cId="1004831940" sldId="283"/>
            <ac:spMk id="28" creationId="{C5AF4574-0795-747D-1414-FE5682FD56DA}"/>
          </ac:spMkLst>
        </pc:spChg>
        <pc:spChg chg="add mod">
          <ac:chgData name="Roger Cai" userId="22586480-35c0-4c25-95bc-8c24c0c5dcbb" providerId="ADAL" clId="{1B36617D-CEC0-4258-B5EC-1AF91E651E77}" dt="2023-10-03T19:52:30.726" v="10557"/>
          <ac:spMkLst>
            <pc:docMk/>
            <pc:sldMk cId="1004831940" sldId="283"/>
            <ac:spMk id="29" creationId="{2DC39049-EBE4-C0C9-3D3F-73E3EB5CDC13}"/>
          </ac:spMkLst>
        </pc:spChg>
      </pc:sldChg>
      <pc:sldChg chg="addSp delSp modSp add mod">
        <pc:chgData name="Roger Cai" userId="22586480-35c0-4c25-95bc-8c24c0c5dcbb" providerId="ADAL" clId="{1B36617D-CEC0-4258-B5EC-1AF91E651E77}" dt="2023-10-04T18:56:00.950" v="11943" actId="21"/>
        <pc:sldMkLst>
          <pc:docMk/>
          <pc:sldMk cId="4048333516" sldId="284"/>
        </pc:sldMkLst>
        <pc:spChg chg="add del mod">
          <ac:chgData name="Roger Cai" userId="22586480-35c0-4c25-95bc-8c24c0c5dcbb" providerId="ADAL" clId="{1B36617D-CEC0-4258-B5EC-1AF91E651E77}" dt="2023-10-03T19:52:49.601" v="10560" actId="478"/>
          <ac:spMkLst>
            <pc:docMk/>
            <pc:sldMk cId="4048333516" sldId="284"/>
            <ac:spMk id="3" creationId="{EA08742C-E100-B078-27FB-67B4E11F3312}"/>
          </ac:spMkLst>
        </pc:spChg>
        <pc:spChg chg="add mod">
          <ac:chgData name="Roger Cai" userId="22586480-35c0-4c25-95bc-8c24c0c5dcbb" providerId="ADAL" clId="{1B36617D-CEC0-4258-B5EC-1AF91E651E77}" dt="2023-10-03T19:53:29.309" v="10570" actId="1076"/>
          <ac:spMkLst>
            <pc:docMk/>
            <pc:sldMk cId="4048333516" sldId="284"/>
            <ac:spMk id="5" creationId="{19FF3EA2-44AF-4D34-4EEE-7F75ACBD7298}"/>
          </ac:spMkLst>
        </pc:spChg>
        <pc:spChg chg="add mod">
          <ac:chgData name="Roger Cai" userId="22586480-35c0-4c25-95bc-8c24c0c5dcbb" providerId="ADAL" clId="{1B36617D-CEC0-4258-B5EC-1AF91E651E77}" dt="2023-10-03T20:18:40.241" v="10797" actId="1076"/>
          <ac:spMkLst>
            <pc:docMk/>
            <pc:sldMk cId="4048333516" sldId="284"/>
            <ac:spMk id="7" creationId="{0AB4D068-D909-21E9-5052-A75F75785863}"/>
          </ac:spMkLst>
        </pc:spChg>
        <pc:spChg chg="add mod">
          <ac:chgData name="Roger Cai" userId="22586480-35c0-4c25-95bc-8c24c0c5dcbb" providerId="ADAL" clId="{1B36617D-CEC0-4258-B5EC-1AF91E651E77}" dt="2023-10-03T20:07:31.525" v="10775" actId="207"/>
          <ac:spMkLst>
            <pc:docMk/>
            <pc:sldMk cId="4048333516" sldId="284"/>
            <ac:spMk id="9" creationId="{8654F508-8086-9DBB-7B21-73B5D1EB596F}"/>
          </ac:spMkLst>
        </pc:spChg>
        <pc:spChg chg="del mod">
          <ac:chgData name="Roger Cai" userId="22586480-35c0-4c25-95bc-8c24c0c5dcbb" providerId="ADAL" clId="{1B36617D-CEC0-4258-B5EC-1AF91E651E77}" dt="2023-10-03T19:52:46.879" v="10558" actId="478"/>
          <ac:spMkLst>
            <pc:docMk/>
            <pc:sldMk cId="4048333516" sldId="284"/>
            <ac:spMk id="10" creationId="{93EF822C-F00B-CAA8-D436-23C0720B9D15}"/>
          </ac:spMkLst>
        </pc:spChg>
        <pc:spChg chg="add mod">
          <ac:chgData name="Roger Cai" userId="22586480-35c0-4c25-95bc-8c24c0c5dcbb" providerId="ADAL" clId="{1B36617D-CEC0-4258-B5EC-1AF91E651E77}" dt="2023-10-03T20:09:19.199" v="10785" actId="1076"/>
          <ac:spMkLst>
            <pc:docMk/>
            <pc:sldMk cId="4048333516" sldId="284"/>
            <ac:spMk id="12" creationId="{18907627-D906-B81D-98AE-FC9A7EC8FE2A}"/>
          </ac:spMkLst>
        </pc:spChg>
        <pc:spChg chg="add mod">
          <ac:chgData name="Roger Cai" userId="22586480-35c0-4c25-95bc-8c24c0c5dcbb" providerId="ADAL" clId="{1B36617D-CEC0-4258-B5EC-1AF91E651E77}" dt="2023-10-03T20:07:39.737" v="10777" actId="207"/>
          <ac:spMkLst>
            <pc:docMk/>
            <pc:sldMk cId="4048333516" sldId="284"/>
            <ac:spMk id="13" creationId="{D5A3B89C-E11E-60B5-64CC-3AE9A7D3FDDC}"/>
          </ac:spMkLst>
        </pc:spChg>
        <pc:spChg chg="add mod">
          <ac:chgData name="Roger Cai" userId="22586480-35c0-4c25-95bc-8c24c0c5dcbb" providerId="ADAL" clId="{1B36617D-CEC0-4258-B5EC-1AF91E651E77}" dt="2023-10-03T20:09:29.426" v="10786" actId="1076"/>
          <ac:spMkLst>
            <pc:docMk/>
            <pc:sldMk cId="4048333516" sldId="284"/>
            <ac:spMk id="14" creationId="{0F38C65E-3D9C-33F3-C23E-9AFA82F1B83E}"/>
          </ac:spMkLst>
        </pc:spChg>
        <pc:spChg chg="add mod">
          <ac:chgData name="Roger Cai" userId="22586480-35c0-4c25-95bc-8c24c0c5dcbb" providerId="ADAL" clId="{1B36617D-CEC0-4258-B5EC-1AF91E651E77}" dt="2023-10-03T20:07:46.809" v="10779" actId="207"/>
          <ac:spMkLst>
            <pc:docMk/>
            <pc:sldMk cId="4048333516" sldId="284"/>
            <ac:spMk id="15" creationId="{30EC50EC-5AF9-E285-0F04-AA2779498552}"/>
          </ac:spMkLst>
        </pc:spChg>
        <pc:spChg chg="add mod">
          <ac:chgData name="Roger Cai" userId="22586480-35c0-4c25-95bc-8c24c0c5dcbb" providerId="ADAL" clId="{1B36617D-CEC0-4258-B5EC-1AF91E651E77}" dt="2023-10-03T20:08:17.194" v="10784" actId="1076"/>
          <ac:spMkLst>
            <pc:docMk/>
            <pc:sldMk cId="4048333516" sldId="284"/>
            <ac:spMk id="16" creationId="{F9D3B7CC-4E09-65DA-4371-3C15A812CBAC}"/>
          </ac:spMkLst>
        </pc:spChg>
        <pc:spChg chg="add mod">
          <ac:chgData name="Roger Cai" userId="22586480-35c0-4c25-95bc-8c24c0c5dcbb" providerId="ADAL" clId="{1B36617D-CEC0-4258-B5EC-1AF91E651E77}" dt="2023-10-03T20:07:52.814" v="10781" actId="207"/>
          <ac:spMkLst>
            <pc:docMk/>
            <pc:sldMk cId="4048333516" sldId="284"/>
            <ac:spMk id="17" creationId="{6547C0F9-3521-37B0-ACCA-9F7834C56AF9}"/>
          </ac:spMkLst>
        </pc:spChg>
        <pc:spChg chg="add mod">
          <ac:chgData name="Roger Cai" userId="22586480-35c0-4c25-95bc-8c24c0c5dcbb" providerId="ADAL" clId="{1B36617D-CEC0-4258-B5EC-1AF91E651E77}" dt="2023-10-03T20:07:57.026" v="10782" actId="207"/>
          <ac:spMkLst>
            <pc:docMk/>
            <pc:sldMk cId="4048333516" sldId="284"/>
            <ac:spMk id="18" creationId="{F4E1A4A7-93C0-864B-C5C7-D8C542B38C4C}"/>
          </ac:spMkLst>
        </pc:spChg>
        <pc:spChg chg="del">
          <ac:chgData name="Roger Cai" userId="22586480-35c0-4c25-95bc-8c24c0c5dcbb" providerId="ADAL" clId="{1B36617D-CEC0-4258-B5EC-1AF91E651E77}" dt="2023-10-03T19:53:24.914" v="10567" actId="478"/>
          <ac:spMkLst>
            <pc:docMk/>
            <pc:sldMk cId="4048333516" sldId="284"/>
            <ac:spMk id="71" creationId="{CDD3AD5F-8B35-7380-E829-37F797A6A959}"/>
          </ac:spMkLst>
        </pc:spChg>
        <pc:spChg chg="del">
          <ac:chgData name="Roger Cai" userId="22586480-35c0-4c25-95bc-8c24c0c5dcbb" providerId="ADAL" clId="{1B36617D-CEC0-4258-B5EC-1AF91E651E77}" dt="2023-10-03T19:53:26.601" v="10568" actId="478"/>
          <ac:spMkLst>
            <pc:docMk/>
            <pc:sldMk cId="4048333516" sldId="284"/>
            <ac:spMk id="72" creationId="{FE5F60B7-F067-9667-D857-AB269403E7FD}"/>
          </ac:spMkLst>
        </pc:spChg>
        <pc:spChg chg="del">
          <ac:chgData name="Roger Cai" userId="22586480-35c0-4c25-95bc-8c24c0c5dcbb" providerId="ADAL" clId="{1B36617D-CEC0-4258-B5EC-1AF91E651E77}" dt="2023-10-03T19:53:24.914" v="10567" actId="478"/>
          <ac:spMkLst>
            <pc:docMk/>
            <pc:sldMk cId="4048333516" sldId="284"/>
            <ac:spMk id="74" creationId="{036A4866-7158-390C-12ED-96D029920390}"/>
          </ac:spMkLst>
        </pc:spChg>
        <pc:spChg chg="del">
          <ac:chgData name="Roger Cai" userId="22586480-35c0-4c25-95bc-8c24c0c5dcbb" providerId="ADAL" clId="{1B36617D-CEC0-4258-B5EC-1AF91E651E77}" dt="2023-10-03T19:53:24.914" v="10567" actId="478"/>
          <ac:spMkLst>
            <pc:docMk/>
            <pc:sldMk cId="4048333516" sldId="284"/>
            <ac:spMk id="75" creationId="{C9D619EA-BBD8-8ECA-2690-2DA1F8595692}"/>
          </ac:spMkLst>
        </pc:spChg>
        <pc:spChg chg="del">
          <ac:chgData name="Roger Cai" userId="22586480-35c0-4c25-95bc-8c24c0c5dcbb" providerId="ADAL" clId="{1B36617D-CEC0-4258-B5EC-1AF91E651E77}" dt="2023-10-03T19:53:26.601" v="10568" actId="478"/>
          <ac:spMkLst>
            <pc:docMk/>
            <pc:sldMk cId="4048333516" sldId="284"/>
            <ac:spMk id="77" creationId="{D52011B5-C443-E5B7-1A3E-B68632B23091}"/>
          </ac:spMkLst>
        </pc:spChg>
        <pc:spChg chg="del">
          <ac:chgData name="Roger Cai" userId="22586480-35c0-4c25-95bc-8c24c0c5dcbb" providerId="ADAL" clId="{1B36617D-CEC0-4258-B5EC-1AF91E651E77}" dt="2023-10-03T19:53:24.914" v="10567" actId="478"/>
          <ac:spMkLst>
            <pc:docMk/>
            <pc:sldMk cId="4048333516" sldId="284"/>
            <ac:spMk id="79" creationId="{B97C0278-9D80-7073-523E-525712A5C04A}"/>
          </ac:spMkLst>
        </pc:spChg>
        <pc:spChg chg="del">
          <ac:chgData name="Roger Cai" userId="22586480-35c0-4c25-95bc-8c24c0c5dcbb" providerId="ADAL" clId="{1B36617D-CEC0-4258-B5EC-1AF91E651E77}" dt="2023-10-03T19:53:24.914" v="10567" actId="478"/>
          <ac:spMkLst>
            <pc:docMk/>
            <pc:sldMk cId="4048333516" sldId="284"/>
            <ac:spMk id="80" creationId="{04D4EED7-D3FF-A359-E728-EBB2A122145A}"/>
          </ac:spMkLst>
        </pc:spChg>
        <pc:spChg chg="del">
          <ac:chgData name="Roger Cai" userId="22586480-35c0-4c25-95bc-8c24c0c5dcbb" providerId="ADAL" clId="{1B36617D-CEC0-4258-B5EC-1AF91E651E77}" dt="2023-10-03T19:53:24.914" v="10567" actId="478"/>
          <ac:spMkLst>
            <pc:docMk/>
            <pc:sldMk cId="4048333516" sldId="284"/>
            <ac:spMk id="81" creationId="{A223F9A8-444C-85FA-DF45-89BF9CE2C09A}"/>
          </ac:spMkLst>
        </pc:spChg>
        <pc:spChg chg="del">
          <ac:chgData name="Roger Cai" userId="22586480-35c0-4c25-95bc-8c24c0c5dcbb" providerId="ADAL" clId="{1B36617D-CEC0-4258-B5EC-1AF91E651E77}" dt="2023-10-03T19:53:24.914" v="10567" actId="478"/>
          <ac:spMkLst>
            <pc:docMk/>
            <pc:sldMk cId="4048333516" sldId="284"/>
            <ac:spMk id="89" creationId="{F5E0C551-08CC-807C-FEF8-219ED380CE18}"/>
          </ac:spMkLst>
        </pc:spChg>
        <pc:spChg chg="del">
          <ac:chgData name="Roger Cai" userId="22586480-35c0-4c25-95bc-8c24c0c5dcbb" providerId="ADAL" clId="{1B36617D-CEC0-4258-B5EC-1AF91E651E77}" dt="2023-10-03T19:53:26.601" v="10568" actId="478"/>
          <ac:spMkLst>
            <pc:docMk/>
            <pc:sldMk cId="4048333516" sldId="284"/>
            <ac:spMk id="91" creationId="{1DE1DBED-6606-E923-EE91-0948AB4B2040}"/>
          </ac:spMkLst>
        </pc:spChg>
        <pc:spChg chg="del">
          <ac:chgData name="Roger Cai" userId="22586480-35c0-4c25-95bc-8c24c0c5dcbb" providerId="ADAL" clId="{1B36617D-CEC0-4258-B5EC-1AF91E651E77}" dt="2023-10-03T19:53:24.914" v="10567" actId="478"/>
          <ac:spMkLst>
            <pc:docMk/>
            <pc:sldMk cId="4048333516" sldId="284"/>
            <ac:spMk id="93" creationId="{98F1A671-9FFF-6A93-1924-A7522A263B46}"/>
          </ac:spMkLst>
        </pc:spChg>
        <pc:spChg chg="del">
          <ac:chgData name="Roger Cai" userId="22586480-35c0-4c25-95bc-8c24c0c5dcbb" providerId="ADAL" clId="{1B36617D-CEC0-4258-B5EC-1AF91E651E77}" dt="2023-10-03T19:53:24.914" v="10567" actId="478"/>
          <ac:spMkLst>
            <pc:docMk/>
            <pc:sldMk cId="4048333516" sldId="284"/>
            <ac:spMk id="95" creationId="{01955A70-1D2E-F594-B664-936CA02EFBA3}"/>
          </ac:spMkLst>
        </pc:spChg>
        <pc:spChg chg="del">
          <ac:chgData name="Roger Cai" userId="22586480-35c0-4c25-95bc-8c24c0c5dcbb" providerId="ADAL" clId="{1B36617D-CEC0-4258-B5EC-1AF91E651E77}" dt="2023-10-03T19:53:26.601" v="10568" actId="478"/>
          <ac:spMkLst>
            <pc:docMk/>
            <pc:sldMk cId="4048333516" sldId="284"/>
            <ac:spMk id="97" creationId="{1DD67EAB-FE58-1ECA-DD2F-144D1638EE3D}"/>
          </ac:spMkLst>
        </pc:spChg>
        <pc:spChg chg="del">
          <ac:chgData name="Roger Cai" userId="22586480-35c0-4c25-95bc-8c24c0c5dcbb" providerId="ADAL" clId="{1B36617D-CEC0-4258-B5EC-1AF91E651E77}" dt="2023-10-03T19:53:24.914" v="10567" actId="478"/>
          <ac:spMkLst>
            <pc:docMk/>
            <pc:sldMk cId="4048333516" sldId="284"/>
            <ac:spMk id="99" creationId="{3777C7A3-E476-15A4-070F-FFC7CB913C1C}"/>
          </ac:spMkLst>
        </pc:spChg>
        <pc:spChg chg="del">
          <ac:chgData name="Roger Cai" userId="22586480-35c0-4c25-95bc-8c24c0c5dcbb" providerId="ADAL" clId="{1B36617D-CEC0-4258-B5EC-1AF91E651E77}" dt="2023-10-03T19:53:24.914" v="10567" actId="478"/>
          <ac:spMkLst>
            <pc:docMk/>
            <pc:sldMk cId="4048333516" sldId="284"/>
            <ac:spMk id="101" creationId="{5B0B5DF7-E203-C606-08F5-08D6196A37C6}"/>
          </ac:spMkLst>
        </pc:spChg>
        <pc:spChg chg="del">
          <ac:chgData name="Roger Cai" userId="22586480-35c0-4c25-95bc-8c24c0c5dcbb" providerId="ADAL" clId="{1B36617D-CEC0-4258-B5EC-1AF91E651E77}" dt="2023-10-03T19:53:26.601" v="10568" actId="478"/>
          <ac:spMkLst>
            <pc:docMk/>
            <pc:sldMk cId="4048333516" sldId="284"/>
            <ac:spMk id="104" creationId="{12995819-7A4A-8B4A-A34B-94F989A10E52}"/>
          </ac:spMkLst>
        </pc:spChg>
        <pc:spChg chg="del">
          <ac:chgData name="Roger Cai" userId="22586480-35c0-4c25-95bc-8c24c0c5dcbb" providerId="ADAL" clId="{1B36617D-CEC0-4258-B5EC-1AF91E651E77}" dt="2023-10-03T19:53:24.914" v="10567" actId="478"/>
          <ac:spMkLst>
            <pc:docMk/>
            <pc:sldMk cId="4048333516" sldId="284"/>
            <ac:spMk id="105" creationId="{CB4553E2-FFE7-CD93-2D4D-2B89D54636CE}"/>
          </ac:spMkLst>
        </pc:spChg>
        <pc:graphicFrameChg chg="del">
          <ac:chgData name="Roger Cai" userId="22586480-35c0-4c25-95bc-8c24c0c5dcbb" providerId="ADAL" clId="{1B36617D-CEC0-4258-B5EC-1AF91E651E77}" dt="2023-10-03T19:53:35.850" v="10572" actId="478"/>
          <ac:graphicFrameMkLst>
            <pc:docMk/>
            <pc:sldMk cId="4048333516" sldId="284"/>
            <ac:graphicFrameMk id="22" creationId="{CEB023D9-7857-6FBE-F7E1-3B82AED49389}"/>
          </ac:graphicFrameMkLst>
        </pc:graphicFrameChg>
        <pc:picChg chg="del">
          <ac:chgData name="Roger Cai" userId="22586480-35c0-4c25-95bc-8c24c0c5dcbb" providerId="ADAL" clId="{1B36617D-CEC0-4258-B5EC-1AF91E651E77}" dt="2023-10-03T19:53:24.914" v="10567" actId="478"/>
          <ac:picMkLst>
            <pc:docMk/>
            <pc:sldMk cId="4048333516" sldId="284"/>
            <ac:picMk id="4" creationId="{5BD97A83-9116-5479-F98D-507F5A2EA88D}"/>
          </ac:picMkLst>
        </pc:picChg>
        <pc:picChg chg="add del mod">
          <ac:chgData name="Roger Cai" userId="22586480-35c0-4c25-95bc-8c24c0c5dcbb" providerId="ADAL" clId="{1B36617D-CEC0-4258-B5EC-1AF91E651E77}" dt="2023-10-04T18:56:00.950" v="11943" actId="21"/>
          <ac:picMkLst>
            <pc:docMk/>
            <pc:sldMk cId="4048333516" sldId="284"/>
            <ac:picMk id="19" creationId="{49641C90-9CEF-09A6-1D86-5DA609DA5407}"/>
          </ac:picMkLst>
        </pc:picChg>
        <pc:picChg chg="del">
          <ac:chgData name="Roger Cai" userId="22586480-35c0-4c25-95bc-8c24c0c5dcbb" providerId="ADAL" clId="{1B36617D-CEC0-4258-B5EC-1AF91E651E77}" dt="2023-10-03T19:53:37.955" v="10573" actId="478"/>
          <ac:picMkLst>
            <pc:docMk/>
            <pc:sldMk cId="4048333516" sldId="284"/>
            <ac:picMk id="21" creationId="{81064068-CEE1-0F81-D703-E271204A7C1D}"/>
          </ac:picMkLst>
        </pc:picChg>
        <pc:cxnChg chg="del mod">
          <ac:chgData name="Roger Cai" userId="22586480-35c0-4c25-95bc-8c24c0c5dcbb" providerId="ADAL" clId="{1B36617D-CEC0-4258-B5EC-1AF91E651E77}" dt="2023-10-03T19:53:24.914" v="10567" actId="478"/>
          <ac:cxnSpMkLst>
            <pc:docMk/>
            <pc:sldMk cId="4048333516" sldId="284"/>
            <ac:cxnSpMk id="11" creationId="{4FF86252-1DBD-5BF2-A50E-E0C6B9811A3F}"/>
          </ac:cxnSpMkLst>
        </pc:cxnChg>
        <pc:cxnChg chg="del">
          <ac:chgData name="Roger Cai" userId="22586480-35c0-4c25-95bc-8c24c0c5dcbb" providerId="ADAL" clId="{1B36617D-CEC0-4258-B5EC-1AF91E651E77}" dt="2023-10-03T19:53:33.400" v="10571" actId="478"/>
          <ac:cxnSpMkLst>
            <pc:docMk/>
            <pc:sldMk cId="4048333516" sldId="284"/>
            <ac:cxnSpMk id="73" creationId="{FFFB5E27-99B0-EAE0-7BD2-0F3F743362F5}"/>
          </ac:cxnSpMkLst>
        </pc:cxnChg>
        <pc:cxnChg chg="del">
          <ac:chgData name="Roger Cai" userId="22586480-35c0-4c25-95bc-8c24c0c5dcbb" providerId="ADAL" clId="{1B36617D-CEC0-4258-B5EC-1AF91E651E77}" dt="2023-10-03T19:53:24.914" v="10567" actId="478"/>
          <ac:cxnSpMkLst>
            <pc:docMk/>
            <pc:sldMk cId="4048333516" sldId="284"/>
            <ac:cxnSpMk id="76" creationId="{A7B18063-7570-853B-F1F6-CF3B54F89DEE}"/>
          </ac:cxnSpMkLst>
        </pc:cxnChg>
        <pc:cxnChg chg="del">
          <ac:chgData name="Roger Cai" userId="22586480-35c0-4c25-95bc-8c24c0c5dcbb" providerId="ADAL" clId="{1B36617D-CEC0-4258-B5EC-1AF91E651E77}" dt="2023-10-03T19:53:26.601" v="10568" actId="478"/>
          <ac:cxnSpMkLst>
            <pc:docMk/>
            <pc:sldMk cId="4048333516" sldId="284"/>
            <ac:cxnSpMk id="83" creationId="{42E9663D-5961-11C0-1621-1B4D1EF7C2E2}"/>
          </ac:cxnSpMkLst>
        </pc:cxnChg>
        <pc:cxnChg chg="del mod">
          <ac:chgData name="Roger Cai" userId="22586480-35c0-4c25-95bc-8c24c0c5dcbb" providerId="ADAL" clId="{1B36617D-CEC0-4258-B5EC-1AF91E651E77}" dt="2023-10-03T19:53:24.914" v="10567" actId="478"/>
          <ac:cxnSpMkLst>
            <pc:docMk/>
            <pc:sldMk cId="4048333516" sldId="284"/>
            <ac:cxnSpMk id="85" creationId="{C50EFFF3-E413-891A-B835-C5D0B83B5E41}"/>
          </ac:cxnSpMkLst>
        </pc:cxnChg>
        <pc:cxnChg chg="del mod">
          <ac:chgData name="Roger Cai" userId="22586480-35c0-4c25-95bc-8c24c0c5dcbb" providerId="ADAL" clId="{1B36617D-CEC0-4258-B5EC-1AF91E651E77}" dt="2023-10-03T19:53:24.914" v="10567" actId="478"/>
          <ac:cxnSpMkLst>
            <pc:docMk/>
            <pc:sldMk cId="4048333516" sldId="284"/>
            <ac:cxnSpMk id="86" creationId="{8E72392A-B977-3FEB-AC46-A733BFA80DA9}"/>
          </ac:cxnSpMkLst>
        </pc:cxnChg>
        <pc:cxnChg chg="del">
          <ac:chgData name="Roger Cai" userId="22586480-35c0-4c25-95bc-8c24c0c5dcbb" providerId="ADAL" clId="{1B36617D-CEC0-4258-B5EC-1AF91E651E77}" dt="2023-10-03T19:53:24.914" v="10567" actId="478"/>
          <ac:cxnSpMkLst>
            <pc:docMk/>
            <pc:sldMk cId="4048333516" sldId="284"/>
            <ac:cxnSpMk id="88" creationId="{A526C2AF-79C8-DF2A-A64A-5D3FC608447F}"/>
          </ac:cxnSpMkLst>
        </pc:cxnChg>
        <pc:cxnChg chg="del">
          <ac:chgData name="Roger Cai" userId="22586480-35c0-4c25-95bc-8c24c0c5dcbb" providerId="ADAL" clId="{1B36617D-CEC0-4258-B5EC-1AF91E651E77}" dt="2023-10-03T19:53:24.914" v="10567" actId="478"/>
          <ac:cxnSpMkLst>
            <pc:docMk/>
            <pc:sldMk cId="4048333516" sldId="284"/>
            <ac:cxnSpMk id="109" creationId="{F916B47E-51E5-B485-9B0A-B3C8C87D9522}"/>
          </ac:cxnSpMkLst>
        </pc:cxnChg>
      </pc:sldChg>
      <pc:sldChg chg="addSp delSp modSp new del mod">
        <pc:chgData name="Roger Cai" userId="22586480-35c0-4c25-95bc-8c24c0c5dcbb" providerId="ADAL" clId="{1B36617D-CEC0-4258-B5EC-1AF91E651E77}" dt="2023-10-03T20:20:44.969" v="10872" actId="47"/>
        <pc:sldMkLst>
          <pc:docMk/>
          <pc:sldMk cId="624178735" sldId="285"/>
        </pc:sldMkLst>
        <pc:spChg chg="del">
          <ac:chgData name="Roger Cai" userId="22586480-35c0-4c25-95bc-8c24c0c5dcbb" providerId="ADAL" clId="{1B36617D-CEC0-4258-B5EC-1AF91E651E77}" dt="2023-10-03T19:57:12.152" v="10580" actId="478"/>
          <ac:spMkLst>
            <pc:docMk/>
            <pc:sldMk cId="624178735" sldId="285"/>
            <ac:spMk id="2" creationId="{1E0064DE-5FE5-7DD1-A64B-AEBC5605BCBD}"/>
          </ac:spMkLst>
        </pc:spChg>
        <pc:spChg chg="del">
          <ac:chgData name="Roger Cai" userId="22586480-35c0-4c25-95bc-8c24c0c5dcbb" providerId="ADAL" clId="{1B36617D-CEC0-4258-B5EC-1AF91E651E77}" dt="2023-10-03T19:57:11.086" v="10579" actId="478"/>
          <ac:spMkLst>
            <pc:docMk/>
            <pc:sldMk cId="624178735" sldId="285"/>
            <ac:spMk id="3" creationId="{9C29D39F-099E-7C9F-A651-E6FEFCC3A516}"/>
          </ac:spMkLst>
        </pc:spChg>
        <pc:spChg chg="add del mod">
          <ac:chgData name="Roger Cai" userId="22586480-35c0-4c25-95bc-8c24c0c5dcbb" providerId="ADAL" clId="{1B36617D-CEC0-4258-B5EC-1AF91E651E77}" dt="2023-10-03T20:15:47.399" v="10791" actId="478"/>
          <ac:spMkLst>
            <pc:docMk/>
            <pc:sldMk cId="624178735" sldId="285"/>
            <ac:spMk id="5" creationId="{C454A34B-81F8-DD8D-AAA7-F6F363EF1AB1}"/>
          </ac:spMkLst>
        </pc:spChg>
      </pc:sldChg>
      <pc:sldChg chg="addSp modSp del mod">
        <pc:chgData name="Roger Cai" userId="22586480-35c0-4c25-95bc-8c24c0c5dcbb" providerId="ADAL" clId="{1B36617D-CEC0-4258-B5EC-1AF91E651E77}" dt="2023-10-04T19:02:50.583" v="11976" actId="47"/>
        <pc:sldMkLst>
          <pc:docMk/>
          <pc:sldMk cId="2547336702" sldId="286"/>
        </pc:sldMkLst>
        <pc:spChg chg="add mod">
          <ac:chgData name="Roger Cai" userId="22586480-35c0-4c25-95bc-8c24c0c5dcbb" providerId="ADAL" clId="{1B36617D-CEC0-4258-B5EC-1AF91E651E77}" dt="2023-10-03T20:18:32.446" v="10796" actId="1076"/>
          <ac:spMkLst>
            <pc:docMk/>
            <pc:sldMk cId="2547336702" sldId="286"/>
            <ac:spMk id="3" creationId="{C09F6EB2-C8C1-FFEF-D1A3-EDD393309F60}"/>
          </ac:spMkLst>
        </pc:spChg>
      </pc:sldChg>
      <pc:sldChg chg="addSp delSp add del setBg delDesignElem">
        <pc:chgData name="Roger Cai" userId="22586480-35c0-4c25-95bc-8c24c0c5dcbb" providerId="ADAL" clId="{1B36617D-CEC0-4258-B5EC-1AF91E651E77}" dt="2023-10-03T20:17:09.635" v="10794"/>
        <pc:sldMkLst>
          <pc:docMk/>
          <pc:sldMk cId="103156565" sldId="287"/>
        </pc:sldMkLst>
        <pc:spChg chg="add del">
          <ac:chgData name="Roger Cai" userId="22586480-35c0-4c25-95bc-8c24c0c5dcbb" providerId="ADAL" clId="{1B36617D-CEC0-4258-B5EC-1AF91E651E77}" dt="2023-10-03T20:17:09.635" v="10794"/>
          <ac:spMkLst>
            <pc:docMk/>
            <pc:sldMk cId="103156565" sldId="287"/>
            <ac:spMk id="7" creationId="{F3060C83-F051-4F0E-ABAD-AA0DFC48B218}"/>
          </ac:spMkLst>
        </pc:spChg>
        <pc:spChg chg="add del">
          <ac:chgData name="Roger Cai" userId="22586480-35c0-4c25-95bc-8c24c0c5dcbb" providerId="ADAL" clId="{1B36617D-CEC0-4258-B5EC-1AF91E651E77}" dt="2023-10-03T20:17:09.635" v="10794"/>
          <ac:spMkLst>
            <pc:docMk/>
            <pc:sldMk cId="103156565" sldId="287"/>
            <ac:spMk id="8" creationId="{83C98ABE-055B-441F-B07E-44F97F083C39}"/>
          </ac:spMkLst>
        </pc:spChg>
        <pc:spChg chg="add del">
          <ac:chgData name="Roger Cai" userId="22586480-35c0-4c25-95bc-8c24c0c5dcbb" providerId="ADAL" clId="{1B36617D-CEC0-4258-B5EC-1AF91E651E77}" dt="2023-10-03T20:17:09.635" v="10794"/>
          <ac:spMkLst>
            <pc:docMk/>
            <pc:sldMk cId="103156565" sldId="287"/>
            <ac:spMk id="14" creationId="{29FDB030-9B49-4CED-8CCD-4D99382388AC}"/>
          </ac:spMkLst>
        </pc:spChg>
        <pc:spChg chg="add del">
          <ac:chgData name="Roger Cai" userId="22586480-35c0-4c25-95bc-8c24c0c5dcbb" providerId="ADAL" clId="{1B36617D-CEC0-4258-B5EC-1AF91E651E77}" dt="2023-10-03T20:17:09.635" v="10794"/>
          <ac:spMkLst>
            <pc:docMk/>
            <pc:sldMk cId="103156565" sldId="287"/>
            <ac:spMk id="16" creationId="{3783CA14-24A1-485C-8B30-D6A5D87987AD}"/>
          </ac:spMkLst>
        </pc:spChg>
        <pc:spChg chg="add del">
          <ac:chgData name="Roger Cai" userId="22586480-35c0-4c25-95bc-8c24c0c5dcbb" providerId="ADAL" clId="{1B36617D-CEC0-4258-B5EC-1AF91E651E77}" dt="2023-10-03T20:17:09.635" v="10794"/>
          <ac:spMkLst>
            <pc:docMk/>
            <pc:sldMk cId="103156565" sldId="287"/>
            <ac:spMk id="18" creationId="{9A97C86A-04D6-40F7-AE84-31AB43E6A846}"/>
          </ac:spMkLst>
        </pc:spChg>
        <pc:spChg chg="add del">
          <ac:chgData name="Roger Cai" userId="22586480-35c0-4c25-95bc-8c24c0c5dcbb" providerId="ADAL" clId="{1B36617D-CEC0-4258-B5EC-1AF91E651E77}" dt="2023-10-03T20:17:09.635" v="10794"/>
          <ac:spMkLst>
            <pc:docMk/>
            <pc:sldMk cId="103156565" sldId="287"/>
            <ac:spMk id="20" creationId="{FF9F2414-84E8-453E-B1F3-389FDE8192D9}"/>
          </ac:spMkLst>
        </pc:spChg>
        <pc:spChg chg="add del">
          <ac:chgData name="Roger Cai" userId="22586480-35c0-4c25-95bc-8c24c0c5dcbb" providerId="ADAL" clId="{1B36617D-CEC0-4258-B5EC-1AF91E651E77}" dt="2023-10-03T20:17:09.635" v="10794"/>
          <ac:spMkLst>
            <pc:docMk/>
            <pc:sldMk cId="103156565" sldId="287"/>
            <ac:spMk id="22" creationId="{3ECA69A1-7536-43AC-85EF-C7106179F5ED}"/>
          </ac:spMkLst>
        </pc:spChg>
      </pc:sldChg>
      <pc:sldChg chg="addSp modSp del mod">
        <pc:chgData name="Roger Cai" userId="22586480-35c0-4c25-95bc-8c24c0c5dcbb" providerId="ADAL" clId="{1B36617D-CEC0-4258-B5EC-1AF91E651E77}" dt="2023-10-04T19:02:54.986" v="11977" actId="47"/>
        <pc:sldMkLst>
          <pc:docMk/>
          <pc:sldMk cId="3342560508" sldId="287"/>
        </pc:sldMkLst>
        <pc:spChg chg="add mod">
          <ac:chgData name="Roger Cai" userId="22586480-35c0-4c25-95bc-8c24c0c5dcbb" providerId="ADAL" clId="{1B36617D-CEC0-4258-B5EC-1AF91E651E77}" dt="2023-10-03T20:20:29.088" v="10871" actId="20577"/>
          <ac:spMkLst>
            <pc:docMk/>
            <pc:sldMk cId="3342560508" sldId="287"/>
            <ac:spMk id="2" creationId="{42406D80-CACD-A0C3-371A-B7C91F8FDAA1}"/>
          </ac:spMkLst>
        </pc:spChg>
      </pc:sldChg>
      <pc:sldChg chg="addSp delSp modSp new mod setBg">
        <pc:chgData name="Roger Cai" userId="22586480-35c0-4c25-95bc-8c24c0c5dcbb" providerId="ADAL" clId="{1B36617D-CEC0-4258-B5EC-1AF91E651E77}" dt="2023-10-04T00:34:29.835" v="11629"/>
        <pc:sldMkLst>
          <pc:docMk/>
          <pc:sldMk cId="3889859872" sldId="288"/>
        </pc:sldMkLst>
        <pc:spChg chg="del">
          <ac:chgData name="Roger Cai" userId="22586480-35c0-4c25-95bc-8c24c0c5dcbb" providerId="ADAL" clId="{1B36617D-CEC0-4258-B5EC-1AF91E651E77}" dt="2023-10-03T20:28:02.453" v="10916" actId="478"/>
          <ac:spMkLst>
            <pc:docMk/>
            <pc:sldMk cId="3889859872" sldId="288"/>
            <ac:spMk id="2" creationId="{3675CA20-6941-40F3-978F-1B26793A0654}"/>
          </ac:spMkLst>
        </pc:spChg>
        <pc:spChg chg="add del mod">
          <ac:chgData name="Roger Cai" userId="22586480-35c0-4c25-95bc-8c24c0c5dcbb" providerId="ADAL" clId="{1B36617D-CEC0-4258-B5EC-1AF91E651E77}" dt="2023-10-04T00:34:29.835" v="11629"/>
          <ac:spMkLst>
            <pc:docMk/>
            <pc:sldMk cId="3889859872" sldId="288"/>
            <ac:spMk id="2" creationId="{40510D74-3E25-9DA8-BD85-1893CF51DF70}"/>
          </ac:spMkLst>
        </pc:spChg>
        <pc:spChg chg="del">
          <ac:chgData name="Roger Cai" userId="22586480-35c0-4c25-95bc-8c24c0c5dcbb" providerId="ADAL" clId="{1B36617D-CEC0-4258-B5EC-1AF91E651E77}" dt="2023-10-03T20:28:11.353" v="10922" actId="478"/>
          <ac:spMkLst>
            <pc:docMk/>
            <pc:sldMk cId="3889859872" sldId="288"/>
            <ac:spMk id="3" creationId="{0172764A-1BE1-DAD1-82F3-1A8719DF9676}"/>
          </ac:spMkLst>
        </pc:spChg>
        <pc:spChg chg="del">
          <ac:chgData name="Roger Cai" userId="22586480-35c0-4c25-95bc-8c24c0c5dcbb" providerId="ADAL" clId="{1B36617D-CEC0-4258-B5EC-1AF91E651E77}" dt="2023-10-03T20:28:10.434" v="10921" actId="478"/>
          <ac:spMkLst>
            <pc:docMk/>
            <pc:sldMk cId="3889859872" sldId="288"/>
            <ac:spMk id="4" creationId="{D526D4E1-B407-0BE6-C9E3-2A6FB0F7D011}"/>
          </ac:spMkLst>
        </pc:spChg>
        <pc:spChg chg="del">
          <ac:chgData name="Roger Cai" userId="22586480-35c0-4c25-95bc-8c24c0c5dcbb" providerId="ADAL" clId="{1B36617D-CEC0-4258-B5EC-1AF91E651E77}" dt="2023-10-03T20:28:15.668" v="10924" actId="478"/>
          <ac:spMkLst>
            <pc:docMk/>
            <pc:sldMk cId="3889859872" sldId="288"/>
            <ac:spMk id="5" creationId="{E9D15269-9709-F1F4-FDAD-B0594AFC7016}"/>
          </ac:spMkLst>
        </pc:spChg>
        <pc:spChg chg="del">
          <ac:chgData name="Roger Cai" userId="22586480-35c0-4c25-95bc-8c24c0c5dcbb" providerId="ADAL" clId="{1B36617D-CEC0-4258-B5EC-1AF91E651E77}" dt="2023-10-03T20:28:14.903" v="10923" actId="478"/>
          <ac:spMkLst>
            <pc:docMk/>
            <pc:sldMk cId="3889859872" sldId="288"/>
            <ac:spMk id="6" creationId="{18EDBC5B-5F80-3911-193F-6AE0B784E137}"/>
          </ac:spMkLst>
        </pc:spChg>
        <pc:spChg chg="del">
          <ac:chgData name="Roger Cai" userId="22586480-35c0-4c25-95bc-8c24c0c5dcbb" providerId="ADAL" clId="{1B36617D-CEC0-4258-B5EC-1AF91E651E77}" dt="2023-10-03T20:28:08.914" v="10920" actId="478"/>
          <ac:spMkLst>
            <pc:docMk/>
            <pc:sldMk cId="3889859872" sldId="288"/>
            <ac:spMk id="7" creationId="{855B7AB4-9974-011A-10A5-747F9008CA3E}"/>
          </ac:spMkLst>
        </pc:spChg>
        <pc:spChg chg="del">
          <ac:chgData name="Roger Cai" userId="22586480-35c0-4c25-95bc-8c24c0c5dcbb" providerId="ADAL" clId="{1B36617D-CEC0-4258-B5EC-1AF91E651E77}" dt="2023-10-03T20:28:07.811" v="10919" actId="478"/>
          <ac:spMkLst>
            <pc:docMk/>
            <pc:sldMk cId="3889859872" sldId="288"/>
            <ac:spMk id="8" creationId="{F4176822-8CBF-99D4-B960-61C8920FBA60}"/>
          </ac:spMkLst>
        </pc:spChg>
        <pc:spChg chg="del">
          <ac:chgData name="Roger Cai" userId="22586480-35c0-4c25-95bc-8c24c0c5dcbb" providerId="ADAL" clId="{1B36617D-CEC0-4258-B5EC-1AF91E651E77}" dt="2023-10-03T20:28:05.767" v="10918" actId="478"/>
          <ac:spMkLst>
            <pc:docMk/>
            <pc:sldMk cId="3889859872" sldId="288"/>
            <ac:spMk id="9" creationId="{E84C4F1A-0852-79E7-5C99-62B7198693D4}"/>
          </ac:spMkLst>
        </pc:spChg>
        <pc:spChg chg="del">
          <ac:chgData name="Roger Cai" userId="22586480-35c0-4c25-95bc-8c24c0c5dcbb" providerId="ADAL" clId="{1B36617D-CEC0-4258-B5EC-1AF91E651E77}" dt="2023-10-03T20:28:04.381" v="10917" actId="478"/>
          <ac:spMkLst>
            <pc:docMk/>
            <pc:sldMk cId="3889859872" sldId="288"/>
            <ac:spMk id="10" creationId="{65FF3616-565D-437A-64EF-B14159317F01}"/>
          </ac:spMkLst>
        </pc:spChg>
        <pc:spChg chg="add del">
          <ac:chgData name="Roger Cai" userId="22586480-35c0-4c25-95bc-8c24c0c5dcbb" providerId="ADAL" clId="{1B36617D-CEC0-4258-B5EC-1AF91E651E77}" dt="2023-10-03T20:39:05.411" v="10996" actId="26606"/>
          <ac:spMkLst>
            <pc:docMk/>
            <pc:sldMk cId="3889859872" sldId="288"/>
            <ac:spMk id="16" creationId="{F3060C83-F051-4F0E-ABAD-AA0DFC48B218}"/>
          </ac:spMkLst>
        </pc:spChg>
        <pc:spChg chg="add del">
          <ac:chgData name="Roger Cai" userId="22586480-35c0-4c25-95bc-8c24c0c5dcbb" providerId="ADAL" clId="{1B36617D-CEC0-4258-B5EC-1AF91E651E77}" dt="2023-10-03T20:39:05.411" v="10996" actId="26606"/>
          <ac:spMkLst>
            <pc:docMk/>
            <pc:sldMk cId="3889859872" sldId="288"/>
            <ac:spMk id="18" creationId="{83C98ABE-055B-441F-B07E-44F97F083C39}"/>
          </ac:spMkLst>
        </pc:spChg>
        <pc:spChg chg="add del">
          <ac:chgData name="Roger Cai" userId="22586480-35c0-4c25-95bc-8c24c0c5dcbb" providerId="ADAL" clId="{1B36617D-CEC0-4258-B5EC-1AF91E651E77}" dt="2023-10-03T20:39:05.411" v="10996" actId="26606"/>
          <ac:spMkLst>
            <pc:docMk/>
            <pc:sldMk cId="3889859872" sldId="288"/>
            <ac:spMk id="20" creationId="{29FDB030-9B49-4CED-8CCD-4D99382388AC}"/>
          </ac:spMkLst>
        </pc:spChg>
        <pc:spChg chg="add del">
          <ac:chgData name="Roger Cai" userId="22586480-35c0-4c25-95bc-8c24c0c5dcbb" providerId="ADAL" clId="{1B36617D-CEC0-4258-B5EC-1AF91E651E77}" dt="2023-10-03T20:39:05.411" v="10996" actId="26606"/>
          <ac:spMkLst>
            <pc:docMk/>
            <pc:sldMk cId="3889859872" sldId="288"/>
            <ac:spMk id="22" creationId="{3783CA14-24A1-485C-8B30-D6A5D87987AD}"/>
          </ac:spMkLst>
        </pc:spChg>
        <pc:spChg chg="add del">
          <ac:chgData name="Roger Cai" userId="22586480-35c0-4c25-95bc-8c24c0c5dcbb" providerId="ADAL" clId="{1B36617D-CEC0-4258-B5EC-1AF91E651E77}" dt="2023-10-03T20:39:05.411" v="10996" actId="26606"/>
          <ac:spMkLst>
            <pc:docMk/>
            <pc:sldMk cId="3889859872" sldId="288"/>
            <ac:spMk id="24" creationId="{9A97C86A-04D6-40F7-AE84-31AB43E6A846}"/>
          </ac:spMkLst>
        </pc:spChg>
        <pc:spChg chg="add del">
          <ac:chgData name="Roger Cai" userId="22586480-35c0-4c25-95bc-8c24c0c5dcbb" providerId="ADAL" clId="{1B36617D-CEC0-4258-B5EC-1AF91E651E77}" dt="2023-10-03T20:39:05.411" v="10996" actId="26606"/>
          <ac:spMkLst>
            <pc:docMk/>
            <pc:sldMk cId="3889859872" sldId="288"/>
            <ac:spMk id="26" creationId="{FF9F2414-84E8-453E-B1F3-389FDE8192D9}"/>
          </ac:spMkLst>
        </pc:spChg>
        <pc:spChg chg="add del">
          <ac:chgData name="Roger Cai" userId="22586480-35c0-4c25-95bc-8c24c0c5dcbb" providerId="ADAL" clId="{1B36617D-CEC0-4258-B5EC-1AF91E651E77}" dt="2023-10-03T20:39:05.411" v="10996" actId="26606"/>
          <ac:spMkLst>
            <pc:docMk/>
            <pc:sldMk cId="3889859872" sldId="288"/>
            <ac:spMk id="28" creationId="{3ECA69A1-7536-43AC-85EF-C7106179F5ED}"/>
          </ac:spMkLst>
        </pc:spChg>
        <pc:spChg chg="add del">
          <ac:chgData name="Roger Cai" userId="22586480-35c0-4c25-95bc-8c24c0c5dcbb" providerId="ADAL" clId="{1B36617D-CEC0-4258-B5EC-1AF91E651E77}" dt="2023-10-03T20:39:42.467" v="11013" actId="26606"/>
          <ac:spMkLst>
            <pc:docMk/>
            <pc:sldMk cId="3889859872" sldId="288"/>
            <ac:spMk id="33" creationId="{A9F529C3-C941-49FD-8C67-82F134F64BDB}"/>
          </ac:spMkLst>
        </pc:spChg>
        <pc:spChg chg="add del">
          <ac:chgData name="Roger Cai" userId="22586480-35c0-4c25-95bc-8c24c0c5dcbb" providerId="ADAL" clId="{1B36617D-CEC0-4258-B5EC-1AF91E651E77}" dt="2023-10-03T20:39:42.467" v="11013" actId="26606"/>
          <ac:spMkLst>
            <pc:docMk/>
            <pc:sldMk cId="3889859872" sldId="288"/>
            <ac:spMk id="35" creationId="{20586029-32A0-47E5-9AEC-AE3ABA6B94D0}"/>
          </ac:spMkLst>
        </pc:spChg>
        <pc:spChg chg="add del">
          <ac:chgData name="Roger Cai" userId="22586480-35c0-4c25-95bc-8c24c0c5dcbb" providerId="ADAL" clId="{1B36617D-CEC0-4258-B5EC-1AF91E651E77}" dt="2023-10-03T20:39:42.467" v="11012" actId="26606"/>
          <ac:spMkLst>
            <pc:docMk/>
            <pc:sldMk cId="3889859872" sldId="288"/>
            <ac:spMk id="41" creationId="{69D184B2-2226-4E31-BCCB-444330767440}"/>
          </ac:spMkLst>
        </pc:spChg>
        <pc:spChg chg="add del">
          <ac:chgData name="Roger Cai" userId="22586480-35c0-4c25-95bc-8c24c0c5dcbb" providerId="ADAL" clId="{1B36617D-CEC0-4258-B5EC-1AF91E651E77}" dt="2023-10-03T20:39:27.630" v="10998" actId="26606"/>
          <ac:spMkLst>
            <pc:docMk/>
            <pc:sldMk cId="3889859872" sldId="288"/>
            <ac:spMk id="42" creationId="{69D184B2-2226-4E31-BCCB-444330767440}"/>
          </ac:spMkLst>
        </pc:spChg>
        <pc:spChg chg="add del">
          <ac:chgData name="Roger Cai" userId="22586480-35c0-4c25-95bc-8c24c0c5dcbb" providerId="ADAL" clId="{1B36617D-CEC0-4258-B5EC-1AF91E651E77}" dt="2023-10-03T20:39:42.467" v="11012" actId="26606"/>
          <ac:spMkLst>
            <pc:docMk/>
            <pc:sldMk cId="3889859872" sldId="288"/>
            <ac:spMk id="43" creationId="{1AC4D4E3-486A-464A-8EC8-D44881097267}"/>
          </ac:spMkLst>
        </pc:spChg>
        <pc:spChg chg="add del">
          <ac:chgData name="Roger Cai" userId="22586480-35c0-4c25-95bc-8c24c0c5dcbb" providerId="ADAL" clId="{1B36617D-CEC0-4258-B5EC-1AF91E651E77}" dt="2023-10-03T20:39:27.630" v="10998" actId="26606"/>
          <ac:spMkLst>
            <pc:docMk/>
            <pc:sldMk cId="3889859872" sldId="288"/>
            <ac:spMk id="44" creationId="{1AC4D4E3-486A-464A-8EC8-D44881097267}"/>
          </ac:spMkLst>
        </pc:spChg>
        <pc:spChg chg="add del">
          <ac:chgData name="Roger Cai" userId="22586480-35c0-4c25-95bc-8c24c0c5dcbb" providerId="ADAL" clId="{1B36617D-CEC0-4258-B5EC-1AF91E651E77}" dt="2023-10-03T20:39:42.467" v="11012" actId="26606"/>
          <ac:spMkLst>
            <pc:docMk/>
            <pc:sldMk cId="3889859872" sldId="288"/>
            <ac:spMk id="45" creationId="{864DE13E-58EB-4475-B79C-0D4FC651239B}"/>
          </ac:spMkLst>
        </pc:spChg>
        <pc:spChg chg="add del">
          <ac:chgData name="Roger Cai" userId="22586480-35c0-4c25-95bc-8c24c0c5dcbb" providerId="ADAL" clId="{1B36617D-CEC0-4258-B5EC-1AF91E651E77}" dt="2023-10-03T20:39:27.630" v="10998" actId="26606"/>
          <ac:spMkLst>
            <pc:docMk/>
            <pc:sldMk cId="3889859872" sldId="288"/>
            <ac:spMk id="46" creationId="{864DE13E-58EB-4475-B79C-0D4FC651239B}"/>
          </ac:spMkLst>
        </pc:spChg>
        <pc:spChg chg="add">
          <ac:chgData name="Roger Cai" userId="22586480-35c0-4c25-95bc-8c24c0c5dcbb" providerId="ADAL" clId="{1B36617D-CEC0-4258-B5EC-1AF91E651E77}" dt="2023-10-03T20:39:42.467" v="11013" actId="26606"/>
          <ac:spMkLst>
            <pc:docMk/>
            <pc:sldMk cId="3889859872" sldId="288"/>
            <ac:spMk id="49" creationId="{664E23E2-7440-4E36-A67B-0F88C5F7E185}"/>
          </ac:spMkLst>
        </pc:spChg>
        <pc:spChg chg="add del">
          <ac:chgData name="Roger Cai" userId="22586480-35c0-4c25-95bc-8c24c0c5dcbb" providerId="ADAL" clId="{1B36617D-CEC0-4258-B5EC-1AF91E651E77}" dt="2023-10-03T20:39:31.906" v="11000" actId="26606"/>
          <ac:spMkLst>
            <pc:docMk/>
            <pc:sldMk cId="3889859872" sldId="288"/>
            <ac:spMk id="50" creationId="{664E23E2-7440-4E36-A67B-0F88C5F7E185}"/>
          </ac:spMkLst>
        </pc:spChg>
        <pc:spChg chg="add del">
          <ac:chgData name="Roger Cai" userId="22586480-35c0-4c25-95bc-8c24c0c5dcbb" providerId="ADAL" clId="{1B36617D-CEC0-4258-B5EC-1AF91E651E77}" dt="2023-10-03T20:39:31.906" v="11000" actId="26606"/>
          <ac:spMkLst>
            <pc:docMk/>
            <pc:sldMk cId="3889859872" sldId="288"/>
            <ac:spMk id="51" creationId="{B06949AE-010D-4C18-8AED-7872085ADD57}"/>
          </ac:spMkLst>
        </pc:spChg>
        <pc:spChg chg="add del">
          <ac:chgData name="Roger Cai" userId="22586480-35c0-4c25-95bc-8c24c0c5dcbb" providerId="ADAL" clId="{1B36617D-CEC0-4258-B5EC-1AF91E651E77}" dt="2023-10-03T20:39:31.906" v="11000" actId="26606"/>
          <ac:spMkLst>
            <pc:docMk/>
            <pc:sldMk cId="3889859872" sldId="288"/>
            <ac:spMk id="52" creationId="{FE54AADB-50C7-4293-94C0-27361A32B8CF}"/>
          </ac:spMkLst>
        </pc:spChg>
        <pc:spChg chg="add">
          <ac:chgData name="Roger Cai" userId="22586480-35c0-4c25-95bc-8c24c0c5dcbb" providerId="ADAL" clId="{1B36617D-CEC0-4258-B5EC-1AF91E651E77}" dt="2023-10-03T20:39:42.467" v="11013" actId="26606"/>
          <ac:spMkLst>
            <pc:docMk/>
            <pc:sldMk cId="3889859872" sldId="288"/>
            <ac:spMk id="53" creationId="{B06949AE-010D-4C18-8AED-7872085ADD57}"/>
          </ac:spMkLst>
        </pc:spChg>
        <pc:spChg chg="add del">
          <ac:chgData name="Roger Cai" userId="22586480-35c0-4c25-95bc-8c24c0c5dcbb" providerId="ADAL" clId="{1B36617D-CEC0-4258-B5EC-1AF91E651E77}" dt="2023-10-03T20:39:32.671" v="11002" actId="26606"/>
          <ac:spMkLst>
            <pc:docMk/>
            <pc:sldMk cId="3889859872" sldId="288"/>
            <ac:spMk id="54" creationId="{5D1D4658-32CD-4903-BDA6-7B54EEA4ED6F}"/>
          </ac:spMkLst>
        </pc:spChg>
        <pc:spChg chg="add del">
          <ac:chgData name="Roger Cai" userId="22586480-35c0-4c25-95bc-8c24c0c5dcbb" providerId="ADAL" clId="{1B36617D-CEC0-4258-B5EC-1AF91E651E77}" dt="2023-10-03T20:39:32.671" v="11002" actId="26606"/>
          <ac:spMkLst>
            <pc:docMk/>
            <pc:sldMk cId="3889859872" sldId="288"/>
            <ac:spMk id="55" creationId="{7A29A97C-0C3C-4F06-9CA4-68DFD1CE4039}"/>
          </ac:spMkLst>
        </pc:spChg>
        <pc:spChg chg="add del">
          <ac:chgData name="Roger Cai" userId="22586480-35c0-4c25-95bc-8c24c0c5dcbb" providerId="ADAL" clId="{1B36617D-CEC0-4258-B5EC-1AF91E651E77}" dt="2023-10-03T20:39:32.671" v="11002" actId="26606"/>
          <ac:spMkLst>
            <pc:docMk/>
            <pc:sldMk cId="3889859872" sldId="288"/>
            <ac:spMk id="56" creationId="{801292C1-8B12-4AF2-9B59-8851A132E5E2}"/>
          </ac:spMkLst>
        </pc:spChg>
        <pc:spChg chg="add">
          <ac:chgData name="Roger Cai" userId="22586480-35c0-4c25-95bc-8c24c0c5dcbb" providerId="ADAL" clId="{1B36617D-CEC0-4258-B5EC-1AF91E651E77}" dt="2023-10-03T20:39:42.467" v="11013" actId="26606"/>
          <ac:spMkLst>
            <pc:docMk/>
            <pc:sldMk cId="3889859872" sldId="288"/>
            <ac:spMk id="57" creationId="{FE54AADB-50C7-4293-94C0-27361A32B8CF}"/>
          </ac:spMkLst>
        </pc:spChg>
        <pc:spChg chg="add del">
          <ac:chgData name="Roger Cai" userId="22586480-35c0-4c25-95bc-8c24c0c5dcbb" providerId="ADAL" clId="{1B36617D-CEC0-4258-B5EC-1AF91E651E77}" dt="2023-10-03T20:39:36.465" v="11004" actId="26606"/>
          <ac:spMkLst>
            <pc:docMk/>
            <pc:sldMk cId="3889859872" sldId="288"/>
            <ac:spMk id="58" creationId="{664E23E2-7440-4E36-A67B-0F88C5F7E185}"/>
          </ac:spMkLst>
        </pc:spChg>
        <pc:spChg chg="add del">
          <ac:chgData name="Roger Cai" userId="22586480-35c0-4c25-95bc-8c24c0c5dcbb" providerId="ADAL" clId="{1B36617D-CEC0-4258-B5EC-1AF91E651E77}" dt="2023-10-03T20:39:36.465" v="11004" actId="26606"/>
          <ac:spMkLst>
            <pc:docMk/>
            <pc:sldMk cId="3889859872" sldId="288"/>
            <ac:spMk id="59" creationId="{B06949AE-010D-4C18-8AED-7872085ADD57}"/>
          </ac:spMkLst>
        </pc:spChg>
        <pc:spChg chg="add del">
          <ac:chgData name="Roger Cai" userId="22586480-35c0-4c25-95bc-8c24c0c5dcbb" providerId="ADAL" clId="{1B36617D-CEC0-4258-B5EC-1AF91E651E77}" dt="2023-10-03T20:39:36.465" v="11004" actId="26606"/>
          <ac:spMkLst>
            <pc:docMk/>
            <pc:sldMk cId="3889859872" sldId="288"/>
            <ac:spMk id="60" creationId="{FE54AADB-50C7-4293-94C0-27361A32B8CF}"/>
          </ac:spMkLst>
        </pc:spChg>
        <pc:spChg chg="add del">
          <ac:chgData name="Roger Cai" userId="22586480-35c0-4c25-95bc-8c24c0c5dcbb" providerId="ADAL" clId="{1B36617D-CEC0-4258-B5EC-1AF91E651E77}" dt="2023-10-03T20:39:37.775" v="11006" actId="26606"/>
          <ac:spMkLst>
            <pc:docMk/>
            <pc:sldMk cId="3889859872" sldId="288"/>
            <ac:spMk id="62" creationId="{A169D286-F4D7-4C8B-A6BD-D05384C7F1D8}"/>
          </ac:spMkLst>
        </pc:spChg>
        <pc:spChg chg="add del">
          <ac:chgData name="Roger Cai" userId="22586480-35c0-4c25-95bc-8c24c0c5dcbb" providerId="ADAL" clId="{1B36617D-CEC0-4258-B5EC-1AF91E651E77}" dt="2023-10-03T20:39:37.775" v="11006" actId="26606"/>
          <ac:spMkLst>
            <pc:docMk/>
            <pc:sldMk cId="3889859872" sldId="288"/>
            <ac:spMk id="63" creationId="{39E8235E-135E-4261-8F54-2B316E493C42}"/>
          </ac:spMkLst>
        </pc:spChg>
        <pc:spChg chg="add del">
          <ac:chgData name="Roger Cai" userId="22586480-35c0-4c25-95bc-8c24c0c5dcbb" providerId="ADAL" clId="{1B36617D-CEC0-4258-B5EC-1AF91E651E77}" dt="2023-10-03T20:39:37.775" v="11006" actId="26606"/>
          <ac:spMkLst>
            <pc:docMk/>
            <pc:sldMk cId="3889859872" sldId="288"/>
            <ac:spMk id="64" creationId="{D4ED8EC3-4D57-4620-93CE-4E6661F09A3E}"/>
          </ac:spMkLst>
        </pc:spChg>
        <pc:spChg chg="add del">
          <ac:chgData name="Roger Cai" userId="22586480-35c0-4c25-95bc-8c24c0c5dcbb" providerId="ADAL" clId="{1B36617D-CEC0-4258-B5EC-1AF91E651E77}" dt="2023-10-03T20:39:37.775" v="11006" actId="26606"/>
          <ac:spMkLst>
            <pc:docMk/>
            <pc:sldMk cId="3889859872" sldId="288"/>
            <ac:spMk id="65" creationId="{83BCB34A-2F40-4F41-8488-A134C1C155B7}"/>
          </ac:spMkLst>
        </pc:spChg>
        <pc:spChg chg="add del">
          <ac:chgData name="Roger Cai" userId="22586480-35c0-4c25-95bc-8c24c0c5dcbb" providerId="ADAL" clId="{1B36617D-CEC0-4258-B5EC-1AF91E651E77}" dt="2023-10-03T20:39:37.775" v="11006" actId="26606"/>
          <ac:spMkLst>
            <pc:docMk/>
            <pc:sldMk cId="3889859872" sldId="288"/>
            <ac:spMk id="66" creationId="{F78382DC-4207-465E-B379-1E16448AA222}"/>
          </ac:spMkLst>
        </pc:spChg>
        <pc:picChg chg="add mod ord">
          <ac:chgData name="Roger Cai" userId="22586480-35c0-4c25-95bc-8c24c0c5dcbb" providerId="ADAL" clId="{1B36617D-CEC0-4258-B5EC-1AF91E651E77}" dt="2023-10-03T20:40:11.116" v="11018" actId="1076"/>
          <ac:picMkLst>
            <pc:docMk/>
            <pc:sldMk cId="3889859872" sldId="288"/>
            <ac:picMk id="11" creationId="{196B7BED-6D41-BE66-D309-E1BFEF691C41}"/>
          </ac:picMkLst>
        </pc:picChg>
        <pc:picChg chg="add mod ord">
          <ac:chgData name="Roger Cai" userId="22586480-35c0-4c25-95bc-8c24c0c5dcbb" providerId="ADAL" clId="{1B36617D-CEC0-4258-B5EC-1AF91E651E77}" dt="2023-10-03T20:40:20.557" v="11019" actId="1076"/>
          <ac:picMkLst>
            <pc:docMk/>
            <pc:sldMk cId="3889859872" sldId="288"/>
            <ac:picMk id="13" creationId="{1A75E8E1-7041-B05D-1A0B-2FED3FAA47DD}"/>
          </ac:picMkLst>
        </pc:picChg>
        <pc:cxnChg chg="add del">
          <ac:chgData name="Roger Cai" userId="22586480-35c0-4c25-95bc-8c24c0c5dcbb" providerId="ADAL" clId="{1B36617D-CEC0-4258-B5EC-1AF91E651E77}" dt="2023-10-03T20:39:42.467" v="11013" actId="26606"/>
          <ac:cxnSpMkLst>
            <pc:docMk/>
            <pc:sldMk cId="3889859872" sldId="288"/>
            <ac:cxnSpMk id="37" creationId="{8C730EAB-A532-4295-A302-FB4B90DB9F5E}"/>
          </ac:cxnSpMkLst>
        </pc:cxnChg>
        <pc:cxnChg chg="add del">
          <ac:chgData name="Roger Cai" userId="22586480-35c0-4c25-95bc-8c24c0c5dcbb" providerId="ADAL" clId="{1B36617D-CEC0-4258-B5EC-1AF91E651E77}" dt="2023-10-03T20:39:40.865" v="11010" actId="26606"/>
          <ac:cxnSpMkLst>
            <pc:docMk/>
            <pc:sldMk cId="3889859872" sldId="288"/>
            <ac:cxnSpMk id="39" creationId="{1C6AAE25-BD23-41B5-AAE4-1DA5898C2ADB}"/>
          </ac:cxnSpMkLst>
        </pc:cxnChg>
        <pc:cxnChg chg="add del">
          <ac:chgData name="Roger Cai" userId="22586480-35c0-4c25-95bc-8c24c0c5dcbb" providerId="ADAL" clId="{1B36617D-CEC0-4258-B5EC-1AF91E651E77}" dt="2023-10-03T20:39:42.467" v="11012" actId="26606"/>
          <ac:cxnSpMkLst>
            <pc:docMk/>
            <pc:sldMk cId="3889859872" sldId="288"/>
            <ac:cxnSpMk id="47" creationId="{02E9B2EE-76CA-47F3-9977-3F2FCB7FD252}"/>
          </ac:cxnSpMkLst>
        </pc:cxnChg>
        <pc:cxnChg chg="add del">
          <ac:chgData name="Roger Cai" userId="22586480-35c0-4c25-95bc-8c24c0c5dcbb" providerId="ADAL" clId="{1B36617D-CEC0-4258-B5EC-1AF91E651E77}" dt="2023-10-03T20:39:27.630" v="10998" actId="26606"/>
          <ac:cxnSpMkLst>
            <pc:docMk/>
            <pc:sldMk cId="3889859872" sldId="288"/>
            <ac:cxnSpMk id="48" creationId="{02E9B2EE-76CA-47F3-9977-3F2FCB7FD252}"/>
          </ac:cxnSpMkLst>
        </pc:cxnChg>
      </pc:sldChg>
      <pc:sldChg chg="addSp delSp modSp add mod ord">
        <pc:chgData name="Roger Cai" userId="22586480-35c0-4c25-95bc-8c24c0c5dcbb" providerId="ADAL" clId="{1B36617D-CEC0-4258-B5EC-1AF91E651E77}" dt="2023-10-03T20:34:10.854" v="10986" actId="20577"/>
        <pc:sldMkLst>
          <pc:docMk/>
          <pc:sldMk cId="1108372282" sldId="289"/>
        </pc:sldMkLst>
        <pc:spChg chg="add mod">
          <ac:chgData name="Roger Cai" userId="22586480-35c0-4c25-95bc-8c24c0c5dcbb" providerId="ADAL" clId="{1B36617D-CEC0-4258-B5EC-1AF91E651E77}" dt="2023-10-03T20:34:10.854" v="10986" actId="20577"/>
          <ac:spMkLst>
            <pc:docMk/>
            <pc:sldMk cId="1108372282" sldId="289"/>
            <ac:spMk id="2" creationId="{788C2420-CF1B-DA54-4BF5-F9859FFFB9AC}"/>
          </ac:spMkLst>
        </pc:spChg>
        <pc:spChg chg="mod">
          <ac:chgData name="Roger Cai" userId="22586480-35c0-4c25-95bc-8c24c0c5dcbb" providerId="ADAL" clId="{1B36617D-CEC0-4258-B5EC-1AF91E651E77}" dt="2023-10-03T20:32:42.971" v="10929" actId="14100"/>
          <ac:spMkLst>
            <pc:docMk/>
            <pc:sldMk cId="1108372282" sldId="289"/>
            <ac:spMk id="5" creationId="{19FF3EA2-44AF-4D34-4EEE-7F75ACBD7298}"/>
          </ac:spMkLst>
        </pc:spChg>
        <pc:spChg chg="del">
          <ac:chgData name="Roger Cai" userId="22586480-35c0-4c25-95bc-8c24c0c5dcbb" providerId="ADAL" clId="{1B36617D-CEC0-4258-B5EC-1AF91E651E77}" dt="2023-10-03T20:32:45.310" v="10930" actId="478"/>
          <ac:spMkLst>
            <pc:docMk/>
            <pc:sldMk cId="1108372282" sldId="289"/>
            <ac:spMk id="7" creationId="{0AB4D068-D909-21E9-5052-A75F75785863}"/>
          </ac:spMkLst>
        </pc:spChg>
        <pc:spChg chg="del mod">
          <ac:chgData name="Roger Cai" userId="22586480-35c0-4c25-95bc-8c24c0c5dcbb" providerId="ADAL" clId="{1B36617D-CEC0-4258-B5EC-1AF91E651E77}" dt="2023-10-03T20:32:50.090" v="10933" actId="478"/>
          <ac:spMkLst>
            <pc:docMk/>
            <pc:sldMk cId="1108372282" sldId="289"/>
            <ac:spMk id="9" creationId="{8654F508-8086-9DBB-7B21-73B5D1EB596F}"/>
          </ac:spMkLst>
        </pc:spChg>
        <pc:spChg chg="del">
          <ac:chgData name="Roger Cai" userId="22586480-35c0-4c25-95bc-8c24c0c5dcbb" providerId="ADAL" clId="{1B36617D-CEC0-4258-B5EC-1AF91E651E77}" dt="2023-10-03T20:32:47.684" v="10931" actId="478"/>
          <ac:spMkLst>
            <pc:docMk/>
            <pc:sldMk cId="1108372282" sldId="289"/>
            <ac:spMk id="12" creationId="{18907627-D906-B81D-98AE-FC9A7EC8FE2A}"/>
          </ac:spMkLst>
        </pc:spChg>
        <pc:spChg chg="del">
          <ac:chgData name="Roger Cai" userId="22586480-35c0-4c25-95bc-8c24c0c5dcbb" providerId="ADAL" clId="{1B36617D-CEC0-4258-B5EC-1AF91E651E77}" dt="2023-10-03T20:32:47.684" v="10931" actId="478"/>
          <ac:spMkLst>
            <pc:docMk/>
            <pc:sldMk cId="1108372282" sldId="289"/>
            <ac:spMk id="13" creationId="{D5A3B89C-E11E-60B5-64CC-3AE9A7D3FDDC}"/>
          </ac:spMkLst>
        </pc:spChg>
        <pc:spChg chg="del">
          <ac:chgData name="Roger Cai" userId="22586480-35c0-4c25-95bc-8c24c0c5dcbb" providerId="ADAL" clId="{1B36617D-CEC0-4258-B5EC-1AF91E651E77}" dt="2023-10-03T20:32:47.684" v="10931" actId="478"/>
          <ac:spMkLst>
            <pc:docMk/>
            <pc:sldMk cId="1108372282" sldId="289"/>
            <ac:spMk id="14" creationId="{0F38C65E-3D9C-33F3-C23E-9AFA82F1B83E}"/>
          </ac:spMkLst>
        </pc:spChg>
        <pc:spChg chg="del">
          <ac:chgData name="Roger Cai" userId="22586480-35c0-4c25-95bc-8c24c0c5dcbb" providerId="ADAL" clId="{1B36617D-CEC0-4258-B5EC-1AF91E651E77}" dt="2023-10-03T20:32:50.909" v="10934" actId="478"/>
          <ac:spMkLst>
            <pc:docMk/>
            <pc:sldMk cId="1108372282" sldId="289"/>
            <ac:spMk id="15" creationId="{30EC50EC-5AF9-E285-0F04-AA2779498552}"/>
          </ac:spMkLst>
        </pc:spChg>
        <pc:spChg chg="del">
          <ac:chgData name="Roger Cai" userId="22586480-35c0-4c25-95bc-8c24c0c5dcbb" providerId="ADAL" clId="{1B36617D-CEC0-4258-B5EC-1AF91E651E77}" dt="2023-10-03T20:32:47.684" v="10931" actId="478"/>
          <ac:spMkLst>
            <pc:docMk/>
            <pc:sldMk cId="1108372282" sldId="289"/>
            <ac:spMk id="16" creationId="{F9D3B7CC-4E09-65DA-4371-3C15A812CBAC}"/>
          </ac:spMkLst>
        </pc:spChg>
        <pc:spChg chg="del">
          <ac:chgData name="Roger Cai" userId="22586480-35c0-4c25-95bc-8c24c0c5dcbb" providerId="ADAL" clId="{1B36617D-CEC0-4258-B5EC-1AF91E651E77}" dt="2023-10-03T20:32:47.684" v="10931" actId="478"/>
          <ac:spMkLst>
            <pc:docMk/>
            <pc:sldMk cId="1108372282" sldId="289"/>
            <ac:spMk id="17" creationId="{6547C0F9-3521-37B0-ACCA-9F7834C56AF9}"/>
          </ac:spMkLst>
        </pc:spChg>
        <pc:spChg chg="del">
          <ac:chgData name="Roger Cai" userId="22586480-35c0-4c25-95bc-8c24c0c5dcbb" providerId="ADAL" clId="{1B36617D-CEC0-4258-B5EC-1AF91E651E77}" dt="2023-10-03T20:32:47.684" v="10931" actId="478"/>
          <ac:spMkLst>
            <pc:docMk/>
            <pc:sldMk cId="1108372282" sldId="289"/>
            <ac:spMk id="18" creationId="{F4E1A4A7-93C0-864B-C5C7-D8C542B38C4C}"/>
          </ac:spMkLst>
        </pc:spChg>
        <pc:picChg chg="add mod">
          <ac:chgData name="Roger Cai" userId="22586480-35c0-4c25-95bc-8c24c0c5dcbb" providerId="ADAL" clId="{1B36617D-CEC0-4258-B5EC-1AF91E651E77}" dt="2023-10-03T20:33:48.731" v="10981" actId="1076"/>
          <ac:picMkLst>
            <pc:docMk/>
            <pc:sldMk cId="1108372282" sldId="289"/>
            <ac:picMk id="4" creationId="{60792E64-3DA6-6198-3145-FF4DC6AD3B07}"/>
          </ac:picMkLst>
        </pc:picChg>
        <pc:picChg chg="del">
          <ac:chgData name="Roger Cai" userId="22586480-35c0-4c25-95bc-8c24c0c5dcbb" providerId="ADAL" clId="{1B36617D-CEC0-4258-B5EC-1AF91E651E77}" dt="2023-10-03T20:32:47.684" v="10931" actId="478"/>
          <ac:picMkLst>
            <pc:docMk/>
            <pc:sldMk cId="1108372282" sldId="289"/>
            <ac:picMk id="19" creationId="{49641C90-9CEF-09A6-1D86-5DA609DA5407}"/>
          </ac:picMkLst>
        </pc:picChg>
      </pc:sldChg>
      <pc:sldChg chg="addSp delSp modSp add mod setBg">
        <pc:chgData name="Roger Cai" userId="22586480-35c0-4c25-95bc-8c24c0c5dcbb" providerId="ADAL" clId="{1B36617D-CEC0-4258-B5EC-1AF91E651E77}" dt="2023-10-04T19:21:48.841" v="12108" actId="1076"/>
        <pc:sldMkLst>
          <pc:docMk/>
          <pc:sldMk cId="3204087875" sldId="290"/>
        </pc:sldMkLst>
        <pc:spChg chg="del">
          <ac:chgData name="Roger Cai" userId="22586480-35c0-4c25-95bc-8c24c0c5dcbb" providerId="ADAL" clId="{1B36617D-CEC0-4258-B5EC-1AF91E651E77}" dt="2023-10-03T23:51:14.247" v="11136" actId="478"/>
          <ac:spMkLst>
            <pc:docMk/>
            <pc:sldMk cId="3204087875" sldId="290"/>
            <ac:spMk id="2" creationId="{788C2420-CF1B-DA54-4BF5-F9859FFFB9AC}"/>
          </ac:spMkLst>
        </pc:spChg>
        <pc:spChg chg="mod">
          <ac:chgData name="Roger Cai" userId="22586480-35c0-4c25-95bc-8c24c0c5dcbb" providerId="ADAL" clId="{1B36617D-CEC0-4258-B5EC-1AF91E651E77}" dt="2023-10-04T00:27:20.117" v="11554" actId="26606"/>
          <ac:spMkLst>
            <pc:docMk/>
            <pc:sldMk cId="3204087875" sldId="290"/>
            <ac:spMk id="5" creationId="{19FF3EA2-44AF-4D34-4EEE-7F75ACBD7298}"/>
          </ac:spMkLst>
        </pc:spChg>
        <pc:spChg chg="add mod">
          <ac:chgData name="Roger Cai" userId="22586480-35c0-4c25-95bc-8c24c0c5dcbb" providerId="ADAL" clId="{1B36617D-CEC0-4258-B5EC-1AF91E651E77}" dt="2023-10-04T00:27:20.117" v="11554" actId="26606"/>
          <ac:spMkLst>
            <pc:docMk/>
            <pc:sldMk cId="3204087875" sldId="290"/>
            <ac:spMk id="6" creationId="{66A0D2AD-542C-673B-C6CF-1E12E53F87B0}"/>
          </ac:spMkLst>
        </pc:spChg>
        <pc:spChg chg="add del mod">
          <ac:chgData name="Roger Cai" userId="22586480-35c0-4c25-95bc-8c24c0c5dcbb" providerId="ADAL" clId="{1B36617D-CEC0-4258-B5EC-1AF91E651E77}" dt="2023-10-04T19:20:34.995" v="12074" actId="403"/>
          <ac:spMkLst>
            <pc:docMk/>
            <pc:sldMk cId="3204087875" sldId="290"/>
            <ac:spMk id="8" creationId="{DD86999B-4DCF-D0B3-BE07-468DD003CAF1}"/>
          </ac:spMkLst>
        </pc:spChg>
        <pc:spChg chg="add del mod">
          <ac:chgData name="Roger Cai" userId="22586480-35c0-4c25-95bc-8c24c0c5dcbb" providerId="ADAL" clId="{1B36617D-CEC0-4258-B5EC-1AF91E651E77}" dt="2023-10-04T19:21:46.132" v="12107" actId="1076"/>
          <ac:spMkLst>
            <pc:docMk/>
            <pc:sldMk cId="3204087875" sldId="290"/>
            <ac:spMk id="9" creationId="{2ACD3E5C-80BC-D36E-A6B8-4C3F289A2935}"/>
          </ac:spMkLst>
        </pc:spChg>
        <pc:spChg chg="add del mod">
          <ac:chgData name="Roger Cai" userId="22586480-35c0-4c25-95bc-8c24c0c5dcbb" providerId="ADAL" clId="{1B36617D-CEC0-4258-B5EC-1AF91E651E77}" dt="2023-10-04T19:21:48.841" v="12108" actId="1076"/>
          <ac:spMkLst>
            <pc:docMk/>
            <pc:sldMk cId="3204087875" sldId="290"/>
            <ac:spMk id="10" creationId="{020CE43C-11C1-5D0E-DD0B-B96435AA9356}"/>
          </ac:spMkLst>
        </pc:spChg>
        <pc:spChg chg="add del">
          <ac:chgData name="Roger Cai" userId="22586480-35c0-4c25-95bc-8c24c0c5dcbb" providerId="ADAL" clId="{1B36617D-CEC0-4258-B5EC-1AF91E651E77}" dt="2023-10-04T00:27:11.964" v="11549" actId="26606"/>
          <ac:spMkLst>
            <pc:docMk/>
            <pc:sldMk cId="3204087875" sldId="290"/>
            <ac:spMk id="15" creationId="{A4AC5506-6312-4701-8D3C-40187889A947}"/>
          </ac:spMkLst>
        </pc:spChg>
        <pc:spChg chg="add del">
          <ac:chgData name="Roger Cai" userId="22586480-35c0-4c25-95bc-8c24c0c5dcbb" providerId="ADAL" clId="{1B36617D-CEC0-4258-B5EC-1AF91E651E77}" dt="2023-10-04T00:27:17.656" v="11551" actId="26606"/>
          <ac:spMkLst>
            <pc:docMk/>
            <pc:sldMk cId="3204087875" sldId="290"/>
            <ac:spMk id="17" creationId="{DFCA2118-59A2-4310-A4B2-F2CBA821E842}"/>
          </ac:spMkLst>
        </pc:spChg>
        <pc:spChg chg="add del">
          <ac:chgData name="Roger Cai" userId="22586480-35c0-4c25-95bc-8c24c0c5dcbb" providerId="ADAL" clId="{1B36617D-CEC0-4258-B5EC-1AF91E651E77}" dt="2023-10-04T00:27:17.656" v="11551" actId="26606"/>
          <ac:spMkLst>
            <pc:docMk/>
            <pc:sldMk cId="3204087875" sldId="290"/>
            <ac:spMk id="18" creationId="{0E91F5CA-B392-444C-88E3-BF5BAAEBDEB0}"/>
          </ac:spMkLst>
        </pc:spChg>
        <pc:spChg chg="add del">
          <ac:chgData name="Roger Cai" userId="22586480-35c0-4c25-95bc-8c24c0c5dcbb" providerId="ADAL" clId="{1B36617D-CEC0-4258-B5EC-1AF91E651E77}" dt="2023-10-04T00:27:20.005" v="11553" actId="26606"/>
          <ac:spMkLst>
            <pc:docMk/>
            <pc:sldMk cId="3204087875" sldId="290"/>
            <ac:spMk id="19" creationId="{402F5C38-C747-4173-ABBF-656E39E82130}"/>
          </ac:spMkLst>
        </pc:spChg>
        <pc:spChg chg="add del">
          <ac:chgData name="Roger Cai" userId="22586480-35c0-4c25-95bc-8c24c0c5dcbb" providerId="ADAL" clId="{1B36617D-CEC0-4258-B5EC-1AF91E651E77}" dt="2023-10-04T00:27:20.005" v="11553" actId="26606"/>
          <ac:spMkLst>
            <pc:docMk/>
            <pc:sldMk cId="3204087875" sldId="290"/>
            <ac:spMk id="20" creationId="{F0A604E4-7307-451C-93BE-F1F7E1BF3BF8}"/>
          </ac:spMkLst>
        </pc:spChg>
        <pc:spChg chg="add del">
          <ac:chgData name="Roger Cai" userId="22586480-35c0-4c25-95bc-8c24c0c5dcbb" providerId="ADAL" clId="{1B36617D-CEC0-4258-B5EC-1AF91E651E77}" dt="2023-10-04T00:27:20.005" v="11553" actId="26606"/>
          <ac:spMkLst>
            <pc:docMk/>
            <pc:sldMk cId="3204087875" sldId="290"/>
            <ac:spMk id="21" creationId="{E37EECFC-A684-4391-AE85-4CDAF5565F61}"/>
          </ac:spMkLst>
        </pc:spChg>
        <pc:spChg chg="add del">
          <ac:chgData name="Roger Cai" userId="22586480-35c0-4c25-95bc-8c24c0c5dcbb" providerId="ADAL" clId="{1B36617D-CEC0-4258-B5EC-1AF91E651E77}" dt="2023-10-04T00:27:20.005" v="11553" actId="26606"/>
          <ac:spMkLst>
            <pc:docMk/>
            <pc:sldMk cId="3204087875" sldId="290"/>
            <ac:spMk id="22" creationId="{F7F3A0AA-35E5-4085-942B-737839030604}"/>
          </ac:spMkLst>
        </pc:spChg>
        <pc:spChg chg="add">
          <ac:chgData name="Roger Cai" userId="22586480-35c0-4c25-95bc-8c24c0c5dcbb" providerId="ADAL" clId="{1B36617D-CEC0-4258-B5EC-1AF91E651E77}" dt="2023-10-04T00:27:20.117" v="11554" actId="26606"/>
          <ac:spMkLst>
            <pc:docMk/>
            <pc:sldMk cId="3204087875" sldId="290"/>
            <ac:spMk id="24" creationId="{E914257E-1E2A-4AC7-89EC-1FB65C9C0A0D}"/>
          </ac:spMkLst>
        </pc:spChg>
        <pc:spChg chg="add">
          <ac:chgData name="Roger Cai" userId="22586480-35c0-4c25-95bc-8c24c0c5dcbb" providerId="ADAL" clId="{1B36617D-CEC0-4258-B5EC-1AF91E651E77}" dt="2023-10-04T00:27:20.117" v="11554" actId="26606"/>
          <ac:spMkLst>
            <pc:docMk/>
            <pc:sldMk cId="3204087875" sldId="290"/>
            <ac:spMk id="25" creationId="{03E1C8F1-97F5-489C-8308-958F09657254}"/>
          </ac:spMkLst>
        </pc:spChg>
        <pc:spChg chg="add">
          <ac:chgData name="Roger Cai" userId="22586480-35c0-4c25-95bc-8c24c0c5dcbb" providerId="ADAL" clId="{1B36617D-CEC0-4258-B5EC-1AF91E651E77}" dt="2023-10-04T00:27:20.117" v="11554" actId="26606"/>
          <ac:spMkLst>
            <pc:docMk/>
            <pc:sldMk cId="3204087875" sldId="290"/>
            <ac:spMk id="26" creationId="{DEB62645-D4DA-4E99-8344-B1536F63D108}"/>
          </ac:spMkLst>
        </pc:spChg>
        <pc:picChg chg="del">
          <ac:chgData name="Roger Cai" userId="22586480-35c0-4c25-95bc-8c24c0c5dcbb" providerId="ADAL" clId="{1B36617D-CEC0-4258-B5EC-1AF91E651E77}" dt="2023-10-03T23:51:11.790" v="11135" actId="478"/>
          <ac:picMkLst>
            <pc:docMk/>
            <pc:sldMk cId="3204087875" sldId="290"/>
            <ac:picMk id="4" creationId="{60792E64-3DA6-6198-3145-FF4DC6AD3B07}"/>
          </ac:picMkLst>
        </pc:picChg>
      </pc:sldChg>
      <pc:sldChg chg="addSp delSp add del setBg delDesignElem">
        <pc:chgData name="Roger Cai" userId="22586480-35c0-4c25-95bc-8c24c0c5dcbb" providerId="ADAL" clId="{1B36617D-CEC0-4258-B5EC-1AF91E651E77}" dt="2023-10-04T00:28:12.573" v="11557"/>
        <pc:sldMkLst>
          <pc:docMk/>
          <pc:sldMk cId="466431649" sldId="291"/>
        </pc:sldMkLst>
        <pc:spChg chg="add del">
          <ac:chgData name="Roger Cai" userId="22586480-35c0-4c25-95bc-8c24c0c5dcbb" providerId="ADAL" clId="{1B36617D-CEC0-4258-B5EC-1AF91E651E77}" dt="2023-10-04T00:28:12.573" v="11557"/>
          <ac:spMkLst>
            <pc:docMk/>
            <pc:sldMk cId="466431649" sldId="291"/>
            <ac:spMk id="24" creationId="{E914257E-1E2A-4AC7-89EC-1FB65C9C0A0D}"/>
          </ac:spMkLst>
        </pc:spChg>
        <pc:spChg chg="add del">
          <ac:chgData name="Roger Cai" userId="22586480-35c0-4c25-95bc-8c24c0c5dcbb" providerId="ADAL" clId="{1B36617D-CEC0-4258-B5EC-1AF91E651E77}" dt="2023-10-04T00:28:12.573" v="11557"/>
          <ac:spMkLst>
            <pc:docMk/>
            <pc:sldMk cId="466431649" sldId="291"/>
            <ac:spMk id="25" creationId="{03E1C8F1-97F5-489C-8308-958F09657254}"/>
          </ac:spMkLst>
        </pc:spChg>
        <pc:spChg chg="add del">
          <ac:chgData name="Roger Cai" userId="22586480-35c0-4c25-95bc-8c24c0c5dcbb" providerId="ADAL" clId="{1B36617D-CEC0-4258-B5EC-1AF91E651E77}" dt="2023-10-04T00:28:12.573" v="11557"/>
          <ac:spMkLst>
            <pc:docMk/>
            <pc:sldMk cId="466431649" sldId="291"/>
            <ac:spMk id="26" creationId="{DEB62645-D4DA-4E99-8344-B1536F63D108}"/>
          </ac:spMkLst>
        </pc:spChg>
      </pc:sldChg>
      <pc:sldChg chg="addSp delSp modSp mod">
        <pc:chgData name="Roger Cai" userId="22586480-35c0-4c25-95bc-8c24c0c5dcbb" providerId="ADAL" clId="{1B36617D-CEC0-4258-B5EC-1AF91E651E77}" dt="2023-10-04T00:38:20.326" v="11662" actId="1076"/>
        <pc:sldMkLst>
          <pc:docMk/>
          <pc:sldMk cId="3666958688" sldId="291"/>
        </pc:sldMkLst>
        <pc:spChg chg="add del mod">
          <ac:chgData name="Roger Cai" userId="22586480-35c0-4c25-95bc-8c24c0c5dcbb" providerId="ADAL" clId="{1B36617D-CEC0-4258-B5EC-1AF91E651E77}" dt="2023-10-04T00:28:19.948" v="11559" actId="478"/>
          <ac:spMkLst>
            <pc:docMk/>
            <pc:sldMk cId="3666958688" sldId="291"/>
            <ac:spMk id="3" creationId="{F3382557-2805-8E2E-1EB8-79E05E3B5D45}"/>
          </ac:spMkLst>
        </pc:spChg>
        <pc:spChg chg="del">
          <ac:chgData name="Roger Cai" userId="22586480-35c0-4c25-95bc-8c24c0c5dcbb" providerId="ADAL" clId="{1B36617D-CEC0-4258-B5EC-1AF91E651E77}" dt="2023-10-04T00:28:18.406" v="11558" actId="478"/>
          <ac:spMkLst>
            <pc:docMk/>
            <pc:sldMk cId="3666958688" sldId="291"/>
            <ac:spMk id="5" creationId="{19FF3EA2-44AF-4D34-4EEE-7F75ACBD7298}"/>
          </ac:spMkLst>
        </pc:spChg>
        <pc:spChg chg="del">
          <ac:chgData name="Roger Cai" userId="22586480-35c0-4c25-95bc-8c24c0c5dcbb" providerId="ADAL" clId="{1B36617D-CEC0-4258-B5EC-1AF91E651E77}" dt="2023-10-04T00:28:22.680" v="11560" actId="478"/>
          <ac:spMkLst>
            <pc:docMk/>
            <pc:sldMk cId="3666958688" sldId="291"/>
            <ac:spMk id="6" creationId="{66A0D2AD-542C-673B-C6CF-1E12E53F87B0}"/>
          </ac:spMkLst>
        </pc:spChg>
        <pc:spChg chg="del">
          <ac:chgData name="Roger Cai" userId="22586480-35c0-4c25-95bc-8c24c0c5dcbb" providerId="ADAL" clId="{1B36617D-CEC0-4258-B5EC-1AF91E651E77}" dt="2023-10-04T00:28:25.743" v="11561" actId="478"/>
          <ac:spMkLst>
            <pc:docMk/>
            <pc:sldMk cId="3666958688" sldId="291"/>
            <ac:spMk id="8" creationId="{DD86999B-4DCF-D0B3-BE07-468DD003CAF1}"/>
          </ac:spMkLst>
        </pc:spChg>
        <pc:spChg chg="del">
          <ac:chgData name="Roger Cai" userId="22586480-35c0-4c25-95bc-8c24c0c5dcbb" providerId="ADAL" clId="{1B36617D-CEC0-4258-B5EC-1AF91E651E77}" dt="2023-10-04T00:28:25.743" v="11561" actId="478"/>
          <ac:spMkLst>
            <pc:docMk/>
            <pc:sldMk cId="3666958688" sldId="291"/>
            <ac:spMk id="9" creationId="{2ACD3E5C-80BC-D36E-A6B8-4C3F289A2935}"/>
          </ac:spMkLst>
        </pc:spChg>
        <pc:spChg chg="del">
          <ac:chgData name="Roger Cai" userId="22586480-35c0-4c25-95bc-8c24c0c5dcbb" providerId="ADAL" clId="{1B36617D-CEC0-4258-B5EC-1AF91E651E77}" dt="2023-10-04T00:28:25.743" v="11561" actId="478"/>
          <ac:spMkLst>
            <pc:docMk/>
            <pc:sldMk cId="3666958688" sldId="291"/>
            <ac:spMk id="10" creationId="{020CE43C-11C1-5D0E-DD0B-B96435AA9356}"/>
          </ac:spMkLst>
        </pc:spChg>
        <pc:spChg chg="add mod">
          <ac:chgData name="Roger Cai" userId="22586480-35c0-4c25-95bc-8c24c0c5dcbb" providerId="ADAL" clId="{1B36617D-CEC0-4258-B5EC-1AF91E651E77}" dt="2023-10-04T00:35:38.817" v="11656" actId="20577"/>
          <ac:spMkLst>
            <pc:docMk/>
            <pc:sldMk cId="3666958688" sldId="291"/>
            <ac:spMk id="17" creationId="{DB1473BB-ED3D-5B19-2B54-D5CF62D47672}"/>
          </ac:spMkLst>
        </pc:spChg>
        <pc:spChg chg="del">
          <ac:chgData name="Roger Cai" userId="22586480-35c0-4c25-95bc-8c24c0c5dcbb" providerId="ADAL" clId="{1B36617D-CEC0-4258-B5EC-1AF91E651E77}" dt="2023-10-04T00:30:46.214" v="11594" actId="26606"/>
          <ac:spMkLst>
            <pc:docMk/>
            <pc:sldMk cId="3666958688" sldId="291"/>
            <ac:spMk id="24" creationId="{E914257E-1E2A-4AC7-89EC-1FB65C9C0A0D}"/>
          </ac:spMkLst>
        </pc:spChg>
        <pc:spChg chg="del">
          <ac:chgData name="Roger Cai" userId="22586480-35c0-4c25-95bc-8c24c0c5dcbb" providerId="ADAL" clId="{1B36617D-CEC0-4258-B5EC-1AF91E651E77}" dt="2023-10-04T00:30:46.214" v="11594" actId="26606"/>
          <ac:spMkLst>
            <pc:docMk/>
            <pc:sldMk cId="3666958688" sldId="291"/>
            <ac:spMk id="25" creationId="{03E1C8F1-97F5-489C-8308-958F09657254}"/>
          </ac:spMkLst>
        </pc:spChg>
        <pc:spChg chg="del">
          <ac:chgData name="Roger Cai" userId="22586480-35c0-4c25-95bc-8c24c0c5dcbb" providerId="ADAL" clId="{1B36617D-CEC0-4258-B5EC-1AF91E651E77}" dt="2023-10-04T00:30:46.214" v="11594" actId="26606"/>
          <ac:spMkLst>
            <pc:docMk/>
            <pc:sldMk cId="3666958688" sldId="291"/>
            <ac:spMk id="26" creationId="{DEB62645-D4DA-4E99-8344-B1536F63D108}"/>
          </ac:spMkLst>
        </pc:spChg>
        <pc:spChg chg="add">
          <ac:chgData name="Roger Cai" userId="22586480-35c0-4c25-95bc-8c24c0c5dcbb" providerId="ADAL" clId="{1B36617D-CEC0-4258-B5EC-1AF91E651E77}" dt="2023-10-04T00:30:46.214" v="11594" actId="26606"/>
          <ac:spMkLst>
            <pc:docMk/>
            <pc:sldMk cId="3666958688" sldId="291"/>
            <ac:spMk id="31" creationId="{6F79B0DD-2C63-4EE5-804F-B8E391FC1E45}"/>
          </ac:spMkLst>
        </pc:spChg>
        <pc:spChg chg="add">
          <ac:chgData name="Roger Cai" userId="22586480-35c0-4c25-95bc-8c24c0c5dcbb" providerId="ADAL" clId="{1B36617D-CEC0-4258-B5EC-1AF91E651E77}" dt="2023-10-04T00:30:46.214" v="11594" actId="26606"/>
          <ac:spMkLst>
            <pc:docMk/>
            <pc:sldMk cId="3666958688" sldId="291"/>
            <ac:spMk id="33" creationId="{627DB8AB-CD55-4C8F-9043-52652B89231A}"/>
          </ac:spMkLst>
        </pc:spChg>
        <pc:spChg chg="add">
          <ac:chgData name="Roger Cai" userId="22586480-35c0-4c25-95bc-8c24c0c5dcbb" providerId="ADAL" clId="{1B36617D-CEC0-4258-B5EC-1AF91E651E77}" dt="2023-10-04T00:30:46.214" v="11594" actId="26606"/>
          <ac:spMkLst>
            <pc:docMk/>
            <pc:sldMk cId="3666958688" sldId="291"/>
            <ac:spMk id="35" creationId="{53059C5A-91CB-4024-9B4E-20082E25C70B}"/>
          </ac:spMkLst>
        </pc:spChg>
        <pc:spChg chg="add">
          <ac:chgData name="Roger Cai" userId="22586480-35c0-4c25-95bc-8c24c0c5dcbb" providerId="ADAL" clId="{1B36617D-CEC0-4258-B5EC-1AF91E651E77}" dt="2023-10-04T00:30:46.214" v="11594" actId="26606"/>
          <ac:spMkLst>
            <pc:docMk/>
            <pc:sldMk cId="3666958688" sldId="291"/>
            <ac:spMk id="37" creationId="{184884BF-A898-4EFF-9504-E13EBE3FF62E}"/>
          </ac:spMkLst>
        </pc:spChg>
        <pc:spChg chg="add">
          <ac:chgData name="Roger Cai" userId="22586480-35c0-4c25-95bc-8c24c0c5dcbb" providerId="ADAL" clId="{1B36617D-CEC0-4258-B5EC-1AF91E651E77}" dt="2023-10-04T00:30:46.214" v="11594" actId="26606"/>
          <ac:spMkLst>
            <pc:docMk/>
            <pc:sldMk cId="3666958688" sldId="291"/>
            <ac:spMk id="39" creationId="{7B32D337-FDA6-4468-ADB1-7038E5FC0BA9}"/>
          </ac:spMkLst>
        </pc:spChg>
        <pc:picChg chg="add mod">
          <ac:chgData name="Roger Cai" userId="22586480-35c0-4c25-95bc-8c24c0c5dcbb" providerId="ADAL" clId="{1B36617D-CEC0-4258-B5EC-1AF91E651E77}" dt="2023-10-04T00:38:08.646" v="11660" actId="14826"/>
          <ac:picMkLst>
            <pc:docMk/>
            <pc:sldMk cId="3666958688" sldId="291"/>
            <ac:picMk id="7" creationId="{7A18B6F8-543E-EF6A-5234-B3165055FCDC}"/>
          </ac:picMkLst>
        </pc:picChg>
        <pc:picChg chg="add del mod ord">
          <ac:chgData name="Roger Cai" userId="22586480-35c0-4c25-95bc-8c24c0c5dcbb" providerId="ADAL" clId="{1B36617D-CEC0-4258-B5EC-1AF91E651E77}" dt="2023-10-04T00:38:11.943" v="11661" actId="478"/>
          <ac:picMkLst>
            <pc:docMk/>
            <pc:sldMk cId="3666958688" sldId="291"/>
            <ac:picMk id="12" creationId="{5B9D2EC2-4824-29E9-D570-FA9202530C53}"/>
          </ac:picMkLst>
        </pc:picChg>
        <pc:picChg chg="add mod">
          <ac:chgData name="Roger Cai" userId="22586480-35c0-4c25-95bc-8c24c0c5dcbb" providerId="ADAL" clId="{1B36617D-CEC0-4258-B5EC-1AF91E651E77}" dt="2023-10-04T00:30:46.214" v="11594" actId="26606"/>
          <ac:picMkLst>
            <pc:docMk/>
            <pc:sldMk cId="3666958688" sldId="291"/>
            <ac:picMk id="14" creationId="{DBCC0082-516D-4655-5B0C-A563AB38FC92}"/>
          </ac:picMkLst>
        </pc:picChg>
        <pc:picChg chg="add mod">
          <ac:chgData name="Roger Cai" userId="22586480-35c0-4c25-95bc-8c24c0c5dcbb" providerId="ADAL" clId="{1B36617D-CEC0-4258-B5EC-1AF91E651E77}" dt="2023-10-04T00:30:46.214" v="11594" actId="26606"/>
          <ac:picMkLst>
            <pc:docMk/>
            <pc:sldMk cId="3666958688" sldId="291"/>
            <ac:picMk id="16" creationId="{DB1E8CF0-B5B2-5625-AEC7-11DDD0A3AA47}"/>
          </ac:picMkLst>
        </pc:picChg>
        <pc:picChg chg="add mod">
          <ac:chgData name="Roger Cai" userId="22586480-35c0-4c25-95bc-8c24c0c5dcbb" providerId="ADAL" clId="{1B36617D-CEC0-4258-B5EC-1AF91E651E77}" dt="2023-10-04T00:38:20.326" v="11662" actId="1076"/>
          <ac:picMkLst>
            <pc:docMk/>
            <pc:sldMk cId="3666958688" sldId="291"/>
            <ac:picMk id="18" creationId="{8E9011C6-5A05-1C4D-AEC9-A8A07130118F}"/>
          </ac:picMkLst>
        </pc:picChg>
      </pc:sldChg>
      <pc:sldChg chg="addSp delSp modSp mod">
        <pc:chgData name="Roger Cai" userId="22586480-35c0-4c25-95bc-8c24c0c5dcbb" providerId="ADAL" clId="{1B36617D-CEC0-4258-B5EC-1AF91E651E77}" dt="2023-10-04T00:35:46.577" v="11657"/>
        <pc:sldMkLst>
          <pc:docMk/>
          <pc:sldMk cId="4008372299" sldId="292"/>
        </pc:sldMkLst>
        <pc:spChg chg="add mod">
          <ac:chgData name="Roger Cai" userId="22586480-35c0-4c25-95bc-8c24c0c5dcbb" providerId="ADAL" clId="{1B36617D-CEC0-4258-B5EC-1AF91E651E77}" dt="2023-10-04T00:35:46.577" v="11657"/>
          <ac:spMkLst>
            <pc:docMk/>
            <pc:sldMk cId="4008372299" sldId="292"/>
            <ac:spMk id="11" creationId="{506DCCD9-0909-E6E0-04BC-6D65E4239D8E}"/>
          </ac:spMkLst>
        </pc:spChg>
        <pc:spChg chg="del">
          <ac:chgData name="Roger Cai" userId="22586480-35c0-4c25-95bc-8c24c0c5dcbb" providerId="ADAL" clId="{1B36617D-CEC0-4258-B5EC-1AF91E651E77}" dt="2023-10-04T00:32:34.330" v="11625" actId="26606"/>
          <ac:spMkLst>
            <pc:docMk/>
            <pc:sldMk cId="4008372299" sldId="292"/>
            <ac:spMk id="31" creationId="{6F79B0DD-2C63-4EE5-804F-B8E391FC1E45}"/>
          </ac:spMkLst>
        </pc:spChg>
        <pc:spChg chg="del">
          <ac:chgData name="Roger Cai" userId="22586480-35c0-4c25-95bc-8c24c0c5dcbb" providerId="ADAL" clId="{1B36617D-CEC0-4258-B5EC-1AF91E651E77}" dt="2023-10-04T00:32:34.330" v="11625" actId="26606"/>
          <ac:spMkLst>
            <pc:docMk/>
            <pc:sldMk cId="4008372299" sldId="292"/>
            <ac:spMk id="33" creationId="{627DB8AB-CD55-4C8F-9043-52652B89231A}"/>
          </ac:spMkLst>
        </pc:spChg>
        <pc:spChg chg="del">
          <ac:chgData name="Roger Cai" userId="22586480-35c0-4c25-95bc-8c24c0c5dcbb" providerId="ADAL" clId="{1B36617D-CEC0-4258-B5EC-1AF91E651E77}" dt="2023-10-04T00:32:34.330" v="11625" actId="26606"/>
          <ac:spMkLst>
            <pc:docMk/>
            <pc:sldMk cId="4008372299" sldId="292"/>
            <ac:spMk id="35" creationId="{53059C5A-91CB-4024-9B4E-20082E25C70B}"/>
          </ac:spMkLst>
        </pc:spChg>
        <pc:spChg chg="del">
          <ac:chgData name="Roger Cai" userId="22586480-35c0-4c25-95bc-8c24c0c5dcbb" providerId="ADAL" clId="{1B36617D-CEC0-4258-B5EC-1AF91E651E77}" dt="2023-10-04T00:32:34.330" v="11625" actId="26606"/>
          <ac:spMkLst>
            <pc:docMk/>
            <pc:sldMk cId="4008372299" sldId="292"/>
            <ac:spMk id="37" creationId="{184884BF-A898-4EFF-9504-E13EBE3FF62E}"/>
          </ac:spMkLst>
        </pc:spChg>
        <pc:spChg chg="del">
          <ac:chgData name="Roger Cai" userId="22586480-35c0-4c25-95bc-8c24c0c5dcbb" providerId="ADAL" clId="{1B36617D-CEC0-4258-B5EC-1AF91E651E77}" dt="2023-10-04T00:32:34.330" v="11625" actId="26606"/>
          <ac:spMkLst>
            <pc:docMk/>
            <pc:sldMk cId="4008372299" sldId="292"/>
            <ac:spMk id="39" creationId="{7B32D337-FDA6-4468-ADB1-7038E5FC0BA9}"/>
          </ac:spMkLst>
        </pc:spChg>
        <pc:spChg chg="add">
          <ac:chgData name="Roger Cai" userId="22586480-35c0-4c25-95bc-8c24c0c5dcbb" providerId="ADAL" clId="{1B36617D-CEC0-4258-B5EC-1AF91E651E77}" dt="2023-10-04T00:32:34.330" v="11625" actId="26606"/>
          <ac:spMkLst>
            <pc:docMk/>
            <pc:sldMk cId="4008372299" sldId="292"/>
            <ac:spMk id="44" creationId="{6F79B0DD-2C63-4EE5-804F-B8E391FC1E45}"/>
          </ac:spMkLst>
        </pc:spChg>
        <pc:spChg chg="add">
          <ac:chgData name="Roger Cai" userId="22586480-35c0-4c25-95bc-8c24c0c5dcbb" providerId="ADAL" clId="{1B36617D-CEC0-4258-B5EC-1AF91E651E77}" dt="2023-10-04T00:32:34.330" v="11625" actId="26606"/>
          <ac:spMkLst>
            <pc:docMk/>
            <pc:sldMk cId="4008372299" sldId="292"/>
            <ac:spMk id="46" creationId="{627DB8AB-CD55-4C8F-9043-52652B89231A}"/>
          </ac:spMkLst>
        </pc:spChg>
        <pc:spChg chg="add">
          <ac:chgData name="Roger Cai" userId="22586480-35c0-4c25-95bc-8c24c0c5dcbb" providerId="ADAL" clId="{1B36617D-CEC0-4258-B5EC-1AF91E651E77}" dt="2023-10-04T00:32:34.330" v="11625" actId="26606"/>
          <ac:spMkLst>
            <pc:docMk/>
            <pc:sldMk cId="4008372299" sldId="292"/>
            <ac:spMk id="48" creationId="{53059C5A-91CB-4024-9B4E-20082E25C70B}"/>
          </ac:spMkLst>
        </pc:spChg>
        <pc:spChg chg="add">
          <ac:chgData name="Roger Cai" userId="22586480-35c0-4c25-95bc-8c24c0c5dcbb" providerId="ADAL" clId="{1B36617D-CEC0-4258-B5EC-1AF91E651E77}" dt="2023-10-04T00:32:34.330" v="11625" actId="26606"/>
          <ac:spMkLst>
            <pc:docMk/>
            <pc:sldMk cId="4008372299" sldId="292"/>
            <ac:spMk id="50" creationId="{184884BF-A898-4EFF-9504-E13EBE3FF62E}"/>
          </ac:spMkLst>
        </pc:spChg>
        <pc:spChg chg="add">
          <ac:chgData name="Roger Cai" userId="22586480-35c0-4c25-95bc-8c24c0c5dcbb" providerId="ADAL" clId="{1B36617D-CEC0-4258-B5EC-1AF91E651E77}" dt="2023-10-04T00:32:34.330" v="11625" actId="26606"/>
          <ac:spMkLst>
            <pc:docMk/>
            <pc:sldMk cId="4008372299" sldId="292"/>
            <ac:spMk id="52" creationId="{7B32D337-FDA6-4468-ADB1-7038E5FC0BA9}"/>
          </ac:spMkLst>
        </pc:spChg>
        <pc:picChg chg="add mod ord">
          <ac:chgData name="Roger Cai" userId="22586480-35c0-4c25-95bc-8c24c0c5dcbb" providerId="ADAL" clId="{1B36617D-CEC0-4258-B5EC-1AF91E651E77}" dt="2023-10-04T00:32:34.330" v="11625" actId="26606"/>
          <ac:picMkLst>
            <pc:docMk/>
            <pc:sldMk cId="4008372299" sldId="292"/>
            <ac:picMk id="3" creationId="{6140E428-D1EC-7278-838A-18F2C91390D8}"/>
          </ac:picMkLst>
        </pc:picChg>
        <pc:picChg chg="add mod">
          <ac:chgData name="Roger Cai" userId="22586480-35c0-4c25-95bc-8c24c0c5dcbb" providerId="ADAL" clId="{1B36617D-CEC0-4258-B5EC-1AF91E651E77}" dt="2023-10-04T00:32:34.330" v="11625" actId="26606"/>
          <ac:picMkLst>
            <pc:docMk/>
            <pc:sldMk cId="4008372299" sldId="292"/>
            <ac:picMk id="5" creationId="{1D343501-BAA2-9357-32A7-16C107F31902}"/>
          </ac:picMkLst>
        </pc:picChg>
        <pc:picChg chg="del">
          <ac:chgData name="Roger Cai" userId="22586480-35c0-4c25-95bc-8c24c0c5dcbb" providerId="ADAL" clId="{1B36617D-CEC0-4258-B5EC-1AF91E651E77}" dt="2023-10-04T00:31:18.970" v="11595" actId="478"/>
          <ac:picMkLst>
            <pc:docMk/>
            <pc:sldMk cId="4008372299" sldId="292"/>
            <ac:picMk id="7" creationId="{7A18B6F8-543E-EF6A-5234-B3165055FCDC}"/>
          </ac:picMkLst>
        </pc:picChg>
        <pc:picChg chg="add mod">
          <ac:chgData name="Roger Cai" userId="22586480-35c0-4c25-95bc-8c24c0c5dcbb" providerId="ADAL" clId="{1B36617D-CEC0-4258-B5EC-1AF91E651E77}" dt="2023-10-04T00:32:34.330" v="11625" actId="26606"/>
          <ac:picMkLst>
            <pc:docMk/>
            <pc:sldMk cId="4008372299" sldId="292"/>
            <ac:picMk id="8" creationId="{645D742A-416E-E226-8874-4227C2B6292D}"/>
          </ac:picMkLst>
        </pc:picChg>
        <pc:picChg chg="add mod">
          <ac:chgData name="Roger Cai" userId="22586480-35c0-4c25-95bc-8c24c0c5dcbb" providerId="ADAL" clId="{1B36617D-CEC0-4258-B5EC-1AF91E651E77}" dt="2023-10-04T00:32:34.330" v="11625" actId="26606"/>
          <ac:picMkLst>
            <pc:docMk/>
            <pc:sldMk cId="4008372299" sldId="292"/>
            <ac:picMk id="10" creationId="{EDEEC8CE-CFEA-62DF-76EC-87A77F0F532D}"/>
          </ac:picMkLst>
        </pc:picChg>
        <pc:picChg chg="del">
          <ac:chgData name="Roger Cai" userId="22586480-35c0-4c25-95bc-8c24c0c5dcbb" providerId="ADAL" clId="{1B36617D-CEC0-4258-B5EC-1AF91E651E77}" dt="2023-10-04T00:32:29.049" v="11620" actId="478"/>
          <ac:picMkLst>
            <pc:docMk/>
            <pc:sldMk cId="4008372299" sldId="292"/>
            <ac:picMk id="12" creationId="{5B9D2EC2-4824-29E9-D570-FA9202530C53}"/>
          </ac:picMkLst>
        </pc:picChg>
        <pc:picChg chg="del">
          <ac:chgData name="Roger Cai" userId="22586480-35c0-4c25-95bc-8c24c0c5dcbb" providerId="ADAL" clId="{1B36617D-CEC0-4258-B5EC-1AF91E651E77}" dt="2023-10-04T00:31:58.670" v="11604" actId="478"/>
          <ac:picMkLst>
            <pc:docMk/>
            <pc:sldMk cId="4008372299" sldId="292"/>
            <ac:picMk id="14" creationId="{DBCC0082-516D-4655-5B0C-A563AB38FC92}"/>
          </ac:picMkLst>
        </pc:picChg>
        <pc:picChg chg="del">
          <ac:chgData name="Roger Cai" userId="22586480-35c0-4c25-95bc-8c24c0c5dcbb" providerId="ADAL" clId="{1B36617D-CEC0-4258-B5EC-1AF91E651E77}" dt="2023-10-04T00:32:09.702" v="11612" actId="478"/>
          <ac:picMkLst>
            <pc:docMk/>
            <pc:sldMk cId="4008372299" sldId="292"/>
            <ac:picMk id="16" creationId="{DB1E8CF0-B5B2-5625-AEC7-11DDD0A3AA47}"/>
          </ac:picMkLst>
        </pc:picChg>
      </pc:sldChg>
      <pc:sldChg chg="addSp delSp modSp new mod setBg">
        <pc:chgData name="Roger Cai" userId="22586480-35c0-4c25-95bc-8c24c0c5dcbb" providerId="ADAL" clId="{1B36617D-CEC0-4258-B5EC-1AF91E651E77}" dt="2023-10-04T01:01:59.960" v="11691" actId="1076"/>
        <pc:sldMkLst>
          <pc:docMk/>
          <pc:sldMk cId="3633188908" sldId="293"/>
        </pc:sldMkLst>
        <pc:spChg chg="del">
          <ac:chgData name="Roger Cai" userId="22586480-35c0-4c25-95bc-8c24c0c5dcbb" providerId="ADAL" clId="{1B36617D-CEC0-4258-B5EC-1AF91E651E77}" dt="2023-10-04T00:45:45.047" v="11664" actId="478"/>
          <ac:spMkLst>
            <pc:docMk/>
            <pc:sldMk cId="3633188908" sldId="293"/>
            <ac:spMk id="2" creationId="{3B1DAF1C-1A04-C176-D736-3F06F4211ADB}"/>
          </ac:spMkLst>
        </pc:spChg>
        <pc:spChg chg="del">
          <ac:chgData name="Roger Cai" userId="22586480-35c0-4c25-95bc-8c24c0c5dcbb" providerId="ADAL" clId="{1B36617D-CEC0-4258-B5EC-1AF91E651E77}" dt="2023-10-04T00:45:47.593" v="11665" actId="478"/>
          <ac:spMkLst>
            <pc:docMk/>
            <pc:sldMk cId="3633188908" sldId="293"/>
            <ac:spMk id="3" creationId="{7C18B162-31CE-DECA-0175-24B3A781CA3B}"/>
          </ac:spMkLst>
        </pc:spChg>
        <pc:spChg chg="add mod">
          <ac:chgData name="Roger Cai" userId="22586480-35c0-4c25-95bc-8c24c0c5dcbb" providerId="ADAL" clId="{1B36617D-CEC0-4258-B5EC-1AF91E651E77}" dt="2023-10-04T01:01:59.960" v="11691" actId="1076"/>
          <ac:spMkLst>
            <pc:docMk/>
            <pc:sldMk cId="3633188908" sldId="293"/>
            <ac:spMk id="8" creationId="{9D59FC2C-9F38-0CC4-D9D1-6CD77D61DB5F}"/>
          </ac:spMkLst>
        </pc:spChg>
        <pc:spChg chg="add del">
          <ac:chgData name="Roger Cai" userId="22586480-35c0-4c25-95bc-8c24c0c5dcbb" providerId="ADAL" clId="{1B36617D-CEC0-4258-B5EC-1AF91E651E77}" dt="2023-10-04T00:47:00.371" v="11674" actId="26606"/>
          <ac:spMkLst>
            <pc:docMk/>
            <pc:sldMk cId="3633188908" sldId="293"/>
            <ac:spMk id="10" creationId="{B9FF99BD-075F-4761-A995-6FC574BD25EA}"/>
          </ac:spMkLst>
        </pc:spChg>
        <pc:spChg chg="add del">
          <ac:chgData name="Roger Cai" userId="22586480-35c0-4c25-95bc-8c24c0c5dcbb" providerId="ADAL" clId="{1B36617D-CEC0-4258-B5EC-1AF91E651E77}" dt="2023-10-04T00:47:00.371" v="11674" actId="26606"/>
          <ac:spMkLst>
            <pc:docMk/>
            <pc:sldMk cId="3633188908" sldId="293"/>
            <ac:spMk id="12" creationId="{A7B21A54-9BA3-4EA9-B460-5A829ADD9051}"/>
          </ac:spMkLst>
        </pc:spChg>
        <pc:spChg chg="add del">
          <ac:chgData name="Roger Cai" userId="22586480-35c0-4c25-95bc-8c24c0c5dcbb" providerId="ADAL" clId="{1B36617D-CEC0-4258-B5EC-1AF91E651E77}" dt="2023-10-04T00:47:00.371" v="11674" actId="26606"/>
          <ac:spMkLst>
            <pc:docMk/>
            <pc:sldMk cId="3633188908" sldId="293"/>
            <ac:spMk id="14" creationId="{6FA8F714-B9D8-488A-8CCA-E9948FF913A9}"/>
          </ac:spMkLst>
        </pc:spChg>
        <pc:spChg chg="add">
          <ac:chgData name="Roger Cai" userId="22586480-35c0-4c25-95bc-8c24c0c5dcbb" providerId="ADAL" clId="{1B36617D-CEC0-4258-B5EC-1AF91E651E77}" dt="2023-10-04T00:47:00.371" v="11674" actId="26606"/>
          <ac:spMkLst>
            <pc:docMk/>
            <pc:sldMk cId="3633188908" sldId="293"/>
            <ac:spMk id="19" creationId="{B9FF99BD-075F-4761-A995-6FC574BD25EA}"/>
          </ac:spMkLst>
        </pc:spChg>
        <pc:spChg chg="add">
          <ac:chgData name="Roger Cai" userId="22586480-35c0-4c25-95bc-8c24c0c5dcbb" providerId="ADAL" clId="{1B36617D-CEC0-4258-B5EC-1AF91E651E77}" dt="2023-10-04T00:47:00.371" v="11674" actId="26606"/>
          <ac:spMkLst>
            <pc:docMk/>
            <pc:sldMk cId="3633188908" sldId="293"/>
            <ac:spMk id="21" creationId="{A7B21A54-9BA3-4EA9-B460-5A829ADD9051}"/>
          </ac:spMkLst>
        </pc:spChg>
        <pc:spChg chg="add">
          <ac:chgData name="Roger Cai" userId="22586480-35c0-4c25-95bc-8c24c0c5dcbb" providerId="ADAL" clId="{1B36617D-CEC0-4258-B5EC-1AF91E651E77}" dt="2023-10-04T00:47:00.371" v="11674" actId="26606"/>
          <ac:spMkLst>
            <pc:docMk/>
            <pc:sldMk cId="3633188908" sldId="293"/>
            <ac:spMk id="23" creationId="{6FA8F714-B9D8-488A-8CCA-E9948FF913A9}"/>
          </ac:spMkLst>
        </pc:spChg>
        <pc:picChg chg="add del mod">
          <ac:chgData name="Roger Cai" userId="22586480-35c0-4c25-95bc-8c24c0c5dcbb" providerId="ADAL" clId="{1B36617D-CEC0-4258-B5EC-1AF91E651E77}" dt="2023-10-04T00:46:57.604" v="11670" actId="478"/>
          <ac:picMkLst>
            <pc:docMk/>
            <pc:sldMk cId="3633188908" sldId="293"/>
            <ac:picMk id="5" creationId="{A0F6C871-1A38-329E-ABD1-FB2BEF1B67BE}"/>
          </ac:picMkLst>
        </pc:picChg>
        <pc:picChg chg="add mod">
          <ac:chgData name="Roger Cai" userId="22586480-35c0-4c25-95bc-8c24c0c5dcbb" providerId="ADAL" clId="{1B36617D-CEC0-4258-B5EC-1AF91E651E77}" dt="2023-10-04T00:47:00.371" v="11674" actId="26606"/>
          <ac:picMkLst>
            <pc:docMk/>
            <pc:sldMk cId="3633188908" sldId="293"/>
            <ac:picMk id="7" creationId="{8984D370-03C4-ED32-E3BD-49FB8CEB5014}"/>
          </ac:picMkLst>
        </pc:picChg>
      </pc:sldChg>
      <pc:sldChg chg="addSp delSp modSp new mod setBg">
        <pc:chgData name="Roger Cai" userId="22586480-35c0-4c25-95bc-8c24c0c5dcbb" providerId="ADAL" clId="{1B36617D-CEC0-4258-B5EC-1AF91E651E77}" dt="2023-10-04T22:26:14.602" v="12383" actId="478"/>
        <pc:sldMkLst>
          <pc:docMk/>
          <pc:sldMk cId="3296348523" sldId="294"/>
        </pc:sldMkLst>
        <pc:spChg chg="add del mod">
          <ac:chgData name="Roger Cai" userId="22586480-35c0-4c25-95bc-8c24c0c5dcbb" providerId="ADAL" clId="{1B36617D-CEC0-4258-B5EC-1AF91E651E77}" dt="2023-10-04T22:26:14.602" v="12383" actId="478"/>
          <ac:spMkLst>
            <pc:docMk/>
            <pc:sldMk cId="3296348523" sldId="294"/>
            <ac:spMk id="2" creationId="{6FF88E45-2DF6-E2EE-6E4D-E7822EF811DE}"/>
          </ac:spMkLst>
        </pc:spChg>
        <pc:spChg chg="del">
          <ac:chgData name="Roger Cai" userId="22586480-35c0-4c25-95bc-8c24c0c5dcbb" providerId="ADAL" clId="{1B36617D-CEC0-4258-B5EC-1AF91E651E77}" dt="2023-10-04T00:56:40.934" v="11676" actId="478"/>
          <ac:spMkLst>
            <pc:docMk/>
            <pc:sldMk cId="3296348523" sldId="294"/>
            <ac:spMk id="2" creationId="{B24AE880-C558-3D46-5C99-50525FC0D2FD}"/>
          </ac:spMkLst>
        </pc:spChg>
        <pc:spChg chg="add del mod">
          <ac:chgData name="Roger Cai" userId="22586480-35c0-4c25-95bc-8c24c0c5dcbb" providerId="ADAL" clId="{1B36617D-CEC0-4258-B5EC-1AF91E651E77}" dt="2023-10-04T22:26:03.803" v="12382" actId="478"/>
          <ac:spMkLst>
            <pc:docMk/>
            <pc:sldMk cId="3296348523" sldId="294"/>
            <ac:spMk id="3" creationId="{017F556D-4EA8-898A-7556-03219F68D93A}"/>
          </ac:spMkLst>
        </pc:spChg>
        <pc:spChg chg="del">
          <ac:chgData name="Roger Cai" userId="22586480-35c0-4c25-95bc-8c24c0c5dcbb" providerId="ADAL" clId="{1B36617D-CEC0-4258-B5EC-1AF91E651E77}" dt="2023-10-04T00:56:40.934" v="11676" actId="478"/>
          <ac:spMkLst>
            <pc:docMk/>
            <pc:sldMk cId="3296348523" sldId="294"/>
            <ac:spMk id="3" creationId="{AFFADF79-D65C-90DC-DCF9-A466FD8DA30A}"/>
          </ac:spMkLst>
        </pc:spChg>
        <pc:spChg chg="del">
          <ac:chgData name="Roger Cai" userId="22586480-35c0-4c25-95bc-8c24c0c5dcbb" providerId="ADAL" clId="{1B36617D-CEC0-4258-B5EC-1AF91E651E77}" dt="2023-10-04T00:56:40.934" v="11676" actId="478"/>
          <ac:spMkLst>
            <pc:docMk/>
            <pc:sldMk cId="3296348523" sldId="294"/>
            <ac:spMk id="4" creationId="{491D847F-58D5-49C3-E0F6-4519BBDCD913}"/>
          </ac:spMkLst>
        </pc:spChg>
        <pc:spChg chg="del">
          <ac:chgData name="Roger Cai" userId="22586480-35c0-4c25-95bc-8c24c0c5dcbb" providerId="ADAL" clId="{1B36617D-CEC0-4258-B5EC-1AF91E651E77}" dt="2023-10-04T00:56:40.934" v="11676" actId="478"/>
          <ac:spMkLst>
            <pc:docMk/>
            <pc:sldMk cId="3296348523" sldId="294"/>
            <ac:spMk id="5" creationId="{091D320C-E5C0-251D-144B-A215A512B0A3}"/>
          </ac:spMkLst>
        </pc:spChg>
        <pc:spChg chg="del">
          <ac:chgData name="Roger Cai" userId="22586480-35c0-4c25-95bc-8c24c0c5dcbb" providerId="ADAL" clId="{1B36617D-CEC0-4258-B5EC-1AF91E651E77}" dt="2023-10-04T00:56:40.934" v="11676" actId="478"/>
          <ac:spMkLst>
            <pc:docMk/>
            <pc:sldMk cId="3296348523" sldId="294"/>
            <ac:spMk id="6" creationId="{32316FE0-9F52-8197-D90D-2645FDCE0E36}"/>
          </ac:spMkLst>
        </pc:spChg>
        <pc:spChg chg="del">
          <ac:chgData name="Roger Cai" userId="22586480-35c0-4c25-95bc-8c24c0c5dcbb" providerId="ADAL" clId="{1B36617D-CEC0-4258-B5EC-1AF91E651E77}" dt="2023-10-04T00:56:40.934" v="11676" actId="478"/>
          <ac:spMkLst>
            <pc:docMk/>
            <pc:sldMk cId="3296348523" sldId="294"/>
            <ac:spMk id="7" creationId="{E0C9B272-3E96-7FB8-5E4A-D79A5035044C}"/>
          </ac:spMkLst>
        </pc:spChg>
        <pc:spChg chg="del">
          <ac:chgData name="Roger Cai" userId="22586480-35c0-4c25-95bc-8c24c0c5dcbb" providerId="ADAL" clId="{1B36617D-CEC0-4258-B5EC-1AF91E651E77}" dt="2023-10-04T00:56:40.934" v="11676" actId="478"/>
          <ac:spMkLst>
            <pc:docMk/>
            <pc:sldMk cId="3296348523" sldId="294"/>
            <ac:spMk id="8" creationId="{AD84F66E-7CEA-E2B4-BA11-1468C61E3B47}"/>
          </ac:spMkLst>
        </pc:spChg>
        <pc:spChg chg="del">
          <ac:chgData name="Roger Cai" userId="22586480-35c0-4c25-95bc-8c24c0c5dcbb" providerId="ADAL" clId="{1B36617D-CEC0-4258-B5EC-1AF91E651E77}" dt="2023-10-04T00:56:40.934" v="11676" actId="478"/>
          <ac:spMkLst>
            <pc:docMk/>
            <pc:sldMk cId="3296348523" sldId="294"/>
            <ac:spMk id="9" creationId="{035894E4-3BFA-432F-C5CF-7A49EBFCDF70}"/>
          </ac:spMkLst>
        </pc:spChg>
        <pc:spChg chg="del">
          <ac:chgData name="Roger Cai" userId="22586480-35c0-4c25-95bc-8c24c0c5dcbb" providerId="ADAL" clId="{1B36617D-CEC0-4258-B5EC-1AF91E651E77}" dt="2023-10-04T00:56:40.934" v="11676" actId="478"/>
          <ac:spMkLst>
            <pc:docMk/>
            <pc:sldMk cId="3296348523" sldId="294"/>
            <ac:spMk id="10" creationId="{3C3D8247-EBA1-022D-C367-537E1D6A3947}"/>
          </ac:spMkLst>
        </pc:spChg>
        <pc:spChg chg="add mod">
          <ac:chgData name="Roger Cai" userId="22586480-35c0-4c25-95bc-8c24c0c5dcbb" providerId="ADAL" clId="{1B36617D-CEC0-4258-B5EC-1AF91E651E77}" dt="2023-10-04T01:05:41.721" v="11728" actId="164"/>
          <ac:spMkLst>
            <pc:docMk/>
            <pc:sldMk cId="3296348523" sldId="294"/>
            <ac:spMk id="13" creationId="{A9FC9220-C540-CDD3-0FA5-24491BECAC14}"/>
          </ac:spMkLst>
        </pc:spChg>
        <pc:spChg chg="add mod">
          <ac:chgData name="Roger Cai" userId="22586480-35c0-4c25-95bc-8c24c0c5dcbb" providerId="ADAL" clId="{1B36617D-CEC0-4258-B5EC-1AF91E651E77}" dt="2023-10-04T01:02:36.027" v="11719" actId="1076"/>
          <ac:spMkLst>
            <pc:docMk/>
            <pc:sldMk cId="3296348523" sldId="294"/>
            <ac:spMk id="14" creationId="{4E623401-A741-EF81-EDBE-BDF6588DED45}"/>
          </ac:spMkLst>
        </pc:spChg>
        <pc:spChg chg="add mod">
          <ac:chgData name="Roger Cai" userId="22586480-35c0-4c25-95bc-8c24c0c5dcbb" providerId="ADAL" clId="{1B36617D-CEC0-4258-B5EC-1AF91E651E77}" dt="2023-10-04T01:05:41.721" v="11728" actId="164"/>
          <ac:spMkLst>
            <pc:docMk/>
            <pc:sldMk cId="3296348523" sldId="294"/>
            <ac:spMk id="15" creationId="{0D751D51-F611-C3B2-12B3-09D8048A9EF1}"/>
          </ac:spMkLst>
        </pc:spChg>
        <pc:spChg chg="add mod">
          <ac:chgData name="Roger Cai" userId="22586480-35c0-4c25-95bc-8c24c0c5dcbb" providerId="ADAL" clId="{1B36617D-CEC0-4258-B5EC-1AF91E651E77}" dt="2023-10-04T01:05:41.721" v="11728" actId="164"/>
          <ac:spMkLst>
            <pc:docMk/>
            <pc:sldMk cId="3296348523" sldId="294"/>
            <ac:spMk id="16" creationId="{E62BE319-3275-589C-C149-524BC836D03A}"/>
          </ac:spMkLst>
        </pc:spChg>
        <pc:spChg chg="add">
          <ac:chgData name="Roger Cai" userId="22586480-35c0-4c25-95bc-8c24c0c5dcbb" providerId="ADAL" clId="{1B36617D-CEC0-4258-B5EC-1AF91E651E77}" dt="2023-10-04T00:57:26.027" v="11679" actId="26606"/>
          <ac:spMkLst>
            <pc:docMk/>
            <pc:sldMk cId="3296348523" sldId="294"/>
            <ac:spMk id="17" creationId="{F3060C83-F051-4F0E-ABAD-AA0DFC48B218}"/>
          </ac:spMkLst>
        </pc:spChg>
        <pc:spChg chg="add">
          <ac:chgData name="Roger Cai" userId="22586480-35c0-4c25-95bc-8c24c0c5dcbb" providerId="ADAL" clId="{1B36617D-CEC0-4258-B5EC-1AF91E651E77}" dt="2023-10-04T00:57:26.027" v="11679" actId="26606"/>
          <ac:spMkLst>
            <pc:docMk/>
            <pc:sldMk cId="3296348523" sldId="294"/>
            <ac:spMk id="19" creationId="{83C98ABE-055B-441F-B07E-44F97F083C39}"/>
          </ac:spMkLst>
        </pc:spChg>
        <pc:spChg chg="add">
          <ac:chgData name="Roger Cai" userId="22586480-35c0-4c25-95bc-8c24c0c5dcbb" providerId="ADAL" clId="{1B36617D-CEC0-4258-B5EC-1AF91E651E77}" dt="2023-10-04T00:57:26.027" v="11679" actId="26606"/>
          <ac:spMkLst>
            <pc:docMk/>
            <pc:sldMk cId="3296348523" sldId="294"/>
            <ac:spMk id="21" creationId="{29FDB030-9B49-4CED-8CCD-4D99382388AC}"/>
          </ac:spMkLst>
        </pc:spChg>
        <pc:spChg chg="add">
          <ac:chgData name="Roger Cai" userId="22586480-35c0-4c25-95bc-8c24c0c5dcbb" providerId="ADAL" clId="{1B36617D-CEC0-4258-B5EC-1AF91E651E77}" dt="2023-10-04T00:57:26.027" v="11679" actId="26606"/>
          <ac:spMkLst>
            <pc:docMk/>
            <pc:sldMk cId="3296348523" sldId="294"/>
            <ac:spMk id="23" creationId="{3783CA14-24A1-485C-8B30-D6A5D87987AD}"/>
          </ac:spMkLst>
        </pc:spChg>
        <pc:spChg chg="add">
          <ac:chgData name="Roger Cai" userId="22586480-35c0-4c25-95bc-8c24c0c5dcbb" providerId="ADAL" clId="{1B36617D-CEC0-4258-B5EC-1AF91E651E77}" dt="2023-10-04T00:57:26.027" v="11679" actId="26606"/>
          <ac:spMkLst>
            <pc:docMk/>
            <pc:sldMk cId="3296348523" sldId="294"/>
            <ac:spMk id="25" creationId="{9A97C86A-04D6-40F7-AE84-31AB43E6A846}"/>
          </ac:spMkLst>
        </pc:spChg>
        <pc:spChg chg="add">
          <ac:chgData name="Roger Cai" userId="22586480-35c0-4c25-95bc-8c24c0c5dcbb" providerId="ADAL" clId="{1B36617D-CEC0-4258-B5EC-1AF91E651E77}" dt="2023-10-04T00:57:26.027" v="11679" actId="26606"/>
          <ac:spMkLst>
            <pc:docMk/>
            <pc:sldMk cId="3296348523" sldId="294"/>
            <ac:spMk id="27" creationId="{FF9F2414-84E8-453E-B1F3-389FDE8192D9}"/>
          </ac:spMkLst>
        </pc:spChg>
        <pc:spChg chg="add">
          <ac:chgData name="Roger Cai" userId="22586480-35c0-4c25-95bc-8c24c0c5dcbb" providerId="ADAL" clId="{1B36617D-CEC0-4258-B5EC-1AF91E651E77}" dt="2023-10-04T00:57:26.027" v="11679" actId="26606"/>
          <ac:spMkLst>
            <pc:docMk/>
            <pc:sldMk cId="3296348523" sldId="294"/>
            <ac:spMk id="29" creationId="{3ECA69A1-7536-43AC-85EF-C7106179F5ED}"/>
          </ac:spMkLst>
        </pc:spChg>
        <pc:grpChg chg="add mod">
          <ac:chgData name="Roger Cai" userId="22586480-35c0-4c25-95bc-8c24c0c5dcbb" providerId="ADAL" clId="{1B36617D-CEC0-4258-B5EC-1AF91E651E77}" dt="2023-10-04T16:50:07.416" v="11867"/>
          <ac:grpSpMkLst>
            <pc:docMk/>
            <pc:sldMk cId="3296348523" sldId="294"/>
            <ac:grpSpMk id="18" creationId="{31B413BA-4763-3ABC-6702-567513C37111}"/>
          </ac:grpSpMkLst>
        </pc:grpChg>
        <pc:picChg chg="add mod">
          <ac:chgData name="Roger Cai" userId="22586480-35c0-4c25-95bc-8c24c0c5dcbb" providerId="ADAL" clId="{1B36617D-CEC0-4258-B5EC-1AF91E651E77}" dt="2023-10-04T01:05:41.721" v="11728" actId="164"/>
          <ac:picMkLst>
            <pc:docMk/>
            <pc:sldMk cId="3296348523" sldId="294"/>
            <ac:picMk id="12" creationId="{DD5F145E-F11C-3DD7-57CB-C3D636F353D5}"/>
          </ac:picMkLst>
        </pc:picChg>
      </pc:sldChg>
      <pc:sldChg chg="addSp delSp modSp del mod">
        <pc:chgData name="Roger Cai" userId="22586480-35c0-4c25-95bc-8c24c0c5dcbb" providerId="ADAL" clId="{1B36617D-CEC0-4258-B5EC-1AF91E651E77}" dt="2023-10-04T22:43:29.882" v="12467" actId="47"/>
        <pc:sldMkLst>
          <pc:docMk/>
          <pc:sldMk cId="2916213294" sldId="295"/>
        </pc:sldMkLst>
        <pc:spChg chg="del">
          <ac:chgData name="Roger Cai" userId="22586480-35c0-4c25-95bc-8c24c0c5dcbb" providerId="ADAL" clId="{1B36617D-CEC0-4258-B5EC-1AF91E651E77}" dt="2023-10-04T12:52:14.160" v="11736" actId="478"/>
          <ac:spMkLst>
            <pc:docMk/>
            <pc:sldMk cId="2916213294" sldId="295"/>
            <ac:spMk id="2" creationId="{42406D80-CACD-A0C3-371A-B7C91F8FDAA1}"/>
          </ac:spMkLst>
        </pc:spChg>
        <pc:spChg chg="mod">
          <ac:chgData name="Roger Cai" userId="22586480-35c0-4c25-95bc-8c24c0c5dcbb" providerId="ADAL" clId="{1B36617D-CEC0-4258-B5EC-1AF91E651E77}" dt="2023-10-04T12:53:16.280" v="11754" actId="404"/>
          <ac:spMkLst>
            <pc:docMk/>
            <pc:sldMk cId="2916213294" sldId="295"/>
            <ac:spMk id="6" creationId="{CBF4CCA3-6958-8168-F62C-57C9AF9412F6}"/>
          </ac:spMkLst>
        </pc:spChg>
        <pc:spChg chg="del">
          <ac:chgData name="Roger Cai" userId="22586480-35c0-4c25-95bc-8c24c0c5dcbb" providerId="ADAL" clId="{1B36617D-CEC0-4258-B5EC-1AF91E651E77}" dt="2023-10-04T12:52:41.532" v="11741" actId="26606"/>
          <ac:spMkLst>
            <pc:docMk/>
            <pc:sldMk cId="2916213294" sldId="295"/>
            <ac:spMk id="7" creationId="{F3060C83-F051-4F0E-ABAD-AA0DFC48B218}"/>
          </ac:spMkLst>
        </pc:spChg>
        <pc:spChg chg="del">
          <ac:chgData name="Roger Cai" userId="22586480-35c0-4c25-95bc-8c24c0c5dcbb" providerId="ADAL" clId="{1B36617D-CEC0-4258-B5EC-1AF91E651E77}" dt="2023-10-04T12:52:41.532" v="11741" actId="26606"/>
          <ac:spMkLst>
            <pc:docMk/>
            <pc:sldMk cId="2916213294" sldId="295"/>
            <ac:spMk id="8" creationId="{83C98ABE-055B-441F-B07E-44F97F083C39}"/>
          </ac:spMkLst>
        </pc:spChg>
        <pc:spChg chg="del">
          <ac:chgData name="Roger Cai" userId="22586480-35c0-4c25-95bc-8c24c0c5dcbb" providerId="ADAL" clId="{1B36617D-CEC0-4258-B5EC-1AF91E651E77}" dt="2023-10-04T12:52:41.532" v="11741" actId="26606"/>
          <ac:spMkLst>
            <pc:docMk/>
            <pc:sldMk cId="2916213294" sldId="295"/>
            <ac:spMk id="14" creationId="{29FDB030-9B49-4CED-8CCD-4D99382388AC}"/>
          </ac:spMkLst>
        </pc:spChg>
        <pc:spChg chg="del">
          <ac:chgData name="Roger Cai" userId="22586480-35c0-4c25-95bc-8c24c0c5dcbb" providerId="ADAL" clId="{1B36617D-CEC0-4258-B5EC-1AF91E651E77}" dt="2023-10-04T12:52:41.532" v="11741" actId="26606"/>
          <ac:spMkLst>
            <pc:docMk/>
            <pc:sldMk cId="2916213294" sldId="295"/>
            <ac:spMk id="16" creationId="{3783CA14-24A1-485C-8B30-D6A5D87987AD}"/>
          </ac:spMkLst>
        </pc:spChg>
        <pc:spChg chg="del">
          <ac:chgData name="Roger Cai" userId="22586480-35c0-4c25-95bc-8c24c0c5dcbb" providerId="ADAL" clId="{1B36617D-CEC0-4258-B5EC-1AF91E651E77}" dt="2023-10-04T12:52:41.532" v="11741" actId="26606"/>
          <ac:spMkLst>
            <pc:docMk/>
            <pc:sldMk cId="2916213294" sldId="295"/>
            <ac:spMk id="18" creationId="{9A97C86A-04D6-40F7-AE84-31AB43E6A846}"/>
          </ac:spMkLst>
        </pc:spChg>
        <pc:spChg chg="del">
          <ac:chgData name="Roger Cai" userId="22586480-35c0-4c25-95bc-8c24c0c5dcbb" providerId="ADAL" clId="{1B36617D-CEC0-4258-B5EC-1AF91E651E77}" dt="2023-10-04T12:52:41.532" v="11741" actId="26606"/>
          <ac:spMkLst>
            <pc:docMk/>
            <pc:sldMk cId="2916213294" sldId="295"/>
            <ac:spMk id="20" creationId="{FF9F2414-84E8-453E-B1F3-389FDE8192D9}"/>
          </ac:spMkLst>
        </pc:spChg>
        <pc:spChg chg="del">
          <ac:chgData name="Roger Cai" userId="22586480-35c0-4c25-95bc-8c24c0c5dcbb" providerId="ADAL" clId="{1B36617D-CEC0-4258-B5EC-1AF91E651E77}" dt="2023-10-04T12:52:41.532" v="11741" actId="26606"/>
          <ac:spMkLst>
            <pc:docMk/>
            <pc:sldMk cId="2916213294" sldId="295"/>
            <ac:spMk id="22" creationId="{3ECA69A1-7536-43AC-85EF-C7106179F5ED}"/>
          </ac:spMkLst>
        </pc:spChg>
        <pc:picChg chg="del">
          <ac:chgData name="Roger Cai" userId="22586480-35c0-4c25-95bc-8c24c0c5dcbb" providerId="ADAL" clId="{1B36617D-CEC0-4258-B5EC-1AF91E651E77}" dt="2023-10-04T12:52:12.163" v="11735" actId="478"/>
          <ac:picMkLst>
            <pc:docMk/>
            <pc:sldMk cId="2916213294" sldId="295"/>
            <ac:picMk id="3" creationId="{D2C2F61E-FBA3-4893-6E41-B256B57768D9}"/>
          </ac:picMkLst>
        </pc:picChg>
        <pc:picChg chg="add del mod">
          <ac:chgData name="Roger Cai" userId="22586480-35c0-4c25-95bc-8c24c0c5dcbb" providerId="ADAL" clId="{1B36617D-CEC0-4258-B5EC-1AF91E651E77}" dt="2023-10-04T22:43:27.175" v="12466" actId="478"/>
          <ac:picMkLst>
            <pc:docMk/>
            <pc:sldMk cId="2916213294" sldId="295"/>
            <ac:picMk id="5" creationId="{F28A6F04-0273-CA79-C53F-4073A47A6E1E}"/>
          </ac:picMkLst>
        </pc:picChg>
        <pc:cxnChg chg="add">
          <ac:chgData name="Roger Cai" userId="22586480-35c0-4c25-95bc-8c24c0c5dcbb" providerId="ADAL" clId="{1B36617D-CEC0-4258-B5EC-1AF91E651E77}" dt="2023-10-04T12:52:41.532" v="11741" actId="26606"/>
          <ac:cxnSpMkLst>
            <pc:docMk/>
            <pc:sldMk cId="2916213294" sldId="295"/>
            <ac:cxnSpMk id="27" creationId="{192712F8-36FA-35DF-0CE8-4098D93322A3}"/>
          </ac:cxnSpMkLst>
        </pc:cxnChg>
        <pc:cxnChg chg="add">
          <ac:chgData name="Roger Cai" userId="22586480-35c0-4c25-95bc-8c24c0c5dcbb" providerId="ADAL" clId="{1B36617D-CEC0-4258-B5EC-1AF91E651E77}" dt="2023-10-04T12:52:41.532" v="11741" actId="26606"/>
          <ac:cxnSpMkLst>
            <pc:docMk/>
            <pc:sldMk cId="2916213294" sldId="295"/>
            <ac:cxnSpMk id="29" creationId="{AF9469B9-6468-5B6A-E832-8D4590388432}"/>
          </ac:cxnSpMkLst>
        </pc:cxnChg>
      </pc:sldChg>
      <pc:sldChg chg="addSp delSp modSp new mod setBg">
        <pc:chgData name="Roger Cai" userId="22586480-35c0-4c25-95bc-8c24c0c5dcbb" providerId="ADAL" clId="{1B36617D-CEC0-4258-B5EC-1AF91E651E77}" dt="2023-10-04T23:09:20.157" v="12893" actId="26606"/>
        <pc:sldMkLst>
          <pc:docMk/>
          <pc:sldMk cId="2116964213" sldId="296"/>
        </pc:sldMkLst>
        <pc:spChg chg="del">
          <ac:chgData name="Roger Cai" userId="22586480-35c0-4c25-95bc-8c24c0c5dcbb" providerId="ADAL" clId="{1B36617D-CEC0-4258-B5EC-1AF91E651E77}" dt="2023-10-04T12:55:42.261" v="11781" actId="478"/>
          <ac:spMkLst>
            <pc:docMk/>
            <pc:sldMk cId="2116964213" sldId="296"/>
            <ac:spMk id="2" creationId="{E46E632A-5AB7-2E15-F165-F8F968840EBF}"/>
          </ac:spMkLst>
        </pc:spChg>
        <pc:spChg chg="del mod">
          <ac:chgData name="Roger Cai" userId="22586480-35c0-4c25-95bc-8c24c0c5dcbb" providerId="ADAL" clId="{1B36617D-CEC0-4258-B5EC-1AF91E651E77}" dt="2023-10-04T23:08:34.289" v="12856" actId="478"/>
          <ac:spMkLst>
            <pc:docMk/>
            <pc:sldMk cId="2116964213" sldId="296"/>
            <ac:spMk id="3" creationId="{98D80AD0-9EF0-EE23-41C5-2089E24E8E8B}"/>
          </ac:spMkLst>
        </pc:spChg>
        <pc:spChg chg="add del mod">
          <ac:chgData name="Roger Cai" userId="22586480-35c0-4c25-95bc-8c24c0c5dcbb" providerId="ADAL" clId="{1B36617D-CEC0-4258-B5EC-1AF91E651E77}" dt="2023-10-04T23:09:20.157" v="12893" actId="26606"/>
          <ac:spMkLst>
            <pc:docMk/>
            <pc:sldMk cId="2116964213" sldId="296"/>
            <ac:spMk id="4" creationId="{08171CDB-7069-1CEE-85BF-D38B0B63E500}"/>
          </ac:spMkLst>
        </pc:spChg>
        <pc:spChg chg="add del">
          <ac:chgData name="Roger Cai" userId="22586480-35c0-4c25-95bc-8c24c0c5dcbb" providerId="ADAL" clId="{1B36617D-CEC0-4258-B5EC-1AF91E651E77}" dt="2023-10-04T23:09:20.136" v="12892" actId="26606"/>
          <ac:spMkLst>
            <pc:docMk/>
            <pc:sldMk cId="2116964213" sldId="296"/>
            <ac:spMk id="10" creationId="{AE2B703B-46F9-481A-A605-82E2A828C4FA}"/>
          </ac:spMkLst>
        </pc:spChg>
        <pc:spChg chg="add del">
          <ac:chgData name="Roger Cai" userId="22586480-35c0-4c25-95bc-8c24c0c5dcbb" providerId="ADAL" clId="{1B36617D-CEC0-4258-B5EC-1AF91E651E77}" dt="2023-10-04T23:09:20.136" v="12892" actId="26606"/>
          <ac:spMkLst>
            <pc:docMk/>
            <pc:sldMk cId="2116964213" sldId="296"/>
            <ac:spMk id="12" creationId="{F13BE4D7-0C3D-4906-B230-A1C5B4665CCF}"/>
          </ac:spMkLst>
        </pc:spChg>
        <pc:graphicFrameChg chg="add del">
          <ac:chgData name="Roger Cai" userId="22586480-35c0-4c25-95bc-8c24c0c5dcbb" providerId="ADAL" clId="{1B36617D-CEC0-4258-B5EC-1AF91E651E77}" dt="2023-10-04T23:09:20.136" v="12892" actId="26606"/>
          <ac:graphicFrameMkLst>
            <pc:docMk/>
            <pc:sldMk cId="2116964213" sldId="296"/>
            <ac:graphicFrameMk id="6" creationId="{C9C52DB2-2CC7-6FFD-3E62-65E0499A9D5C}"/>
          </ac:graphicFrameMkLst>
        </pc:graphicFrameChg>
        <pc:graphicFrameChg chg="add">
          <ac:chgData name="Roger Cai" userId="22586480-35c0-4c25-95bc-8c24c0c5dcbb" providerId="ADAL" clId="{1B36617D-CEC0-4258-B5EC-1AF91E651E77}" dt="2023-10-04T23:09:20.157" v="12893" actId="26606"/>
          <ac:graphicFrameMkLst>
            <pc:docMk/>
            <pc:sldMk cId="2116964213" sldId="296"/>
            <ac:graphicFrameMk id="14" creationId="{82D12D6C-488F-F451-4B80-D0CBF5F8609D}"/>
          </ac:graphicFrameMkLst>
        </pc:graphicFrameChg>
      </pc:sldChg>
      <pc:sldChg chg="delSp add del setBg delDesignElem">
        <pc:chgData name="Roger Cai" userId="22586480-35c0-4c25-95bc-8c24c0c5dcbb" providerId="ADAL" clId="{1B36617D-CEC0-4258-B5EC-1AF91E651E77}" dt="2023-10-04T12:53:25.549" v="11755" actId="47"/>
        <pc:sldMkLst>
          <pc:docMk/>
          <pc:sldMk cId="2247641879" sldId="296"/>
        </pc:sldMkLst>
        <pc:spChg chg="del">
          <ac:chgData name="Roger Cai" userId="22586480-35c0-4c25-95bc-8c24c0c5dcbb" providerId="ADAL" clId="{1B36617D-CEC0-4258-B5EC-1AF91E651E77}" dt="2023-10-04T12:52:15.226" v="11738"/>
          <ac:spMkLst>
            <pc:docMk/>
            <pc:sldMk cId="2247641879" sldId="296"/>
            <ac:spMk id="7" creationId="{F3060C83-F051-4F0E-ABAD-AA0DFC48B218}"/>
          </ac:spMkLst>
        </pc:spChg>
        <pc:spChg chg="del">
          <ac:chgData name="Roger Cai" userId="22586480-35c0-4c25-95bc-8c24c0c5dcbb" providerId="ADAL" clId="{1B36617D-CEC0-4258-B5EC-1AF91E651E77}" dt="2023-10-04T12:52:15.226" v="11738"/>
          <ac:spMkLst>
            <pc:docMk/>
            <pc:sldMk cId="2247641879" sldId="296"/>
            <ac:spMk id="8" creationId="{83C98ABE-055B-441F-B07E-44F97F083C39}"/>
          </ac:spMkLst>
        </pc:spChg>
        <pc:spChg chg="del">
          <ac:chgData name="Roger Cai" userId="22586480-35c0-4c25-95bc-8c24c0c5dcbb" providerId="ADAL" clId="{1B36617D-CEC0-4258-B5EC-1AF91E651E77}" dt="2023-10-04T12:52:15.226" v="11738"/>
          <ac:spMkLst>
            <pc:docMk/>
            <pc:sldMk cId="2247641879" sldId="296"/>
            <ac:spMk id="14" creationId="{29FDB030-9B49-4CED-8CCD-4D99382388AC}"/>
          </ac:spMkLst>
        </pc:spChg>
        <pc:spChg chg="del">
          <ac:chgData name="Roger Cai" userId="22586480-35c0-4c25-95bc-8c24c0c5dcbb" providerId="ADAL" clId="{1B36617D-CEC0-4258-B5EC-1AF91E651E77}" dt="2023-10-04T12:52:15.226" v="11738"/>
          <ac:spMkLst>
            <pc:docMk/>
            <pc:sldMk cId="2247641879" sldId="296"/>
            <ac:spMk id="16" creationId="{3783CA14-24A1-485C-8B30-D6A5D87987AD}"/>
          </ac:spMkLst>
        </pc:spChg>
        <pc:spChg chg="del">
          <ac:chgData name="Roger Cai" userId="22586480-35c0-4c25-95bc-8c24c0c5dcbb" providerId="ADAL" clId="{1B36617D-CEC0-4258-B5EC-1AF91E651E77}" dt="2023-10-04T12:52:15.226" v="11738"/>
          <ac:spMkLst>
            <pc:docMk/>
            <pc:sldMk cId="2247641879" sldId="296"/>
            <ac:spMk id="18" creationId="{9A97C86A-04D6-40F7-AE84-31AB43E6A846}"/>
          </ac:spMkLst>
        </pc:spChg>
        <pc:spChg chg="del">
          <ac:chgData name="Roger Cai" userId="22586480-35c0-4c25-95bc-8c24c0c5dcbb" providerId="ADAL" clId="{1B36617D-CEC0-4258-B5EC-1AF91E651E77}" dt="2023-10-04T12:52:15.226" v="11738"/>
          <ac:spMkLst>
            <pc:docMk/>
            <pc:sldMk cId="2247641879" sldId="296"/>
            <ac:spMk id="20" creationId="{FF9F2414-84E8-453E-B1F3-389FDE8192D9}"/>
          </ac:spMkLst>
        </pc:spChg>
        <pc:spChg chg="del">
          <ac:chgData name="Roger Cai" userId="22586480-35c0-4c25-95bc-8c24c0c5dcbb" providerId="ADAL" clId="{1B36617D-CEC0-4258-B5EC-1AF91E651E77}" dt="2023-10-04T12:52:15.226" v="11738"/>
          <ac:spMkLst>
            <pc:docMk/>
            <pc:sldMk cId="2247641879" sldId="296"/>
            <ac:spMk id="22" creationId="{3ECA69A1-7536-43AC-85EF-C7106179F5ED}"/>
          </ac:spMkLst>
        </pc:spChg>
      </pc:sldChg>
      <pc:sldChg chg="addSp delSp modSp add mod">
        <pc:chgData name="Roger Cai" userId="22586480-35c0-4c25-95bc-8c24c0c5dcbb" providerId="ADAL" clId="{1B36617D-CEC0-4258-B5EC-1AF91E651E77}" dt="2023-10-05T17:26:34.201" v="13025" actId="478"/>
        <pc:sldMkLst>
          <pc:docMk/>
          <pc:sldMk cId="1648230431" sldId="297"/>
        </pc:sldMkLst>
        <pc:spChg chg="add mod">
          <ac:chgData name="Roger Cai" userId="22586480-35c0-4c25-95bc-8c24c0c5dcbb" providerId="ADAL" clId="{1B36617D-CEC0-4258-B5EC-1AF91E651E77}" dt="2023-10-04T16:34:03.588" v="11794" actId="164"/>
          <ac:spMkLst>
            <pc:docMk/>
            <pc:sldMk cId="1648230431" sldId="297"/>
            <ac:spMk id="2" creationId="{5F3782FF-83D5-0666-90B5-4A23BA34733F}"/>
          </ac:spMkLst>
        </pc:spChg>
        <pc:spChg chg="add mod">
          <ac:chgData name="Roger Cai" userId="22586480-35c0-4c25-95bc-8c24c0c5dcbb" providerId="ADAL" clId="{1B36617D-CEC0-4258-B5EC-1AF91E651E77}" dt="2023-10-04T16:34:49.766" v="11823" actId="164"/>
          <ac:spMkLst>
            <pc:docMk/>
            <pc:sldMk cId="1648230431" sldId="297"/>
            <ac:spMk id="4" creationId="{EBED3DB5-E7EC-2CB8-346F-CB683E64C9A9}"/>
          </ac:spMkLst>
        </pc:spChg>
        <pc:grpChg chg="add mod">
          <ac:chgData name="Roger Cai" userId="22586480-35c0-4c25-95bc-8c24c0c5dcbb" providerId="ADAL" clId="{1B36617D-CEC0-4258-B5EC-1AF91E651E77}" dt="2023-10-04T16:34:49.766" v="11823" actId="164"/>
          <ac:grpSpMkLst>
            <pc:docMk/>
            <pc:sldMk cId="1648230431" sldId="297"/>
            <ac:grpSpMk id="3" creationId="{C2083910-4254-2487-E1C9-16A0BE6B5CDA}"/>
          </ac:grpSpMkLst>
        </pc:grpChg>
        <pc:grpChg chg="add mod">
          <ac:chgData name="Roger Cai" userId="22586480-35c0-4c25-95bc-8c24c0c5dcbb" providerId="ADAL" clId="{1B36617D-CEC0-4258-B5EC-1AF91E651E77}" dt="2023-10-04T16:35:16.892" v="11839"/>
          <ac:grpSpMkLst>
            <pc:docMk/>
            <pc:sldMk cId="1648230431" sldId="297"/>
            <ac:grpSpMk id="10" creationId="{6D4B78DF-86D0-8517-8604-0ECE8F4493B8}"/>
          </ac:grpSpMkLst>
        </pc:grpChg>
        <pc:picChg chg="mod">
          <ac:chgData name="Roger Cai" userId="22586480-35c0-4c25-95bc-8c24c0c5dcbb" providerId="ADAL" clId="{1B36617D-CEC0-4258-B5EC-1AF91E651E77}" dt="2023-10-04T16:34:03.588" v="11794" actId="164"/>
          <ac:picMkLst>
            <pc:docMk/>
            <pc:sldMk cId="1648230431" sldId="297"/>
            <ac:picMk id="7" creationId="{D0B48322-1AB9-476C-38DB-CA751E3E99A8}"/>
          </ac:picMkLst>
        </pc:picChg>
        <pc:inkChg chg="add del">
          <ac:chgData name="Roger Cai" userId="22586480-35c0-4c25-95bc-8c24c0c5dcbb" providerId="ADAL" clId="{1B36617D-CEC0-4258-B5EC-1AF91E651E77}" dt="2023-10-05T17:26:34.201" v="13025" actId="478"/>
          <ac:inkMkLst>
            <pc:docMk/>
            <pc:sldMk cId="1648230431" sldId="297"/>
            <ac:inkMk id="8" creationId="{656DB936-38B5-AC96-8FEB-4A169331943D}"/>
          </ac:inkMkLst>
        </pc:inkChg>
        <pc:cxnChg chg="add mod">
          <ac:chgData name="Roger Cai" userId="22586480-35c0-4c25-95bc-8c24c0c5dcbb" providerId="ADAL" clId="{1B36617D-CEC0-4258-B5EC-1AF91E651E77}" dt="2023-10-04T16:34:49.766" v="11823" actId="164"/>
          <ac:cxnSpMkLst>
            <pc:docMk/>
            <pc:sldMk cId="1648230431" sldId="297"/>
            <ac:cxnSpMk id="9" creationId="{9F9C9A4E-A4CB-4534-ED83-A86206A541E9}"/>
          </ac:cxnSpMkLst>
        </pc:cxnChg>
      </pc:sldChg>
      <pc:sldChg chg="addSp delSp modSp add mod">
        <pc:chgData name="Roger Cai" userId="22586480-35c0-4c25-95bc-8c24c0c5dcbb" providerId="ADAL" clId="{1B36617D-CEC0-4258-B5EC-1AF91E651E77}" dt="2023-10-04T16:36:15.292" v="11851" actId="164"/>
        <pc:sldMkLst>
          <pc:docMk/>
          <pc:sldMk cId="2094177276" sldId="298"/>
        </pc:sldMkLst>
        <pc:spChg chg="add mod">
          <ac:chgData name="Roger Cai" userId="22586480-35c0-4c25-95bc-8c24c0c5dcbb" providerId="ADAL" clId="{1B36617D-CEC0-4258-B5EC-1AF91E651E77}" dt="2023-10-04T16:36:15.292" v="11851" actId="164"/>
          <ac:spMkLst>
            <pc:docMk/>
            <pc:sldMk cId="2094177276" sldId="298"/>
            <ac:spMk id="2" creationId="{1D243F60-1FF9-647D-1D75-1CC5468C5B17}"/>
          </ac:spMkLst>
        </pc:spChg>
        <pc:spChg chg="add mod">
          <ac:chgData name="Roger Cai" userId="22586480-35c0-4c25-95bc-8c24c0c5dcbb" providerId="ADAL" clId="{1B36617D-CEC0-4258-B5EC-1AF91E651E77}" dt="2023-10-04T16:36:15.292" v="11851" actId="164"/>
          <ac:spMkLst>
            <pc:docMk/>
            <pc:sldMk cId="2094177276" sldId="298"/>
            <ac:spMk id="3" creationId="{F6620E36-03CE-4E91-FC48-55E1016289C1}"/>
          </ac:spMkLst>
        </pc:spChg>
        <pc:spChg chg="add mod">
          <ac:chgData name="Roger Cai" userId="22586480-35c0-4c25-95bc-8c24c0c5dcbb" providerId="ADAL" clId="{1B36617D-CEC0-4258-B5EC-1AF91E651E77}" dt="2023-10-04T16:36:15.292" v="11851" actId="164"/>
          <ac:spMkLst>
            <pc:docMk/>
            <pc:sldMk cId="2094177276" sldId="298"/>
            <ac:spMk id="4" creationId="{87D85E4A-31E5-A0F4-FC4F-A15BE3391AE6}"/>
          </ac:spMkLst>
        </pc:spChg>
        <pc:grpChg chg="add mod">
          <ac:chgData name="Roger Cai" userId="22586480-35c0-4c25-95bc-8c24c0c5dcbb" providerId="ADAL" clId="{1B36617D-CEC0-4258-B5EC-1AF91E651E77}" dt="2023-10-04T16:36:15.292" v="11851" actId="164"/>
          <ac:grpSpMkLst>
            <pc:docMk/>
            <pc:sldMk cId="2094177276" sldId="298"/>
            <ac:grpSpMk id="14" creationId="{793358A3-667E-AD81-C4C7-30ACB25852DC}"/>
          </ac:grpSpMkLst>
        </pc:grpChg>
        <pc:picChg chg="mod">
          <ac:chgData name="Roger Cai" userId="22586480-35c0-4c25-95bc-8c24c0c5dcbb" providerId="ADAL" clId="{1B36617D-CEC0-4258-B5EC-1AF91E651E77}" dt="2023-10-04T16:36:15.292" v="11851" actId="164"/>
          <ac:picMkLst>
            <pc:docMk/>
            <pc:sldMk cId="2094177276" sldId="298"/>
            <ac:picMk id="7" creationId="{D0B48322-1AB9-476C-38DB-CA751E3E99A8}"/>
          </ac:picMkLst>
        </pc:picChg>
        <pc:cxnChg chg="add mod">
          <ac:chgData name="Roger Cai" userId="22586480-35c0-4c25-95bc-8c24c0c5dcbb" providerId="ADAL" clId="{1B36617D-CEC0-4258-B5EC-1AF91E651E77}" dt="2023-10-04T16:36:15.292" v="11851" actId="164"/>
          <ac:cxnSpMkLst>
            <pc:docMk/>
            <pc:sldMk cId="2094177276" sldId="298"/>
            <ac:cxnSpMk id="9" creationId="{E9A59136-BEE0-6EFF-07C5-E052ADBC4F59}"/>
          </ac:cxnSpMkLst>
        </pc:cxnChg>
        <pc:cxnChg chg="add del">
          <ac:chgData name="Roger Cai" userId="22586480-35c0-4c25-95bc-8c24c0c5dcbb" providerId="ADAL" clId="{1B36617D-CEC0-4258-B5EC-1AF91E651E77}" dt="2023-10-04T16:35:57.549" v="11849" actId="11529"/>
          <ac:cxnSpMkLst>
            <pc:docMk/>
            <pc:sldMk cId="2094177276" sldId="298"/>
            <ac:cxnSpMk id="11" creationId="{265CCE2A-32A0-5F17-E86C-B61308A89F83}"/>
          </ac:cxnSpMkLst>
        </pc:cxnChg>
        <pc:cxnChg chg="add mod">
          <ac:chgData name="Roger Cai" userId="22586480-35c0-4c25-95bc-8c24c0c5dcbb" providerId="ADAL" clId="{1B36617D-CEC0-4258-B5EC-1AF91E651E77}" dt="2023-10-04T16:36:15.292" v="11851" actId="164"/>
          <ac:cxnSpMkLst>
            <pc:docMk/>
            <pc:sldMk cId="2094177276" sldId="298"/>
            <ac:cxnSpMk id="13" creationId="{D54BACE9-109C-349D-B3D0-4156C41956AC}"/>
          </ac:cxnSpMkLst>
        </pc:cxnChg>
      </pc:sldChg>
      <pc:sldChg chg="addSp delSp modSp new mod">
        <pc:chgData name="Roger Cai" userId="22586480-35c0-4c25-95bc-8c24c0c5dcbb" providerId="ADAL" clId="{1B36617D-CEC0-4258-B5EC-1AF91E651E77}" dt="2023-10-04T23:38:57.687" v="12938" actId="11529"/>
        <pc:sldMkLst>
          <pc:docMk/>
          <pc:sldMk cId="1325941098" sldId="299"/>
        </pc:sldMkLst>
        <pc:spChg chg="add mod">
          <ac:chgData name="Roger Cai" userId="22586480-35c0-4c25-95bc-8c24c0c5dcbb" providerId="ADAL" clId="{1B36617D-CEC0-4258-B5EC-1AF91E651E77}" dt="2023-10-04T23:38:45.080" v="12937" actId="1076"/>
          <ac:spMkLst>
            <pc:docMk/>
            <pc:sldMk cId="1325941098" sldId="299"/>
            <ac:spMk id="2" creationId="{783A56D3-03AF-9766-FC26-4DE9021BCB77}"/>
          </ac:spMkLst>
        </pc:spChg>
        <pc:spChg chg="del">
          <ac:chgData name="Roger Cai" userId="22586480-35c0-4c25-95bc-8c24c0c5dcbb" providerId="ADAL" clId="{1B36617D-CEC0-4258-B5EC-1AF91E651E77}" dt="2023-10-04T18:51:47.744" v="11878" actId="478"/>
          <ac:spMkLst>
            <pc:docMk/>
            <pc:sldMk cId="1325941098" sldId="299"/>
            <ac:spMk id="2" creationId="{B1D76336-A70E-4ABE-F043-A558ABA5EE64}"/>
          </ac:spMkLst>
        </pc:spChg>
        <pc:spChg chg="add">
          <ac:chgData name="Roger Cai" userId="22586480-35c0-4c25-95bc-8c24c0c5dcbb" providerId="ADAL" clId="{1B36617D-CEC0-4258-B5EC-1AF91E651E77}" dt="2023-10-04T23:38:57.687" v="12938" actId="11529"/>
          <ac:spMkLst>
            <pc:docMk/>
            <pc:sldMk cId="1325941098" sldId="299"/>
            <ac:spMk id="3" creationId="{1DEF1029-013B-523A-7C52-EF7C483B5EDD}"/>
          </ac:spMkLst>
        </pc:spChg>
        <pc:spChg chg="del">
          <ac:chgData name="Roger Cai" userId="22586480-35c0-4c25-95bc-8c24c0c5dcbb" providerId="ADAL" clId="{1B36617D-CEC0-4258-B5EC-1AF91E651E77}" dt="2023-10-04T18:51:50.048" v="11879" actId="478"/>
          <ac:spMkLst>
            <pc:docMk/>
            <pc:sldMk cId="1325941098" sldId="299"/>
            <ac:spMk id="3" creationId="{783DAE2E-6C74-673E-4DB9-D985A91DF214}"/>
          </ac:spMkLst>
        </pc:spChg>
        <pc:spChg chg="add mod">
          <ac:chgData name="Roger Cai" userId="22586480-35c0-4c25-95bc-8c24c0c5dcbb" providerId="ADAL" clId="{1B36617D-CEC0-4258-B5EC-1AF91E651E77}" dt="2023-10-04T18:54:21.917" v="11895" actId="1076"/>
          <ac:spMkLst>
            <pc:docMk/>
            <pc:sldMk cId="1325941098" sldId="299"/>
            <ac:spMk id="4" creationId="{8941538C-4EED-1843-48FB-B680EDE8D7A0}"/>
          </ac:spMkLst>
        </pc:spChg>
        <pc:spChg chg="add mod">
          <ac:chgData name="Roger Cai" userId="22586480-35c0-4c25-95bc-8c24c0c5dcbb" providerId="ADAL" clId="{1B36617D-CEC0-4258-B5EC-1AF91E651E77}" dt="2023-10-04T18:55:39.024" v="11937" actId="1076"/>
          <ac:spMkLst>
            <pc:docMk/>
            <pc:sldMk cId="1325941098" sldId="299"/>
            <ac:spMk id="6" creationId="{077F3217-5125-4C50-4EC4-07ACDA3C7769}"/>
          </ac:spMkLst>
        </pc:spChg>
        <pc:spChg chg="add mod">
          <ac:chgData name="Roger Cai" userId="22586480-35c0-4c25-95bc-8c24c0c5dcbb" providerId="ADAL" clId="{1B36617D-CEC0-4258-B5EC-1AF91E651E77}" dt="2023-10-04T18:54:44.858" v="11931" actId="20577"/>
          <ac:spMkLst>
            <pc:docMk/>
            <pc:sldMk cId="1325941098" sldId="299"/>
            <ac:spMk id="10" creationId="{AB97BBAA-4F1C-3440-7F44-E6E43020EEBA}"/>
          </ac:spMkLst>
        </pc:spChg>
        <pc:spChg chg="add">
          <ac:chgData name="Roger Cai" userId="22586480-35c0-4c25-95bc-8c24c0c5dcbb" providerId="ADAL" clId="{1B36617D-CEC0-4258-B5EC-1AF91E651E77}" dt="2023-10-04T18:55:33.318" v="11936" actId="11529"/>
          <ac:spMkLst>
            <pc:docMk/>
            <pc:sldMk cId="1325941098" sldId="299"/>
            <ac:spMk id="13" creationId="{138E3E99-D97A-4602-A506-978FA9E25605}"/>
          </ac:spMkLst>
        </pc:spChg>
        <pc:spChg chg="add del">
          <ac:chgData name="Roger Cai" userId="22586480-35c0-4c25-95bc-8c24c0c5dcbb" providerId="ADAL" clId="{1B36617D-CEC0-4258-B5EC-1AF91E651E77}" dt="2023-10-04T18:55:48.406" v="11940" actId="11529"/>
          <ac:spMkLst>
            <pc:docMk/>
            <pc:sldMk cId="1325941098" sldId="299"/>
            <ac:spMk id="14" creationId="{FFF9B838-78BF-6CA0-D3EA-7C3D1C293E96}"/>
          </ac:spMkLst>
        </pc:spChg>
        <pc:spChg chg="add mod">
          <ac:chgData name="Roger Cai" userId="22586480-35c0-4c25-95bc-8c24c0c5dcbb" providerId="ADAL" clId="{1B36617D-CEC0-4258-B5EC-1AF91E651E77}" dt="2023-10-04T18:55:53.184" v="11942" actId="1076"/>
          <ac:spMkLst>
            <pc:docMk/>
            <pc:sldMk cId="1325941098" sldId="299"/>
            <ac:spMk id="15" creationId="{13FFC97C-D445-A614-83B7-62006D05F534}"/>
          </ac:spMkLst>
        </pc:spChg>
        <pc:spChg chg="add mod">
          <ac:chgData name="Roger Cai" userId="22586480-35c0-4c25-95bc-8c24c0c5dcbb" providerId="ADAL" clId="{1B36617D-CEC0-4258-B5EC-1AF91E651E77}" dt="2023-10-04T23:38:29.037" v="12921" actId="1076"/>
          <ac:spMkLst>
            <pc:docMk/>
            <pc:sldMk cId="1325941098" sldId="299"/>
            <ac:spMk id="17" creationId="{4FBF618A-13B7-3598-991C-C2BAD03F2C25}"/>
          </ac:spMkLst>
        </pc:spChg>
        <pc:picChg chg="add mod">
          <ac:chgData name="Roger Cai" userId="22586480-35c0-4c25-95bc-8c24c0c5dcbb" providerId="ADAL" clId="{1B36617D-CEC0-4258-B5EC-1AF91E651E77}" dt="2023-10-04T18:55:42.270" v="11938" actId="1076"/>
          <ac:picMkLst>
            <pc:docMk/>
            <pc:sldMk cId="1325941098" sldId="299"/>
            <ac:picMk id="7" creationId="{4DBE2568-D249-CA38-3C52-F2B824E65465}"/>
          </ac:picMkLst>
        </pc:picChg>
        <pc:picChg chg="add mod">
          <ac:chgData name="Roger Cai" userId="22586480-35c0-4c25-95bc-8c24c0c5dcbb" providerId="ADAL" clId="{1B36617D-CEC0-4258-B5EC-1AF91E651E77}" dt="2023-10-04T18:56:06.039" v="11945" actId="1076"/>
          <ac:picMkLst>
            <pc:docMk/>
            <pc:sldMk cId="1325941098" sldId="299"/>
            <ac:picMk id="16" creationId="{C9054AF3-04F7-B17D-3727-30FC55329486}"/>
          </ac:picMkLst>
        </pc:picChg>
        <pc:cxnChg chg="add">
          <ac:chgData name="Roger Cai" userId="22586480-35c0-4c25-95bc-8c24c0c5dcbb" providerId="ADAL" clId="{1B36617D-CEC0-4258-B5EC-1AF91E651E77}" dt="2023-10-04T18:54:00.501" v="11892" actId="11529"/>
          <ac:cxnSpMkLst>
            <pc:docMk/>
            <pc:sldMk cId="1325941098" sldId="299"/>
            <ac:cxnSpMk id="9" creationId="{A153C951-0486-857F-DA24-2ABE7B546C07}"/>
          </ac:cxnSpMkLst>
        </pc:cxnChg>
        <pc:cxnChg chg="add del mod">
          <ac:chgData name="Roger Cai" userId="22586480-35c0-4c25-95bc-8c24c0c5dcbb" providerId="ADAL" clId="{1B36617D-CEC0-4258-B5EC-1AF91E651E77}" dt="2023-10-04T18:55:26.556" v="11935" actId="11529"/>
          <ac:cxnSpMkLst>
            <pc:docMk/>
            <pc:sldMk cId="1325941098" sldId="299"/>
            <ac:cxnSpMk id="12" creationId="{E2E3A3A8-CD79-13D2-EBAC-2675568C8975}"/>
          </ac:cxnSpMkLst>
        </pc:cxnChg>
      </pc:sldChg>
      <pc:sldChg chg="add">
        <pc:chgData name="Roger Cai" userId="22586480-35c0-4c25-95bc-8c24c0c5dcbb" providerId="ADAL" clId="{1B36617D-CEC0-4258-B5EC-1AF91E651E77}" dt="2023-10-04T19:02:47.110" v="11975"/>
        <pc:sldMkLst>
          <pc:docMk/>
          <pc:sldMk cId="294141051" sldId="300"/>
        </pc:sldMkLst>
      </pc:sldChg>
      <pc:sldChg chg="addSp delSp modSp mod ord">
        <pc:chgData name="Roger Cai" userId="22586480-35c0-4c25-95bc-8c24c0c5dcbb" providerId="ADAL" clId="{1B36617D-CEC0-4258-B5EC-1AF91E651E77}" dt="2023-10-04T19:17:40.222" v="12070" actId="403"/>
        <pc:sldMkLst>
          <pc:docMk/>
          <pc:sldMk cId="191512076" sldId="301"/>
        </pc:sldMkLst>
        <pc:spChg chg="mod">
          <ac:chgData name="Roger Cai" userId="22586480-35c0-4c25-95bc-8c24c0c5dcbb" providerId="ADAL" clId="{1B36617D-CEC0-4258-B5EC-1AF91E651E77}" dt="2023-10-04T19:17:40.222" v="12070" actId="403"/>
          <ac:spMkLst>
            <pc:docMk/>
            <pc:sldMk cId="191512076" sldId="301"/>
            <ac:spMk id="6" creationId="{66A0D2AD-542C-673B-C6CF-1E12E53F87B0}"/>
          </ac:spMkLst>
        </pc:spChg>
        <pc:spChg chg="add mod">
          <ac:chgData name="Roger Cai" userId="22586480-35c0-4c25-95bc-8c24c0c5dcbb" providerId="ADAL" clId="{1B36617D-CEC0-4258-B5EC-1AF91E651E77}" dt="2023-10-04T19:16:08.375" v="12037" actId="164"/>
          <ac:spMkLst>
            <pc:docMk/>
            <pc:sldMk cId="191512076" sldId="301"/>
            <ac:spMk id="7" creationId="{E2B12D59-A96D-9824-66DD-390EC09E5301}"/>
          </ac:spMkLst>
        </pc:spChg>
        <pc:spChg chg="del">
          <ac:chgData name="Roger Cai" userId="22586480-35c0-4c25-95bc-8c24c0c5dcbb" providerId="ADAL" clId="{1B36617D-CEC0-4258-B5EC-1AF91E651E77}" dt="2023-10-04T19:09:56.473" v="11980" actId="478"/>
          <ac:spMkLst>
            <pc:docMk/>
            <pc:sldMk cId="191512076" sldId="301"/>
            <ac:spMk id="8" creationId="{DD86999B-4DCF-D0B3-BE07-468DD003CAF1}"/>
          </ac:spMkLst>
        </pc:spChg>
        <pc:spChg chg="del">
          <ac:chgData name="Roger Cai" userId="22586480-35c0-4c25-95bc-8c24c0c5dcbb" providerId="ADAL" clId="{1B36617D-CEC0-4258-B5EC-1AF91E651E77}" dt="2023-10-04T19:09:56.473" v="11980" actId="478"/>
          <ac:spMkLst>
            <pc:docMk/>
            <pc:sldMk cId="191512076" sldId="301"/>
            <ac:spMk id="9" creationId="{2ACD3E5C-80BC-D36E-A6B8-4C3F289A2935}"/>
          </ac:spMkLst>
        </pc:spChg>
        <pc:spChg chg="del">
          <ac:chgData name="Roger Cai" userId="22586480-35c0-4c25-95bc-8c24c0c5dcbb" providerId="ADAL" clId="{1B36617D-CEC0-4258-B5EC-1AF91E651E77}" dt="2023-10-04T19:09:56.473" v="11980" actId="478"/>
          <ac:spMkLst>
            <pc:docMk/>
            <pc:sldMk cId="191512076" sldId="301"/>
            <ac:spMk id="10" creationId="{020CE43C-11C1-5D0E-DD0B-B96435AA9356}"/>
          </ac:spMkLst>
        </pc:spChg>
        <pc:spChg chg="add mod">
          <ac:chgData name="Roger Cai" userId="22586480-35c0-4c25-95bc-8c24c0c5dcbb" providerId="ADAL" clId="{1B36617D-CEC0-4258-B5EC-1AF91E651E77}" dt="2023-10-04T19:16:08.375" v="12037" actId="164"/>
          <ac:spMkLst>
            <pc:docMk/>
            <pc:sldMk cId="191512076" sldId="301"/>
            <ac:spMk id="11" creationId="{22CEFF9A-232D-7B75-0094-E77A35D467A5}"/>
          </ac:spMkLst>
        </pc:spChg>
        <pc:spChg chg="add mod">
          <ac:chgData name="Roger Cai" userId="22586480-35c0-4c25-95bc-8c24c0c5dcbb" providerId="ADAL" clId="{1B36617D-CEC0-4258-B5EC-1AF91E651E77}" dt="2023-10-04T19:16:08.375" v="12037" actId="164"/>
          <ac:spMkLst>
            <pc:docMk/>
            <pc:sldMk cId="191512076" sldId="301"/>
            <ac:spMk id="16" creationId="{60218F43-C242-05A0-5493-6BF00DFA4E02}"/>
          </ac:spMkLst>
        </pc:spChg>
        <pc:spChg chg="add mod">
          <ac:chgData name="Roger Cai" userId="22586480-35c0-4c25-95bc-8c24c0c5dcbb" providerId="ADAL" clId="{1B36617D-CEC0-4258-B5EC-1AF91E651E77}" dt="2023-10-04T19:16:25.145" v="12038" actId="164"/>
          <ac:spMkLst>
            <pc:docMk/>
            <pc:sldMk cId="191512076" sldId="301"/>
            <ac:spMk id="19" creationId="{64ADB7B3-F01F-C572-F3F2-E3DBD387D3E0}"/>
          </ac:spMkLst>
        </pc:spChg>
        <pc:spChg chg="add mod">
          <ac:chgData name="Roger Cai" userId="22586480-35c0-4c25-95bc-8c24c0c5dcbb" providerId="ADAL" clId="{1B36617D-CEC0-4258-B5EC-1AF91E651E77}" dt="2023-10-04T19:16:25.145" v="12038" actId="164"/>
          <ac:spMkLst>
            <pc:docMk/>
            <pc:sldMk cId="191512076" sldId="301"/>
            <ac:spMk id="20" creationId="{C266265A-8096-90F4-FE8B-82DC0065240F}"/>
          </ac:spMkLst>
        </pc:spChg>
        <pc:spChg chg="add mod">
          <ac:chgData name="Roger Cai" userId="22586480-35c0-4c25-95bc-8c24c0c5dcbb" providerId="ADAL" clId="{1B36617D-CEC0-4258-B5EC-1AF91E651E77}" dt="2023-10-04T19:16:25.145" v="12038" actId="164"/>
          <ac:spMkLst>
            <pc:docMk/>
            <pc:sldMk cId="191512076" sldId="301"/>
            <ac:spMk id="22" creationId="{098191BB-FADC-44F8-46BD-7EAA97439439}"/>
          </ac:spMkLst>
        </pc:spChg>
        <pc:spChg chg="add mod">
          <ac:chgData name="Roger Cai" userId="22586480-35c0-4c25-95bc-8c24c0c5dcbb" providerId="ADAL" clId="{1B36617D-CEC0-4258-B5EC-1AF91E651E77}" dt="2023-10-04T19:16:37.431" v="12040" actId="13822"/>
          <ac:spMkLst>
            <pc:docMk/>
            <pc:sldMk cId="191512076" sldId="301"/>
            <ac:spMk id="32" creationId="{70FAB71B-5207-433F-14F5-36524FFA2957}"/>
          </ac:spMkLst>
        </pc:spChg>
        <pc:spChg chg="add mod">
          <ac:chgData name="Roger Cai" userId="22586480-35c0-4c25-95bc-8c24c0c5dcbb" providerId="ADAL" clId="{1B36617D-CEC0-4258-B5EC-1AF91E651E77}" dt="2023-10-04T19:17:14.884" v="12067" actId="1076"/>
          <ac:spMkLst>
            <pc:docMk/>
            <pc:sldMk cId="191512076" sldId="301"/>
            <ac:spMk id="33" creationId="{2EA30DB2-7420-47E2-CDE5-0077F50A7A20}"/>
          </ac:spMkLst>
        </pc:spChg>
        <pc:grpChg chg="add mod">
          <ac:chgData name="Roger Cai" userId="22586480-35c0-4c25-95bc-8c24c0c5dcbb" providerId="ADAL" clId="{1B36617D-CEC0-4258-B5EC-1AF91E651E77}" dt="2023-10-04T19:16:08.375" v="12037" actId="164"/>
          <ac:grpSpMkLst>
            <pc:docMk/>
            <pc:sldMk cId="191512076" sldId="301"/>
            <ac:grpSpMk id="30" creationId="{1E7B80CE-85D5-8F0C-BF68-6ADC71152399}"/>
          </ac:grpSpMkLst>
        </pc:grpChg>
        <pc:grpChg chg="add mod">
          <ac:chgData name="Roger Cai" userId="22586480-35c0-4c25-95bc-8c24c0c5dcbb" providerId="ADAL" clId="{1B36617D-CEC0-4258-B5EC-1AF91E651E77}" dt="2023-10-04T19:16:39.772" v="12043" actId="1076"/>
          <ac:grpSpMkLst>
            <pc:docMk/>
            <pc:sldMk cId="191512076" sldId="301"/>
            <ac:grpSpMk id="31" creationId="{7E0F1902-DEC6-699E-B3FB-0F27929FF098}"/>
          </ac:grpSpMkLst>
        </pc:grpChg>
        <pc:cxnChg chg="add mod">
          <ac:chgData name="Roger Cai" userId="22586480-35c0-4c25-95bc-8c24c0c5dcbb" providerId="ADAL" clId="{1B36617D-CEC0-4258-B5EC-1AF91E651E77}" dt="2023-10-04T19:16:08.375" v="12037" actId="164"/>
          <ac:cxnSpMkLst>
            <pc:docMk/>
            <pc:sldMk cId="191512076" sldId="301"/>
            <ac:cxnSpMk id="3" creationId="{1413B584-D9F6-C853-BDC2-CF90EF6FC770}"/>
          </ac:cxnSpMkLst>
        </pc:cxnChg>
        <pc:cxnChg chg="add mod">
          <ac:chgData name="Roger Cai" userId="22586480-35c0-4c25-95bc-8c24c0c5dcbb" providerId="ADAL" clId="{1B36617D-CEC0-4258-B5EC-1AF91E651E77}" dt="2023-10-04T19:16:08.375" v="12037" actId="164"/>
          <ac:cxnSpMkLst>
            <pc:docMk/>
            <pc:sldMk cId="191512076" sldId="301"/>
            <ac:cxnSpMk id="4" creationId="{35E9A89C-6DD4-A819-0310-D410ACCEDF09}"/>
          </ac:cxnSpMkLst>
        </pc:cxnChg>
        <pc:cxnChg chg="add del">
          <ac:chgData name="Roger Cai" userId="22586480-35c0-4c25-95bc-8c24c0c5dcbb" providerId="ADAL" clId="{1B36617D-CEC0-4258-B5EC-1AF91E651E77}" dt="2023-10-04T19:11:37.797" v="12008" actId="11529"/>
          <ac:cxnSpMkLst>
            <pc:docMk/>
            <pc:sldMk cId="191512076" sldId="301"/>
            <ac:cxnSpMk id="13" creationId="{0BC13C1C-29BA-3D6A-6C37-02367B31B323}"/>
          </ac:cxnSpMkLst>
        </pc:cxnChg>
        <pc:cxnChg chg="add mod">
          <ac:chgData name="Roger Cai" userId="22586480-35c0-4c25-95bc-8c24c0c5dcbb" providerId="ADAL" clId="{1B36617D-CEC0-4258-B5EC-1AF91E651E77}" dt="2023-10-04T19:16:08.375" v="12037" actId="164"/>
          <ac:cxnSpMkLst>
            <pc:docMk/>
            <pc:sldMk cId="191512076" sldId="301"/>
            <ac:cxnSpMk id="15" creationId="{B38FDD8C-5E72-EB3B-7363-DD36DB03E7EF}"/>
          </ac:cxnSpMkLst>
        </pc:cxnChg>
        <pc:cxnChg chg="add mod">
          <ac:chgData name="Roger Cai" userId="22586480-35c0-4c25-95bc-8c24c0c5dcbb" providerId="ADAL" clId="{1B36617D-CEC0-4258-B5EC-1AF91E651E77}" dt="2023-10-04T19:16:25.145" v="12038" actId="164"/>
          <ac:cxnSpMkLst>
            <pc:docMk/>
            <pc:sldMk cId="191512076" sldId="301"/>
            <ac:cxnSpMk id="17" creationId="{2A9A3135-4B17-ADFA-80E4-72628F388605}"/>
          </ac:cxnSpMkLst>
        </pc:cxnChg>
        <pc:cxnChg chg="add mod">
          <ac:chgData name="Roger Cai" userId="22586480-35c0-4c25-95bc-8c24c0c5dcbb" providerId="ADAL" clId="{1B36617D-CEC0-4258-B5EC-1AF91E651E77}" dt="2023-10-04T19:16:25.145" v="12038" actId="164"/>
          <ac:cxnSpMkLst>
            <pc:docMk/>
            <pc:sldMk cId="191512076" sldId="301"/>
            <ac:cxnSpMk id="18" creationId="{3BE2EB4B-24D6-66B7-3CD3-994636290094}"/>
          </ac:cxnSpMkLst>
        </pc:cxnChg>
        <pc:cxnChg chg="add mod">
          <ac:chgData name="Roger Cai" userId="22586480-35c0-4c25-95bc-8c24c0c5dcbb" providerId="ADAL" clId="{1B36617D-CEC0-4258-B5EC-1AF91E651E77}" dt="2023-10-04T19:16:25.145" v="12038" actId="164"/>
          <ac:cxnSpMkLst>
            <pc:docMk/>
            <pc:sldMk cId="191512076" sldId="301"/>
            <ac:cxnSpMk id="21" creationId="{A02B7DC3-3BDF-3637-8597-6A333C5E4891}"/>
          </ac:cxnSpMkLst>
        </pc:cxnChg>
      </pc:sldChg>
      <pc:sldChg chg="new del">
        <pc:chgData name="Roger Cai" userId="22586480-35c0-4c25-95bc-8c24c0c5dcbb" providerId="ADAL" clId="{1B36617D-CEC0-4258-B5EC-1AF91E651E77}" dt="2023-10-04T22:15:50.267" v="12110" actId="680"/>
        <pc:sldMkLst>
          <pc:docMk/>
          <pc:sldMk cId="2969774807" sldId="302"/>
        </pc:sldMkLst>
      </pc:sldChg>
      <pc:sldChg chg="addSp delSp modSp mod">
        <pc:chgData name="Roger Cai" userId="22586480-35c0-4c25-95bc-8c24c0c5dcbb" providerId="ADAL" clId="{1B36617D-CEC0-4258-B5EC-1AF91E651E77}" dt="2023-10-04T22:49:31.637" v="12481" actId="20577"/>
        <pc:sldMkLst>
          <pc:docMk/>
          <pc:sldMk cId="3658754358" sldId="302"/>
        </pc:sldMkLst>
        <pc:spChg chg="add mod">
          <ac:chgData name="Roger Cai" userId="22586480-35c0-4c25-95bc-8c24c0c5dcbb" providerId="ADAL" clId="{1B36617D-CEC0-4258-B5EC-1AF91E651E77}" dt="2023-10-04T22:49:24.499" v="12477" actId="20577"/>
          <ac:spMkLst>
            <pc:docMk/>
            <pc:sldMk cId="3658754358" sldId="302"/>
            <ac:spMk id="2" creationId="{818E9F9F-0F48-E1F6-C2CF-C6402245C516}"/>
          </ac:spMkLst>
        </pc:spChg>
        <pc:spChg chg="add mod">
          <ac:chgData name="Roger Cai" userId="22586480-35c0-4c25-95bc-8c24c0c5dcbb" providerId="ADAL" clId="{1B36617D-CEC0-4258-B5EC-1AF91E651E77}" dt="2023-10-04T22:30:30.412" v="12438" actId="164"/>
          <ac:spMkLst>
            <pc:docMk/>
            <pc:sldMk cId="3658754358" sldId="302"/>
            <ac:spMk id="3" creationId="{84C6302A-965E-3A9A-F433-B1068DE4D3B0}"/>
          </ac:spMkLst>
        </pc:spChg>
        <pc:spChg chg="add mod">
          <ac:chgData name="Roger Cai" userId="22586480-35c0-4c25-95bc-8c24c0c5dcbb" providerId="ADAL" clId="{1B36617D-CEC0-4258-B5EC-1AF91E651E77}" dt="2023-10-04T22:30:30.412" v="12438" actId="164"/>
          <ac:spMkLst>
            <pc:docMk/>
            <pc:sldMk cId="3658754358" sldId="302"/>
            <ac:spMk id="4" creationId="{8E784821-DB94-B348-79BB-303DE5AC466B}"/>
          </ac:spMkLst>
        </pc:spChg>
        <pc:spChg chg="add mod">
          <ac:chgData name="Roger Cai" userId="22586480-35c0-4c25-95bc-8c24c0c5dcbb" providerId="ADAL" clId="{1B36617D-CEC0-4258-B5EC-1AF91E651E77}" dt="2023-10-04T22:30:30.412" v="12438" actId="164"/>
          <ac:spMkLst>
            <pc:docMk/>
            <pc:sldMk cId="3658754358" sldId="302"/>
            <ac:spMk id="5" creationId="{529ACA15-B0E7-B22B-BFC6-B5F231C9C2A4}"/>
          </ac:spMkLst>
        </pc:spChg>
        <pc:spChg chg="add mod">
          <ac:chgData name="Roger Cai" userId="22586480-35c0-4c25-95bc-8c24c0c5dcbb" providerId="ADAL" clId="{1B36617D-CEC0-4258-B5EC-1AF91E651E77}" dt="2023-10-04T22:30:30.412" v="12438" actId="164"/>
          <ac:spMkLst>
            <pc:docMk/>
            <pc:sldMk cId="3658754358" sldId="302"/>
            <ac:spMk id="6" creationId="{5632B66F-D0BB-EDD5-FC4D-C779FE2C8A42}"/>
          </ac:spMkLst>
        </pc:spChg>
        <pc:spChg chg="add mod">
          <ac:chgData name="Roger Cai" userId="22586480-35c0-4c25-95bc-8c24c0c5dcbb" providerId="ADAL" clId="{1B36617D-CEC0-4258-B5EC-1AF91E651E77}" dt="2023-10-04T22:30:30.412" v="12438" actId="164"/>
          <ac:spMkLst>
            <pc:docMk/>
            <pc:sldMk cId="3658754358" sldId="302"/>
            <ac:spMk id="7" creationId="{4E0B07E8-B97A-493B-8776-B5F1D2586ADA}"/>
          </ac:spMkLst>
        </pc:spChg>
        <pc:spChg chg="add mod">
          <ac:chgData name="Roger Cai" userId="22586480-35c0-4c25-95bc-8c24c0c5dcbb" providerId="ADAL" clId="{1B36617D-CEC0-4258-B5EC-1AF91E651E77}" dt="2023-10-04T22:30:30.412" v="12438" actId="164"/>
          <ac:spMkLst>
            <pc:docMk/>
            <pc:sldMk cId="3658754358" sldId="302"/>
            <ac:spMk id="8" creationId="{55A52EB0-7233-DD6A-988E-B1BE4BC0FCFC}"/>
          </ac:spMkLst>
        </pc:spChg>
        <pc:spChg chg="add mod">
          <ac:chgData name="Roger Cai" userId="22586480-35c0-4c25-95bc-8c24c0c5dcbb" providerId="ADAL" clId="{1B36617D-CEC0-4258-B5EC-1AF91E651E77}" dt="2023-10-04T22:30:30.412" v="12438" actId="164"/>
          <ac:spMkLst>
            <pc:docMk/>
            <pc:sldMk cId="3658754358" sldId="302"/>
            <ac:spMk id="9" creationId="{15445545-C6C8-FBEB-2F7A-E6127784D950}"/>
          </ac:spMkLst>
        </pc:spChg>
        <pc:spChg chg="add mod">
          <ac:chgData name="Roger Cai" userId="22586480-35c0-4c25-95bc-8c24c0c5dcbb" providerId="ADAL" clId="{1B36617D-CEC0-4258-B5EC-1AF91E651E77}" dt="2023-10-04T22:30:30.412" v="12438" actId="164"/>
          <ac:spMkLst>
            <pc:docMk/>
            <pc:sldMk cId="3658754358" sldId="302"/>
            <ac:spMk id="10" creationId="{7597A6AD-B859-17E0-869E-83FF32810275}"/>
          </ac:spMkLst>
        </pc:spChg>
        <pc:spChg chg="mod">
          <ac:chgData name="Roger Cai" userId="22586480-35c0-4c25-95bc-8c24c0c5dcbb" providerId="ADAL" clId="{1B36617D-CEC0-4258-B5EC-1AF91E651E77}" dt="2023-10-04T22:49:31.637" v="12481" actId="20577"/>
          <ac:spMkLst>
            <pc:docMk/>
            <pc:sldMk cId="3658754358" sldId="302"/>
            <ac:spMk id="22" creationId="{4CD4A755-7E83-EA65-5AB2-B4544D3FC1AE}"/>
          </ac:spMkLst>
        </pc:spChg>
        <pc:spChg chg="del mod">
          <ac:chgData name="Roger Cai" userId="22586480-35c0-4c25-95bc-8c24c0c5dcbb" providerId="ADAL" clId="{1B36617D-CEC0-4258-B5EC-1AF91E651E77}" dt="2023-10-04T22:31:05.866" v="12451" actId="478"/>
          <ac:spMkLst>
            <pc:docMk/>
            <pc:sldMk cId="3658754358" sldId="302"/>
            <ac:spMk id="24" creationId="{339C6FF7-A5FD-CB6E-27A6-0A836C5BF9C8}"/>
          </ac:spMkLst>
        </pc:spChg>
        <pc:spChg chg="mod">
          <ac:chgData name="Roger Cai" userId="22586480-35c0-4c25-95bc-8c24c0c5dcbb" providerId="ADAL" clId="{1B36617D-CEC0-4258-B5EC-1AF91E651E77}" dt="2023-10-04T22:31:12.849" v="12452" actId="1076"/>
          <ac:spMkLst>
            <pc:docMk/>
            <pc:sldMk cId="3658754358" sldId="302"/>
            <ac:spMk id="26" creationId="{7069450B-0EEC-77C2-92AB-D90AEB2A831E}"/>
          </ac:spMkLst>
        </pc:spChg>
        <pc:spChg chg="mod">
          <ac:chgData name="Roger Cai" userId="22586480-35c0-4c25-95bc-8c24c0c5dcbb" providerId="ADAL" clId="{1B36617D-CEC0-4258-B5EC-1AF91E651E77}" dt="2023-10-04T22:31:18.326" v="12453" actId="1076"/>
          <ac:spMkLst>
            <pc:docMk/>
            <pc:sldMk cId="3658754358" sldId="302"/>
            <ac:spMk id="28" creationId="{5B692CBF-29D0-024C-EA55-F8CF53BC008F}"/>
          </ac:spMkLst>
        </pc:spChg>
        <pc:spChg chg="mod">
          <ac:chgData name="Roger Cai" userId="22586480-35c0-4c25-95bc-8c24c0c5dcbb" providerId="ADAL" clId="{1B36617D-CEC0-4258-B5EC-1AF91E651E77}" dt="2023-10-04T22:31:23.635" v="12454" actId="1076"/>
          <ac:spMkLst>
            <pc:docMk/>
            <pc:sldMk cId="3658754358" sldId="302"/>
            <ac:spMk id="30" creationId="{EB0549D0-5AB7-2F28-5ADC-15CC232D0ED2}"/>
          </ac:spMkLst>
        </pc:spChg>
        <pc:spChg chg="mod">
          <ac:chgData name="Roger Cai" userId="22586480-35c0-4c25-95bc-8c24c0c5dcbb" providerId="ADAL" clId="{1B36617D-CEC0-4258-B5EC-1AF91E651E77}" dt="2023-10-04T22:31:30.504" v="12455" actId="1076"/>
          <ac:spMkLst>
            <pc:docMk/>
            <pc:sldMk cId="3658754358" sldId="302"/>
            <ac:spMk id="31" creationId="{A13B46D4-3A82-456A-8B93-386E4AD5D020}"/>
          </ac:spMkLst>
        </pc:spChg>
        <pc:spChg chg="mod">
          <ac:chgData name="Roger Cai" userId="22586480-35c0-4c25-95bc-8c24c0c5dcbb" providerId="ADAL" clId="{1B36617D-CEC0-4258-B5EC-1AF91E651E77}" dt="2023-10-04T22:31:37.704" v="12456" actId="1076"/>
          <ac:spMkLst>
            <pc:docMk/>
            <pc:sldMk cId="3658754358" sldId="302"/>
            <ac:spMk id="32" creationId="{CDF5F342-174A-140E-F56D-123BF807AC3B}"/>
          </ac:spMkLst>
        </pc:spChg>
        <pc:spChg chg="mod">
          <ac:chgData name="Roger Cai" userId="22586480-35c0-4c25-95bc-8c24c0c5dcbb" providerId="ADAL" clId="{1B36617D-CEC0-4258-B5EC-1AF91E651E77}" dt="2023-10-04T22:31:41.070" v="12457" actId="1076"/>
          <ac:spMkLst>
            <pc:docMk/>
            <pc:sldMk cId="3658754358" sldId="302"/>
            <ac:spMk id="33" creationId="{33A90050-F6E9-E787-93D0-9AB76C439338}"/>
          </ac:spMkLst>
        </pc:spChg>
        <pc:spChg chg="mod">
          <ac:chgData name="Roger Cai" userId="22586480-35c0-4c25-95bc-8c24c0c5dcbb" providerId="ADAL" clId="{1B36617D-CEC0-4258-B5EC-1AF91E651E77}" dt="2023-10-04T22:31:46.604" v="12459" actId="1076"/>
          <ac:spMkLst>
            <pc:docMk/>
            <pc:sldMk cId="3658754358" sldId="302"/>
            <ac:spMk id="34" creationId="{FF241379-A00B-FD97-C8A9-0C0D20CAB4E1}"/>
          </ac:spMkLst>
        </pc:spChg>
        <pc:grpChg chg="add mod">
          <ac:chgData name="Roger Cai" userId="22586480-35c0-4c25-95bc-8c24c0c5dcbb" providerId="ADAL" clId="{1B36617D-CEC0-4258-B5EC-1AF91E651E77}" dt="2023-10-04T22:30:40.371" v="12439"/>
          <ac:grpSpMkLst>
            <pc:docMk/>
            <pc:sldMk cId="3658754358" sldId="302"/>
            <ac:grpSpMk id="11" creationId="{35FD6F52-3EAE-7E53-8EC8-BD6590B8C6CF}"/>
          </ac:grpSpMkLst>
        </pc:grpChg>
        <pc:grpChg chg="del mod">
          <ac:chgData name="Roger Cai" userId="22586480-35c0-4c25-95bc-8c24c0c5dcbb" providerId="ADAL" clId="{1B36617D-CEC0-4258-B5EC-1AF91E651E77}" dt="2023-10-04T22:15:57.506" v="12112" actId="478"/>
          <ac:grpSpMkLst>
            <pc:docMk/>
            <pc:sldMk cId="3658754358" sldId="302"/>
            <ac:grpSpMk id="18" creationId="{31B413BA-4763-3ABC-6702-567513C37111}"/>
          </ac:grpSpMkLst>
        </pc:grpChg>
        <pc:grpChg chg="add mod">
          <ac:chgData name="Roger Cai" userId="22586480-35c0-4c25-95bc-8c24c0c5dcbb" providerId="ADAL" clId="{1B36617D-CEC0-4258-B5EC-1AF91E651E77}" dt="2023-10-04T22:33:17.675" v="12461" actId="1076"/>
          <ac:grpSpMkLst>
            <pc:docMk/>
            <pc:sldMk cId="3658754358" sldId="302"/>
            <ac:grpSpMk id="20" creationId="{C6F61287-5D17-C30B-2324-EE00D30A8E44}"/>
          </ac:grpSpMkLst>
        </pc:grpChg>
        <pc:picChg chg="add mod">
          <ac:chgData name="Roger Cai" userId="22586480-35c0-4c25-95bc-8c24c0c5dcbb" providerId="ADAL" clId="{1B36617D-CEC0-4258-B5EC-1AF91E651E77}" dt="2023-10-04T22:38:28.058" v="12465" actId="1076"/>
          <ac:picMkLst>
            <pc:docMk/>
            <pc:sldMk cId="3658754358" sldId="302"/>
            <ac:picMk id="36" creationId="{739D3FDC-EECD-58EC-3BE1-A0E068B032C2}"/>
          </ac:picMkLst>
        </pc:picChg>
      </pc:sldChg>
      <pc:sldChg chg="addSp delSp modSp new mod setBg">
        <pc:chgData name="Roger Cai" userId="22586480-35c0-4c25-95bc-8c24c0c5dcbb" providerId="ADAL" clId="{1B36617D-CEC0-4258-B5EC-1AF91E651E77}" dt="2023-10-04T23:08:07.330" v="12855" actId="26606"/>
        <pc:sldMkLst>
          <pc:docMk/>
          <pc:sldMk cId="4117660193" sldId="303"/>
        </pc:sldMkLst>
        <pc:spChg chg="mod">
          <ac:chgData name="Roger Cai" userId="22586480-35c0-4c25-95bc-8c24c0c5dcbb" providerId="ADAL" clId="{1B36617D-CEC0-4258-B5EC-1AF91E651E77}" dt="2023-10-04T23:08:07.330" v="12855" actId="26606"/>
          <ac:spMkLst>
            <pc:docMk/>
            <pc:sldMk cId="4117660193" sldId="303"/>
            <ac:spMk id="2" creationId="{EDC4433B-B5E5-C505-4E5F-9EF576BBBAA5}"/>
          </ac:spMkLst>
        </pc:spChg>
        <pc:spChg chg="mod">
          <ac:chgData name="Roger Cai" userId="22586480-35c0-4c25-95bc-8c24c0c5dcbb" providerId="ADAL" clId="{1B36617D-CEC0-4258-B5EC-1AF91E651E77}" dt="2023-10-04T23:08:07.330" v="12855" actId="26606"/>
          <ac:spMkLst>
            <pc:docMk/>
            <pc:sldMk cId="4117660193" sldId="303"/>
            <ac:spMk id="3" creationId="{ED0DC9B8-C1A5-E70E-1993-5E7134097964}"/>
          </ac:spMkLst>
        </pc:spChg>
        <pc:spChg chg="add del">
          <ac:chgData name="Roger Cai" userId="22586480-35c0-4c25-95bc-8c24c0c5dcbb" providerId="ADAL" clId="{1B36617D-CEC0-4258-B5EC-1AF91E651E77}" dt="2023-10-04T23:07:42.885" v="12844" actId="26606"/>
          <ac:spMkLst>
            <pc:docMk/>
            <pc:sldMk cId="4117660193" sldId="303"/>
            <ac:spMk id="8" creationId="{DAF1966E-FD40-4A4A-B61B-C4DF7FA05F06}"/>
          </ac:spMkLst>
        </pc:spChg>
        <pc:spChg chg="add del">
          <ac:chgData name="Roger Cai" userId="22586480-35c0-4c25-95bc-8c24c0c5dcbb" providerId="ADAL" clId="{1B36617D-CEC0-4258-B5EC-1AF91E651E77}" dt="2023-10-04T23:07:42.885" v="12844" actId="26606"/>
          <ac:spMkLst>
            <pc:docMk/>
            <pc:sldMk cId="4117660193" sldId="303"/>
            <ac:spMk id="10" creationId="{047BFA19-D45E-416B-A404-7AF2F3F27017}"/>
          </ac:spMkLst>
        </pc:spChg>
        <pc:spChg chg="add del">
          <ac:chgData name="Roger Cai" userId="22586480-35c0-4c25-95bc-8c24c0c5dcbb" providerId="ADAL" clId="{1B36617D-CEC0-4258-B5EC-1AF91E651E77}" dt="2023-10-04T23:07:42.885" v="12844" actId="26606"/>
          <ac:spMkLst>
            <pc:docMk/>
            <pc:sldMk cId="4117660193" sldId="303"/>
            <ac:spMk id="12" creationId="{8E0105E7-23DB-4CF2-8258-FF47C7620F6E}"/>
          </ac:spMkLst>
        </pc:spChg>
        <pc:spChg chg="add del">
          <ac:chgData name="Roger Cai" userId="22586480-35c0-4c25-95bc-8c24c0c5dcbb" providerId="ADAL" clId="{1B36617D-CEC0-4258-B5EC-1AF91E651E77}" dt="2023-10-04T23:07:42.885" v="12844" actId="26606"/>
          <ac:spMkLst>
            <pc:docMk/>
            <pc:sldMk cId="4117660193" sldId="303"/>
            <ac:spMk id="14" creationId="{074B4F7D-14B2-478B-8BF5-01E4E0C5D263}"/>
          </ac:spMkLst>
        </pc:spChg>
        <pc:spChg chg="add">
          <ac:chgData name="Roger Cai" userId="22586480-35c0-4c25-95bc-8c24c0c5dcbb" providerId="ADAL" clId="{1B36617D-CEC0-4258-B5EC-1AF91E651E77}" dt="2023-10-04T23:08:07.330" v="12855" actId="26606"/>
          <ac:spMkLst>
            <pc:docMk/>
            <pc:sldMk cId="4117660193" sldId="303"/>
            <ac:spMk id="15" creationId="{D5B0017B-2ECA-49AF-B397-DC140825DF8D}"/>
          </ac:spMkLst>
        </pc:spChg>
        <pc:spChg chg="add del">
          <ac:chgData name="Roger Cai" userId="22586480-35c0-4c25-95bc-8c24c0c5dcbb" providerId="ADAL" clId="{1B36617D-CEC0-4258-B5EC-1AF91E651E77}" dt="2023-10-04T23:07:44.930" v="12846" actId="26606"/>
          <ac:spMkLst>
            <pc:docMk/>
            <pc:sldMk cId="4117660193" sldId="303"/>
            <ac:spMk id="19" creationId="{5A0118C5-4F8D-4CF4-BADD-53FEACC6C42A}"/>
          </ac:spMkLst>
        </pc:spChg>
        <pc:spChg chg="add del">
          <ac:chgData name="Roger Cai" userId="22586480-35c0-4c25-95bc-8c24c0c5dcbb" providerId="ADAL" clId="{1B36617D-CEC0-4258-B5EC-1AF91E651E77}" dt="2023-10-04T23:07:44.930" v="12846" actId="26606"/>
          <ac:spMkLst>
            <pc:docMk/>
            <pc:sldMk cId="4117660193" sldId="303"/>
            <ac:spMk id="20" creationId="{4C6598AB-1C17-4D54-951C-A082D94ACB7A}"/>
          </ac:spMkLst>
        </pc:spChg>
        <pc:spChg chg="add del">
          <ac:chgData name="Roger Cai" userId="22586480-35c0-4c25-95bc-8c24c0c5dcbb" providerId="ADAL" clId="{1B36617D-CEC0-4258-B5EC-1AF91E651E77}" dt="2023-10-04T23:07:44.930" v="12846" actId="26606"/>
          <ac:spMkLst>
            <pc:docMk/>
            <pc:sldMk cId="4117660193" sldId="303"/>
            <ac:spMk id="21" creationId="{4E0A5C5C-2A95-428E-9F6A-0D29EBD57C9F}"/>
          </ac:spMkLst>
        </pc:spChg>
        <pc:spChg chg="add del">
          <ac:chgData name="Roger Cai" userId="22586480-35c0-4c25-95bc-8c24c0c5dcbb" providerId="ADAL" clId="{1B36617D-CEC0-4258-B5EC-1AF91E651E77}" dt="2023-10-04T23:07:44.930" v="12846" actId="26606"/>
          <ac:spMkLst>
            <pc:docMk/>
            <pc:sldMk cId="4117660193" sldId="303"/>
            <ac:spMk id="22" creationId="{C83B66D7-137D-4AC1-B172-53D60F08BEB5}"/>
          </ac:spMkLst>
        </pc:spChg>
        <pc:spChg chg="add del">
          <ac:chgData name="Roger Cai" userId="22586480-35c0-4c25-95bc-8c24c0c5dcbb" providerId="ADAL" clId="{1B36617D-CEC0-4258-B5EC-1AF91E651E77}" dt="2023-10-04T23:07:44.930" v="12846" actId="26606"/>
          <ac:spMkLst>
            <pc:docMk/>
            <pc:sldMk cId="4117660193" sldId="303"/>
            <ac:spMk id="23" creationId="{1056F38F-7C4E-461D-8709-7D0024AE1F79}"/>
          </ac:spMkLst>
        </pc:spChg>
        <pc:spChg chg="add del">
          <ac:chgData name="Roger Cai" userId="22586480-35c0-4c25-95bc-8c24c0c5dcbb" providerId="ADAL" clId="{1B36617D-CEC0-4258-B5EC-1AF91E651E77}" dt="2023-10-04T23:07:44.930" v="12846" actId="26606"/>
          <ac:spMkLst>
            <pc:docMk/>
            <pc:sldMk cId="4117660193" sldId="303"/>
            <ac:spMk id="24" creationId="{F6B92503-6984-4D15-8B98-8718709B785D}"/>
          </ac:spMkLst>
        </pc:spChg>
        <pc:spChg chg="add del">
          <ac:chgData name="Roger Cai" userId="22586480-35c0-4c25-95bc-8c24c0c5dcbb" providerId="ADAL" clId="{1B36617D-CEC0-4258-B5EC-1AF91E651E77}" dt="2023-10-04T23:07:44.930" v="12846" actId="26606"/>
          <ac:spMkLst>
            <pc:docMk/>
            <pc:sldMk cId="4117660193" sldId="303"/>
            <ac:spMk id="25" creationId="{C7278469-3C3C-49CE-AEEE-E176A4900B78}"/>
          </ac:spMkLst>
        </pc:spChg>
        <pc:spChg chg="add del">
          <ac:chgData name="Roger Cai" userId="22586480-35c0-4c25-95bc-8c24c0c5dcbb" providerId="ADAL" clId="{1B36617D-CEC0-4258-B5EC-1AF91E651E77}" dt="2023-10-04T23:07:44.930" v="12846" actId="26606"/>
          <ac:spMkLst>
            <pc:docMk/>
            <pc:sldMk cId="4117660193" sldId="303"/>
            <ac:spMk id="26" creationId="{08DDF938-524E-4C18-A47D-C00627832366}"/>
          </ac:spMkLst>
        </pc:spChg>
        <pc:spChg chg="add del">
          <ac:chgData name="Roger Cai" userId="22586480-35c0-4c25-95bc-8c24c0c5dcbb" providerId="ADAL" clId="{1B36617D-CEC0-4258-B5EC-1AF91E651E77}" dt="2023-10-04T23:07:48.709" v="12848" actId="26606"/>
          <ac:spMkLst>
            <pc:docMk/>
            <pc:sldMk cId="4117660193" sldId="303"/>
            <ac:spMk id="35" creationId="{100EDD19-6802-4EC3-95CE-CFFAB042CFD6}"/>
          </ac:spMkLst>
        </pc:spChg>
        <pc:spChg chg="add del">
          <ac:chgData name="Roger Cai" userId="22586480-35c0-4c25-95bc-8c24c0c5dcbb" providerId="ADAL" clId="{1B36617D-CEC0-4258-B5EC-1AF91E651E77}" dt="2023-10-04T23:07:48.709" v="12848" actId="26606"/>
          <ac:spMkLst>
            <pc:docMk/>
            <pc:sldMk cId="4117660193" sldId="303"/>
            <ac:spMk id="36" creationId="{DB17E863-922E-4C26-BD64-E8FD41D28661}"/>
          </ac:spMkLst>
        </pc:spChg>
        <pc:spChg chg="add del">
          <ac:chgData name="Roger Cai" userId="22586480-35c0-4c25-95bc-8c24c0c5dcbb" providerId="ADAL" clId="{1B36617D-CEC0-4258-B5EC-1AF91E651E77}" dt="2023-10-04T23:07:53.349" v="12850" actId="26606"/>
          <ac:spMkLst>
            <pc:docMk/>
            <pc:sldMk cId="4117660193" sldId="303"/>
            <ac:spMk id="38" creationId="{C2554CA6-288E-4202-BC52-2E5A8F0C0AED}"/>
          </ac:spMkLst>
        </pc:spChg>
        <pc:spChg chg="add del">
          <ac:chgData name="Roger Cai" userId="22586480-35c0-4c25-95bc-8c24c0c5dcbb" providerId="ADAL" clId="{1B36617D-CEC0-4258-B5EC-1AF91E651E77}" dt="2023-10-04T23:07:53.349" v="12850" actId="26606"/>
          <ac:spMkLst>
            <pc:docMk/>
            <pc:sldMk cId="4117660193" sldId="303"/>
            <ac:spMk id="39" creationId="{B10BB131-AC8E-4A8E-A5D1-36260F720C3B}"/>
          </ac:spMkLst>
        </pc:spChg>
        <pc:spChg chg="add del">
          <ac:chgData name="Roger Cai" userId="22586480-35c0-4c25-95bc-8c24c0c5dcbb" providerId="ADAL" clId="{1B36617D-CEC0-4258-B5EC-1AF91E651E77}" dt="2023-10-04T23:07:53.349" v="12850" actId="26606"/>
          <ac:spMkLst>
            <pc:docMk/>
            <pc:sldMk cId="4117660193" sldId="303"/>
            <ac:spMk id="40" creationId="{5B7778FC-632E-4DCA-A7CB-0D7731CCF970}"/>
          </ac:spMkLst>
        </pc:spChg>
        <pc:spChg chg="add del">
          <ac:chgData name="Roger Cai" userId="22586480-35c0-4c25-95bc-8c24c0c5dcbb" providerId="ADAL" clId="{1B36617D-CEC0-4258-B5EC-1AF91E651E77}" dt="2023-10-04T23:07:53.349" v="12850" actId="26606"/>
          <ac:spMkLst>
            <pc:docMk/>
            <pc:sldMk cId="4117660193" sldId="303"/>
            <ac:spMk id="41" creationId="{FA23A907-97FB-4A8F-880A-DD77401C4296}"/>
          </ac:spMkLst>
        </pc:spChg>
        <pc:spChg chg="add del">
          <ac:chgData name="Roger Cai" userId="22586480-35c0-4c25-95bc-8c24c0c5dcbb" providerId="ADAL" clId="{1B36617D-CEC0-4258-B5EC-1AF91E651E77}" dt="2023-10-04T23:07:56.287" v="12852" actId="26606"/>
          <ac:spMkLst>
            <pc:docMk/>
            <pc:sldMk cId="4117660193" sldId="303"/>
            <ac:spMk id="43" creationId="{18873D23-2DCF-4B31-A009-95721C06E8E1}"/>
          </ac:spMkLst>
        </pc:spChg>
        <pc:spChg chg="add del">
          <ac:chgData name="Roger Cai" userId="22586480-35c0-4c25-95bc-8c24c0c5dcbb" providerId="ADAL" clId="{1B36617D-CEC0-4258-B5EC-1AF91E651E77}" dt="2023-10-04T23:07:56.287" v="12852" actId="26606"/>
          <ac:spMkLst>
            <pc:docMk/>
            <pc:sldMk cId="4117660193" sldId="303"/>
            <ac:spMk id="44" creationId="{C13EF075-D4EF-4929-ADBC-91B27DA19955}"/>
          </ac:spMkLst>
        </pc:spChg>
        <pc:spChg chg="add del">
          <ac:chgData name="Roger Cai" userId="22586480-35c0-4c25-95bc-8c24c0c5dcbb" providerId="ADAL" clId="{1B36617D-CEC0-4258-B5EC-1AF91E651E77}" dt="2023-10-04T23:08:07.318" v="12854" actId="26606"/>
          <ac:spMkLst>
            <pc:docMk/>
            <pc:sldMk cId="4117660193" sldId="303"/>
            <ac:spMk id="49" creationId="{907EF6B7-1338-4443-8C46-6A318D952DFD}"/>
          </ac:spMkLst>
        </pc:spChg>
        <pc:spChg chg="add del">
          <ac:chgData name="Roger Cai" userId="22586480-35c0-4c25-95bc-8c24c0c5dcbb" providerId="ADAL" clId="{1B36617D-CEC0-4258-B5EC-1AF91E651E77}" dt="2023-10-04T23:08:07.318" v="12854" actId="26606"/>
          <ac:spMkLst>
            <pc:docMk/>
            <pc:sldMk cId="4117660193" sldId="303"/>
            <ac:spMk id="50" creationId="{DAAE4CDD-124C-4DCF-9584-B6033B545DD5}"/>
          </ac:spMkLst>
        </pc:spChg>
        <pc:spChg chg="add del">
          <ac:chgData name="Roger Cai" userId="22586480-35c0-4c25-95bc-8c24c0c5dcbb" providerId="ADAL" clId="{1B36617D-CEC0-4258-B5EC-1AF91E651E77}" dt="2023-10-04T23:08:07.318" v="12854" actId="26606"/>
          <ac:spMkLst>
            <pc:docMk/>
            <pc:sldMk cId="4117660193" sldId="303"/>
            <ac:spMk id="51" creationId="{081E4A58-353D-44AE-B2FC-2A74E2E400F7}"/>
          </ac:spMkLst>
        </pc:spChg>
        <pc:spChg chg="add">
          <ac:chgData name="Roger Cai" userId="22586480-35c0-4c25-95bc-8c24c0c5dcbb" providerId="ADAL" clId="{1B36617D-CEC0-4258-B5EC-1AF91E651E77}" dt="2023-10-04T23:08:07.330" v="12855" actId="26606"/>
          <ac:spMkLst>
            <pc:docMk/>
            <pc:sldMk cId="4117660193" sldId="303"/>
            <ac:spMk id="53" creationId="{B6CDA21F-E7AF-4C75-8395-33F58D5B0E45}"/>
          </ac:spMkLst>
        </pc:spChg>
        <pc:grpChg chg="add del">
          <ac:chgData name="Roger Cai" userId="22586480-35c0-4c25-95bc-8c24c0c5dcbb" providerId="ADAL" clId="{1B36617D-CEC0-4258-B5EC-1AF91E651E77}" dt="2023-10-04T23:07:44.930" v="12846" actId="26606"/>
          <ac:grpSpMkLst>
            <pc:docMk/>
            <pc:sldMk cId="4117660193" sldId="303"/>
            <ac:grpSpMk id="16" creationId="{93DC754C-7E09-422D-A8BB-AF632E90DFA2}"/>
          </ac:grpSpMkLst>
        </pc:grpChg>
        <pc:grpChg chg="add del">
          <ac:chgData name="Roger Cai" userId="22586480-35c0-4c25-95bc-8c24c0c5dcbb" providerId="ADAL" clId="{1B36617D-CEC0-4258-B5EC-1AF91E651E77}" dt="2023-10-04T23:07:44.930" v="12846" actId="26606"/>
          <ac:grpSpMkLst>
            <pc:docMk/>
            <pc:sldMk cId="4117660193" sldId="303"/>
            <ac:grpSpMk id="28" creationId="{3773FAF5-C452-4455-9411-D6AF5EBD4CA9}"/>
          </ac:grpSpMkLst>
        </pc:grpChg>
        <pc:grpChg chg="add del">
          <ac:chgData name="Roger Cai" userId="22586480-35c0-4c25-95bc-8c24c0c5dcbb" providerId="ADAL" clId="{1B36617D-CEC0-4258-B5EC-1AF91E651E77}" dt="2023-10-04T23:07:56.287" v="12852" actId="26606"/>
          <ac:grpSpMkLst>
            <pc:docMk/>
            <pc:sldMk cId="4117660193" sldId="303"/>
            <ac:grpSpMk id="45" creationId="{DAA26DFA-AAB2-4973-9C17-16D587C7B198}"/>
          </ac:grpSpMkLst>
        </pc:grpChg>
        <pc:grpChg chg="add">
          <ac:chgData name="Roger Cai" userId="22586480-35c0-4c25-95bc-8c24c0c5dcbb" providerId="ADAL" clId="{1B36617D-CEC0-4258-B5EC-1AF91E651E77}" dt="2023-10-04T23:08:07.330" v="12855" actId="26606"/>
          <ac:grpSpMkLst>
            <pc:docMk/>
            <pc:sldMk cId="4117660193" sldId="303"/>
            <ac:grpSpMk id="54" creationId="{AE1C45F0-260A-458C-96ED-C1F6D2151219}"/>
          </ac:grpSpMkLst>
        </pc:grpChg>
        <pc:cxnChg chg="add">
          <ac:chgData name="Roger Cai" userId="22586480-35c0-4c25-95bc-8c24c0c5dcbb" providerId="ADAL" clId="{1B36617D-CEC0-4258-B5EC-1AF91E651E77}" dt="2023-10-04T23:08:07.330" v="12855" actId="26606"/>
          <ac:cxnSpMkLst>
            <pc:docMk/>
            <pc:sldMk cId="4117660193" sldId="303"/>
            <ac:cxnSpMk id="17" creationId="{6CF1BAF6-AD41-4082-B212-8A1F9A2E8779}"/>
          </ac:cxnSpMkLst>
        </pc:cxnChg>
      </pc:sldChg>
      <pc:sldChg chg="addSp delSp modSp mod">
        <pc:chgData name="Roger Cai" userId="22586480-35c0-4c25-95bc-8c24c0c5dcbb" providerId="ADAL" clId="{1B36617D-CEC0-4258-B5EC-1AF91E651E77}" dt="2023-10-04T22:53:31.383" v="12500" actId="1076"/>
        <pc:sldMkLst>
          <pc:docMk/>
          <pc:sldMk cId="1242863248" sldId="304"/>
        </pc:sldMkLst>
        <pc:picChg chg="add mod">
          <ac:chgData name="Roger Cai" userId="22586480-35c0-4c25-95bc-8c24c0c5dcbb" providerId="ADAL" clId="{1B36617D-CEC0-4258-B5EC-1AF91E651E77}" dt="2023-10-04T22:53:25.585" v="12498" actId="1076"/>
          <ac:picMkLst>
            <pc:docMk/>
            <pc:sldMk cId="1242863248" sldId="304"/>
            <ac:picMk id="3" creationId="{5037CFC3-B843-4542-FE55-BBA7A4B5B066}"/>
          </ac:picMkLst>
        </pc:picChg>
        <pc:picChg chg="add mod">
          <ac:chgData name="Roger Cai" userId="22586480-35c0-4c25-95bc-8c24c0c5dcbb" providerId="ADAL" clId="{1B36617D-CEC0-4258-B5EC-1AF91E651E77}" dt="2023-10-04T22:53:31.383" v="12500" actId="1076"/>
          <ac:picMkLst>
            <pc:docMk/>
            <pc:sldMk cId="1242863248" sldId="304"/>
            <ac:picMk id="4" creationId="{F851D4A5-2F0A-D9EC-ABDB-6DB0E22EF657}"/>
          </ac:picMkLst>
        </pc:picChg>
        <pc:picChg chg="del">
          <ac:chgData name="Roger Cai" userId="22586480-35c0-4c25-95bc-8c24c0c5dcbb" providerId="ADAL" clId="{1B36617D-CEC0-4258-B5EC-1AF91E651E77}" dt="2023-10-04T22:52:40.718" v="12487" actId="478"/>
          <ac:picMkLst>
            <pc:docMk/>
            <pc:sldMk cId="1242863248" sldId="304"/>
            <ac:picMk id="6" creationId="{8F9E6058-57C7-10B5-BF1D-1B301DB920A3}"/>
          </ac:picMkLst>
        </pc:picChg>
      </pc:sldChg>
      <pc:sldChg chg="delSp add del setBg delDesignElem">
        <pc:chgData name="Roger Cai" userId="22586480-35c0-4c25-95bc-8c24c0c5dcbb" providerId="ADAL" clId="{1B36617D-CEC0-4258-B5EC-1AF91E651E77}" dt="2023-10-04T22:57:40.544" v="12503" actId="47"/>
        <pc:sldMkLst>
          <pc:docMk/>
          <pc:sldMk cId="4014148524" sldId="305"/>
        </pc:sldMkLst>
        <pc:spChg chg="del">
          <ac:chgData name="Roger Cai" userId="22586480-35c0-4c25-95bc-8c24c0c5dcbb" providerId="ADAL" clId="{1B36617D-CEC0-4258-B5EC-1AF91E651E77}" dt="2023-10-04T22:57:03.731" v="12502"/>
          <ac:spMkLst>
            <pc:docMk/>
            <pc:sldMk cId="4014148524" sldId="305"/>
            <ac:spMk id="18" creationId="{D12DDE76-C203-4047-9998-63900085B5E8}"/>
          </ac:spMkLst>
        </pc:spChg>
      </pc:sldChg>
      <pc:sldChg chg="addSp delSp modSp new mod">
        <pc:chgData name="Roger Cai" userId="22586480-35c0-4c25-95bc-8c24c0c5dcbb" providerId="ADAL" clId="{1B36617D-CEC0-4258-B5EC-1AF91E651E77}" dt="2023-10-05T00:20:32.039" v="13021" actId="1076"/>
        <pc:sldMkLst>
          <pc:docMk/>
          <pc:sldMk cId="1911934616" sldId="307"/>
        </pc:sldMkLst>
        <pc:spChg chg="del">
          <ac:chgData name="Roger Cai" userId="22586480-35c0-4c25-95bc-8c24c0c5dcbb" providerId="ADAL" clId="{1B36617D-CEC0-4258-B5EC-1AF91E651E77}" dt="2023-10-05T00:15:46.083" v="12942" actId="478"/>
          <ac:spMkLst>
            <pc:docMk/>
            <pc:sldMk cId="1911934616" sldId="307"/>
            <ac:spMk id="2" creationId="{DF377473-1A1B-B4A5-7D63-8755E397E0C6}"/>
          </ac:spMkLst>
        </pc:spChg>
        <pc:spChg chg="mod">
          <ac:chgData name="Roger Cai" userId="22586480-35c0-4c25-95bc-8c24c0c5dcbb" providerId="ADAL" clId="{1B36617D-CEC0-4258-B5EC-1AF91E651E77}" dt="2023-10-05T00:20:10.726" v="13009" actId="14100"/>
          <ac:spMkLst>
            <pc:docMk/>
            <pc:sldMk cId="1911934616" sldId="307"/>
            <ac:spMk id="3" creationId="{C50DACFE-3598-8184-BD0D-11788A46465D}"/>
          </ac:spMkLst>
        </pc:spChg>
        <pc:spChg chg="add mod">
          <ac:chgData name="Roger Cai" userId="22586480-35c0-4c25-95bc-8c24c0c5dcbb" providerId="ADAL" clId="{1B36617D-CEC0-4258-B5EC-1AF91E651E77}" dt="2023-10-05T00:20:32.039" v="13021" actId="1076"/>
          <ac:spMkLst>
            <pc:docMk/>
            <pc:sldMk cId="1911934616" sldId="307"/>
            <ac:spMk id="4" creationId="{B9BC20C0-B1DF-0DF6-6082-E9A845861AD0}"/>
          </ac:spMkLst>
        </pc:spChg>
      </pc:sldChg>
      <pc:sldMasterChg chg="delSldLayout">
        <pc:chgData name="Roger Cai" userId="22586480-35c0-4c25-95bc-8c24c0c5dcbb" providerId="ADAL" clId="{1B36617D-CEC0-4258-B5EC-1AF91E651E77}" dt="2023-10-03T18:57:39.490" v="9656" actId="47"/>
        <pc:sldMasterMkLst>
          <pc:docMk/>
          <pc:sldMasterMk cId="1371461762" sldId="2147483648"/>
        </pc:sldMasterMkLst>
        <pc:sldLayoutChg chg="del">
          <pc:chgData name="Roger Cai" userId="22586480-35c0-4c25-95bc-8c24c0c5dcbb" providerId="ADAL" clId="{1B36617D-CEC0-4258-B5EC-1AF91E651E77}" dt="2023-10-03T18:57:39.490" v="9656" actId="47"/>
          <pc:sldLayoutMkLst>
            <pc:docMk/>
            <pc:sldMasterMk cId="1371461762" sldId="2147483648"/>
            <pc:sldLayoutMk cId="1735124371" sldId="2147483661"/>
          </pc:sldLayoutMkLst>
        </pc:sldLayoutChg>
      </pc:sldMasterChg>
      <pc:sldMasterChg chg="new del mod addSldLayout delSldLayout">
        <pc:chgData name="Roger Cai" userId="22586480-35c0-4c25-95bc-8c24c0c5dcbb" providerId="ADAL" clId="{1B36617D-CEC0-4258-B5EC-1AF91E651E77}" dt="2023-10-01T13:41:08.531" v="4014" actId="6938"/>
        <pc:sldMasterMkLst>
          <pc:docMk/>
          <pc:sldMasterMk cId="2965470872" sldId="2147483666"/>
        </pc:sldMasterMkLst>
        <pc:sldLayoutChg chg="new del replId">
          <pc:chgData name="Roger Cai" userId="22586480-35c0-4c25-95bc-8c24c0c5dcbb" providerId="ADAL" clId="{1B36617D-CEC0-4258-B5EC-1AF91E651E77}" dt="2023-10-01T13:41:08.531" v="4014" actId="6938"/>
          <pc:sldLayoutMkLst>
            <pc:docMk/>
            <pc:sldMasterMk cId="2965470872" sldId="2147483666"/>
            <pc:sldLayoutMk cId="153933989" sldId="2147483667"/>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4146405901" sldId="2147483668"/>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204672346" sldId="2147483669"/>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2144213367" sldId="2147483670"/>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878612942" sldId="2147483671"/>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645552688" sldId="2147483672"/>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3710837784" sldId="2147483673"/>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4238263291" sldId="2147483674"/>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1361828984" sldId="2147483675"/>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2339353875" sldId="2147483676"/>
          </pc:sldLayoutMkLst>
        </pc:sldLayoutChg>
        <pc:sldLayoutChg chg="new del replId">
          <pc:chgData name="Roger Cai" userId="22586480-35c0-4c25-95bc-8c24c0c5dcbb" providerId="ADAL" clId="{1B36617D-CEC0-4258-B5EC-1AF91E651E77}" dt="2023-10-01T13:41:08.531" v="4014" actId="6938"/>
          <pc:sldLayoutMkLst>
            <pc:docMk/>
            <pc:sldMasterMk cId="2965470872" sldId="2147483666"/>
            <pc:sldLayoutMk cId="2804862999" sldId="2147483677"/>
          </pc:sldLayoutMkLst>
        </pc:sldLayoutChg>
      </pc:sldMasterChg>
    </pc:docChg>
  </pc:docChgLst>
</pc:chgInfo>
</file>

<file path=ppt/diagrams/_rels/data1.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5.svg"/><Relationship Id="rId1" Type="http://schemas.openxmlformats.org/officeDocument/2006/relationships/image" Target="../media/image54.png"/><Relationship Id="rId4" Type="http://schemas.openxmlformats.org/officeDocument/2006/relationships/image" Target="../media/image57.svg"/></Relationships>
</file>

<file path=ppt/diagrams/_rels/drawing1.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5.svg"/><Relationship Id="rId1" Type="http://schemas.openxmlformats.org/officeDocument/2006/relationships/image" Target="../media/image54.png"/><Relationship Id="rId4" Type="http://schemas.openxmlformats.org/officeDocument/2006/relationships/image" Target="../media/image57.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8FE8FE1-E9E0-47D4-A37A-B67A81C16CB5}" type="doc">
      <dgm:prSet loTypeId="urn:microsoft.com/office/officeart/2018/2/layout/IconVerticalSolidList" loCatId="icon" qsTypeId="urn:microsoft.com/office/officeart/2005/8/quickstyle/simple1" qsCatId="simple" csTypeId="urn:microsoft.com/office/officeart/2005/8/colors/accent1_2" csCatId="accent1" phldr="1"/>
      <dgm:spPr/>
      <dgm:t>
        <a:bodyPr/>
        <a:lstStyle/>
        <a:p>
          <a:endParaRPr lang="en-US"/>
        </a:p>
      </dgm:t>
    </dgm:pt>
    <dgm:pt modelId="{16D82CD2-9C43-47C2-A352-FB41DAD05F03}">
      <dgm:prSet/>
      <dgm:spPr/>
      <dgm:t>
        <a:bodyPr/>
        <a:lstStyle/>
        <a:p>
          <a:pPr>
            <a:lnSpc>
              <a:spcPct val="100000"/>
            </a:lnSpc>
          </a:pPr>
          <a:r>
            <a:rPr lang="en-GB"/>
            <a:t>Thanks!</a:t>
          </a:r>
          <a:endParaRPr lang="en-US"/>
        </a:p>
      </dgm:t>
    </dgm:pt>
    <dgm:pt modelId="{71148A68-EF34-487C-A49D-662BCF3C0DC8}" type="parTrans" cxnId="{5560CC7B-6885-4CCE-A2CB-B13A5B4CA926}">
      <dgm:prSet/>
      <dgm:spPr/>
      <dgm:t>
        <a:bodyPr/>
        <a:lstStyle/>
        <a:p>
          <a:endParaRPr lang="en-US"/>
        </a:p>
      </dgm:t>
    </dgm:pt>
    <dgm:pt modelId="{797EDF35-9127-42E2-B252-A2744FFA6687}" type="sibTrans" cxnId="{5560CC7B-6885-4CCE-A2CB-B13A5B4CA926}">
      <dgm:prSet/>
      <dgm:spPr/>
      <dgm:t>
        <a:bodyPr/>
        <a:lstStyle/>
        <a:p>
          <a:endParaRPr lang="en-US"/>
        </a:p>
      </dgm:t>
    </dgm:pt>
    <dgm:pt modelId="{7D4DD8E5-F528-4B37-9862-F409BBF68ACF}">
      <dgm:prSet/>
      <dgm:spPr/>
      <dgm:t>
        <a:bodyPr/>
        <a:lstStyle/>
        <a:p>
          <a:pPr>
            <a:lnSpc>
              <a:spcPct val="100000"/>
            </a:lnSpc>
          </a:pPr>
          <a:r>
            <a:rPr lang="en-GB"/>
            <a:t>More Question…</a:t>
          </a:r>
          <a:endParaRPr lang="en-US"/>
        </a:p>
      </dgm:t>
    </dgm:pt>
    <dgm:pt modelId="{A4941562-8E12-4DF5-AAA4-856E5CC8B18A}" type="parTrans" cxnId="{6AB3DF94-1F1E-455A-8298-B6AA562137A8}">
      <dgm:prSet/>
      <dgm:spPr/>
      <dgm:t>
        <a:bodyPr/>
        <a:lstStyle/>
        <a:p>
          <a:endParaRPr lang="en-US"/>
        </a:p>
      </dgm:t>
    </dgm:pt>
    <dgm:pt modelId="{66374BB4-9D7B-4293-9D87-8379C8693FA5}" type="sibTrans" cxnId="{6AB3DF94-1F1E-455A-8298-B6AA562137A8}">
      <dgm:prSet/>
      <dgm:spPr/>
      <dgm:t>
        <a:bodyPr/>
        <a:lstStyle/>
        <a:p>
          <a:endParaRPr lang="en-US"/>
        </a:p>
      </dgm:t>
    </dgm:pt>
    <dgm:pt modelId="{7722E47A-BBD7-4E69-94AC-8B9AD2491BF5}" type="pres">
      <dgm:prSet presAssocID="{E8FE8FE1-E9E0-47D4-A37A-B67A81C16CB5}" presName="root" presStyleCnt="0">
        <dgm:presLayoutVars>
          <dgm:dir/>
          <dgm:resizeHandles val="exact"/>
        </dgm:presLayoutVars>
      </dgm:prSet>
      <dgm:spPr/>
    </dgm:pt>
    <dgm:pt modelId="{494EDE50-39C4-425B-A699-6D65B25DD09A}" type="pres">
      <dgm:prSet presAssocID="{16D82CD2-9C43-47C2-A352-FB41DAD05F03}" presName="compNode" presStyleCnt="0"/>
      <dgm:spPr/>
    </dgm:pt>
    <dgm:pt modelId="{FE526F76-8B59-447A-AA83-2F9DC15C9C54}" type="pres">
      <dgm:prSet presAssocID="{16D82CD2-9C43-47C2-A352-FB41DAD05F03}" presName="bgRect" presStyleLbl="bgShp" presStyleIdx="0" presStyleCnt="2"/>
      <dgm:spPr/>
    </dgm:pt>
    <dgm:pt modelId="{8472FD4B-787B-4C9B-9AF7-02D7493F7FED}" type="pres">
      <dgm:prSet presAssocID="{16D82CD2-9C43-47C2-A352-FB41DAD05F03}" presName="iconRect" presStyleLbl="node1" presStyleIdx="0" presStyleCnt="2"/>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dgm:spPr>
      <dgm:extLst>
        <a:ext uri="{E40237B7-FDA0-4F09-8148-C483321AD2D9}">
          <dgm14:cNvPr xmlns:dgm14="http://schemas.microsoft.com/office/drawing/2010/diagram" id="0" name="" descr="Smiling Face with No Fill"/>
        </a:ext>
      </dgm:extLst>
    </dgm:pt>
    <dgm:pt modelId="{AB1BAC4F-8174-4887-9131-0782D57A605C}" type="pres">
      <dgm:prSet presAssocID="{16D82CD2-9C43-47C2-A352-FB41DAD05F03}" presName="spaceRect" presStyleCnt="0"/>
      <dgm:spPr/>
    </dgm:pt>
    <dgm:pt modelId="{0324FB1D-5181-4790-88CE-14F81B916EDC}" type="pres">
      <dgm:prSet presAssocID="{16D82CD2-9C43-47C2-A352-FB41DAD05F03}" presName="parTx" presStyleLbl="revTx" presStyleIdx="0" presStyleCnt="2">
        <dgm:presLayoutVars>
          <dgm:chMax val="0"/>
          <dgm:chPref val="0"/>
        </dgm:presLayoutVars>
      </dgm:prSet>
      <dgm:spPr/>
    </dgm:pt>
    <dgm:pt modelId="{E33C4CE2-6F91-4DD9-837E-768AA11DFF0A}" type="pres">
      <dgm:prSet presAssocID="{797EDF35-9127-42E2-B252-A2744FFA6687}" presName="sibTrans" presStyleCnt="0"/>
      <dgm:spPr/>
    </dgm:pt>
    <dgm:pt modelId="{C4B0DF13-95FB-4BC0-9382-1BFF5A46D6C7}" type="pres">
      <dgm:prSet presAssocID="{7D4DD8E5-F528-4B37-9862-F409BBF68ACF}" presName="compNode" presStyleCnt="0"/>
      <dgm:spPr/>
    </dgm:pt>
    <dgm:pt modelId="{0A690587-4F54-4A0B-8EDE-66C27B3973DF}" type="pres">
      <dgm:prSet presAssocID="{7D4DD8E5-F528-4B37-9862-F409BBF68ACF}" presName="bgRect" presStyleLbl="bgShp" presStyleIdx="1" presStyleCnt="2"/>
      <dgm:spPr/>
    </dgm:pt>
    <dgm:pt modelId="{D53E0B1C-6556-42D3-B7A5-3E0840FE942C}" type="pres">
      <dgm:prSet presAssocID="{7D4DD8E5-F528-4B37-9862-F409BBF68ACF}" presName="iconRect" presStyleLbl="node1" presStyleIdx="1" presStyleCnt="2"/>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dgm:spPr>
      <dgm:extLst>
        <a:ext uri="{E40237B7-FDA0-4F09-8148-C483321AD2D9}">
          <dgm14:cNvPr xmlns:dgm14="http://schemas.microsoft.com/office/drawing/2010/diagram" id="0" name="" descr="Question mark"/>
        </a:ext>
      </dgm:extLst>
    </dgm:pt>
    <dgm:pt modelId="{A397059E-8332-4DD6-BC6E-D7A52E2B5F3F}" type="pres">
      <dgm:prSet presAssocID="{7D4DD8E5-F528-4B37-9862-F409BBF68ACF}" presName="spaceRect" presStyleCnt="0"/>
      <dgm:spPr/>
    </dgm:pt>
    <dgm:pt modelId="{4DAC3EF7-D8B8-4E7D-83AA-AB17D922A7D6}" type="pres">
      <dgm:prSet presAssocID="{7D4DD8E5-F528-4B37-9862-F409BBF68ACF}" presName="parTx" presStyleLbl="revTx" presStyleIdx="1" presStyleCnt="2">
        <dgm:presLayoutVars>
          <dgm:chMax val="0"/>
          <dgm:chPref val="0"/>
        </dgm:presLayoutVars>
      </dgm:prSet>
      <dgm:spPr/>
    </dgm:pt>
  </dgm:ptLst>
  <dgm:cxnLst>
    <dgm:cxn modelId="{30E5B15B-645A-4D66-A286-35723A35F00D}" type="presOf" srcId="{E8FE8FE1-E9E0-47D4-A37A-B67A81C16CB5}" destId="{7722E47A-BBD7-4E69-94AC-8B9AD2491BF5}" srcOrd="0" destOrd="0" presId="urn:microsoft.com/office/officeart/2018/2/layout/IconVerticalSolidList"/>
    <dgm:cxn modelId="{5560CC7B-6885-4CCE-A2CB-B13A5B4CA926}" srcId="{E8FE8FE1-E9E0-47D4-A37A-B67A81C16CB5}" destId="{16D82CD2-9C43-47C2-A352-FB41DAD05F03}" srcOrd="0" destOrd="0" parTransId="{71148A68-EF34-487C-A49D-662BCF3C0DC8}" sibTransId="{797EDF35-9127-42E2-B252-A2744FFA6687}"/>
    <dgm:cxn modelId="{6AB3DF94-1F1E-455A-8298-B6AA562137A8}" srcId="{E8FE8FE1-E9E0-47D4-A37A-B67A81C16CB5}" destId="{7D4DD8E5-F528-4B37-9862-F409BBF68ACF}" srcOrd="1" destOrd="0" parTransId="{A4941562-8E12-4DF5-AAA4-856E5CC8B18A}" sibTransId="{66374BB4-9D7B-4293-9D87-8379C8693FA5}"/>
    <dgm:cxn modelId="{F97FEAB6-8366-4D29-A0A4-D1B71D3A6F32}" type="presOf" srcId="{7D4DD8E5-F528-4B37-9862-F409BBF68ACF}" destId="{4DAC3EF7-D8B8-4E7D-83AA-AB17D922A7D6}" srcOrd="0" destOrd="0" presId="urn:microsoft.com/office/officeart/2018/2/layout/IconVerticalSolidList"/>
    <dgm:cxn modelId="{CCDE7DC9-5BEA-4FD3-AC42-82DDC8926F2A}" type="presOf" srcId="{16D82CD2-9C43-47C2-A352-FB41DAD05F03}" destId="{0324FB1D-5181-4790-88CE-14F81B916EDC}" srcOrd="0" destOrd="0" presId="urn:microsoft.com/office/officeart/2018/2/layout/IconVerticalSolidList"/>
    <dgm:cxn modelId="{72F130E5-E8FF-4A5C-BAA0-BBE45598ED29}" type="presParOf" srcId="{7722E47A-BBD7-4E69-94AC-8B9AD2491BF5}" destId="{494EDE50-39C4-425B-A699-6D65B25DD09A}" srcOrd="0" destOrd="0" presId="urn:microsoft.com/office/officeart/2018/2/layout/IconVerticalSolidList"/>
    <dgm:cxn modelId="{5DB2B1BF-31AC-4414-BE9E-C4A718A239E7}" type="presParOf" srcId="{494EDE50-39C4-425B-A699-6D65B25DD09A}" destId="{FE526F76-8B59-447A-AA83-2F9DC15C9C54}" srcOrd="0" destOrd="0" presId="urn:microsoft.com/office/officeart/2018/2/layout/IconVerticalSolidList"/>
    <dgm:cxn modelId="{06A1D493-0A05-4992-ACE2-E68B01DC65A7}" type="presParOf" srcId="{494EDE50-39C4-425B-A699-6D65B25DD09A}" destId="{8472FD4B-787B-4C9B-9AF7-02D7493F7FED}" srcOrd="1" destOrd="0" presId="urn:microsoft.com/office/officeart/2018/2/layout/IconVerticalSolidList"/>
    <dgm:cxn modelId="{7F68FA94-8FC4-4F93-8039-3398324F33DF}" type="presParOf" srcId="{494EDE50-39C4-425B-A699-6D65B25DD09A}" destId="{AB1BAC4F-8174-4887-9131-0782D57A605C}" srcOrd="2" destOrd="0" presId="urn:microsoft.com/office/officeart/2018/2/layout/IconVerticalSolidList"/>
    <dgm:cxn modelId="{1E7EDC04-7127-491E-87F7-A1E25B7032EE}" type="presParOf" srcId="{494EDE50-39C4-425B-A699-6D65B25DD09A}" destId="{0324FB1D-5181-4790-88CE-14F81B916EDC}" srcOrd="3" destOrd="0" presId="urn:microsoft.com/office/officeart/2018/2/layout/IconVerticalSolidList"/>
    <dgm:cxn modelId="{D1033EDD-676B-4659-B5DF-CA488417FF5E}" type="presParOf" srcId="{7722E47A-BBD7-4E69-94AC-8B9AD2491BF5}" destId="{E33C4CE2-6F91-4DD9-837E-768AA11DFF0A}" srcOrd="1" destOrd="0" presId="urn:microsoft.com/office/officeart/2018/2/layout/IconVerticalSolidList"/>
    <dgm:cxn modelId="{17DE9CC8-A737-48F5-A3F5-3EF5D51302BC}" type="presParOf" srcId="{7722E47A-BBD7-4E69-94AC-8B9AD2491BF5}" destId="{C4B0DF13-95FB-4BC0-9382-1BFF5A46D6C7}" srcOrd="2" destOrd="0" presId="urn:microsoft.com/office/officeart/2018/2/layout/IconVerticalSolidList"/>
    <dgm:cxn modelId="{F9E627C9-28D3-48C4-9528-5130255AD62E}" type="presParOf" srcId="{C4B0DF13-95FB-4BC0-9382-1BFF5A46D6C7}" destId="{0A690587-4F54-4A0B-8EDE-66C27B3973DF}" srcOrd="0" destOrd="0" presId="urn:microsoft.com/office/officeart/2018/2/layout/IconVerticalSolidList"/>
    <dgm:cxn modelId="{3A70CFA1-2006-4B84-8714-4028BFE4C7D0}" type="presParOf" srcId="{C4B0DF13-95FB-4BC0-9382-1BFF5A46D6C7}" destId="{D53E0B1C-6556-42D3-B7A5-3E0840FE942C}" srcOrd="1" destOrd="0" presId="urn:microsoft.com/office/officeart/2018/2/layout/IconVerticalSolidList"/>
    <dgm:cxn modelId="{80F021FE-D6B4-43F5-A169-DBDD37988754}" type="presParOf" srcId="{C4B0DF13-95FB-4BC0-9382-1BFF5A46D6C7}" destId="{A397059E-8332-4DD6-BC6E-D7A52E2B5F3F}" srcOrd="2" destOrd="0" presId="urn:microsoft.com/office/officeart/2018/2/layout/IconVerticalSolidList"/>
    <dgm:cxn modelId="{1AFFE5FE-8AAE-4444-B0E7-4B3FF1F257D4}" type="presParOf" srcId="{C4B0DF13-95FB-4BC0-9382-1BFF5A46D6C7}" destId="{4DAC3EF7-D8B8-4E7D-83AA-AB17D922A7D6}" srcOrd="3" destOrd="0" presId="urn:microsoft.com/office/officeart/2018/2/layout/IconVerticalSoli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E526F76-8B59-447A-AA83-2F9DC15C9C54}">
      <dsp:nvSpPr>
        <dsp:cNvPr id="0" name=""/>
        <dsp:cNvSpPr/>
      </dsp:nvSpPr>
      <dsp:spPr>
        <a:xfrm>
          <a:off x="0" y="707092"/>
          <a:ext cx="10515600" cy="1305401"/>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8472FD4B-787B-4C9B-9AF7-02D7493F7FED}">
      <dsp:nvSpPr>
        <dsp:cNvPr id="0" name=""/>
        <dsp:cNvSpPr/>
      </dsp:nvSpPr>
      <dsp:spPr>
        <a:xfrm>
          <a:off x="394883" y="1000807"/>
          <a:ext cx="717970" cy="717970"/>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324FB1D-5181-4790-88CE-14F81B916EDC}">
      <dsp:nvSpPr>
        <dsp:cNvPr id="0" name=""/>
        <dsp:cNvSpPr/>
      </dsp:nvSpPr>
      <dsp:spPr>
        <a:xfrm>
          <a:off x="1507738" y="707092"/>
          <a:ext cx="9007861" cy="130540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8155" tIns="138155" rIns="138155" bIns="138155" numCol="1" spcCol="1270" anchor="ctr" anchorCtr="0">
          <a:noAutofit/>
        </a:bodyPr>
        <a:lstStyle/>
        <a:p>
          <a:pPr marL="0" lvl="0" indent="0" algn="l" defTabSz="1111250">
            <a:lnSpc>
              <a:spcPct val="100000"/>
            </a:lnSpc>
            <a:spcBef>
              <a:spcPct val="0"/>
            </a:spcBef>
            <a:spcAft>
              <a:spcPct val="35000"/>
            </a:spcAft>
            <a:buNone/>
          </a:pPr>
          <a:r>
            <a:rPr lang="en-GB" sz="2500" kern="1200"/>
            <a:t>Thanks!</a:t>
          </a:r>
          <a:endParaRPr lang="en-US" sz="2500" kern="1200"/>
        </a:p>
      </dsp:txBody>
      <dsp:txXfrm>
        <a:off x="1507738" y="707092"/>
        <a:ext cx="9007861" cy="1305401"/>
      </dsp:txXfrm>
    </dsp:sp>
    <dsp:sp modelId="{0A690587-4F54-4A0B-8EDE-66C27B3973DF}">
      <dsp:nvSpPr>
        <dsp:cNvPr id="0" name=""/>
        <dsp:cNvSpPr/>
      </dsp:nvSpPr>
      <dsp:spPr>
        <a:xfrm>
          <a:off x="0" y="2338844"/>
          <a:ext cx="10515600" cy="1305401"/>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D53E0B1C-6556-42D3-B7A5-3E0840FE942C}">
      <dsp:nvSpPr>
        <dsp:cNvPr id="0" name=""/>
        <dsp:cNvSpPr/>
      </dsp:nvSpPr>
      <dsp:spPr>
        <a:xfrm>
          <a:off x="394883" y="2632559"/>
          <a:ext cx="717970" cy="717970"/>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DAC3EF7-D8B8-4E7D-83AA-AB17D922A7D6}">
      <dsp:nvSpPr>
        <dsp:cNvPr id="0" name=""/>
        <dsp:cNvSpPr/>
      </dsp:nvSpPr>
      <dsp:spPr>
        <a:xfrm>
          <a:off x="1507738" y="2338844"/>
          <a:ext cx="9007861" cy="130540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8155" tIns="138155" rIns="138155" bIns="138155" numCol="1" spcCol="1270" anchor="ctr" anchorCtr="0">
          <a:noAutofit/>
        </a:bodyPr>
        <a:lstStyle/>
        <a:p>
          <a:pPr marL="0" lvl="0" indent="0" algn="l" defTabSz="1111250">
            <a:lnSpc>
              <a:spcPct val="100000"/>
            </a:lnSpc>
            <a:spcBef>
              <a:spcPct val="0"/>
            </a:spcBef>
            <a:spcAft>
              <a:spcPct val="35000"/>
            </a:spcAft>
            <a:buNone/>
          </a:pPr>
          <a:r>
            <a:rPr lang="en-GB" sz="2500" kern="1200"/>
            <a:t>More Question…</a:t>
          </a:r>
          <a:endParaRPr lang="en-US" sz="2500" kern="1200"/>
        </a:p>
      </dsp:txBody>
      <dsp:txXfrm>
        <a:off x="1507738" y="2338844"/>
        <a:ext cx="9007861" cy="1305401"/>
      </dsp:txXfrm>
    </dsp:sp>
  </dsp:spTree>
</dsp:drawing>
</file>

<file path=ppt/diagrams/layout1.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953870D-FC75-4AA5-91C1-07F032734F83}" type="datetimeFigureOut">
              <a:rPr lang="en-GB" smtClean="0"/>
              <a:t>05/10/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8B14493-B748-4CC5-A922-F5168D8D9EDF}" type="slidenum">
              <a:rPr lang="en-GB" smtClean="0"/>
              <a:t>‹#›</a:t>
            </a:fld>
            <a:endParaRPr lang="en-GB"/>
          </a:p>
        </p:txBody>
      </p:sp>
    </p:spTree>
    <p:extLst>
      <p:ext uri="{BB962C8B-B14F-4D97-AF65-F5344CB8AC3E}">
        <p14:creationId xmlns:p14="http://schemas.microsoft.com/office/powerpoint/2010/main" val="300228114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4pt | Flags | Flag | Choice | Direction</a:t>
            </a:r>
          </a:p>
        </p:txBody>
      </p:sp>
      <p:sp>
        <p:nvSpPr>
          <p:cNvPr id="4" name="Slide Number Placeholder 3"/>
          <p:cNvSpPr>
            <a:spLocks noGrp="1"/>
          </p:cNvSpPr>
          <p:nvPr>
            <p:ph type="sldNum" sz="quarter" idx="10"/>
          </p:nvPr>
        </p:nvSpPr>
        <p:spPr/>
        <p:txBody>
          <a:bodyPr/>
          <a:lstStyle/>
          <a:p>
            <a:fld id="{D1C7FB31-0C7B-4DF9-A9BC-6BD9C278B254}" type="slidenum">
              <a:rPr lang="en-US"/>
              <a:pPr/>
              <a:t>2</a:t>
            </a:fld>
            <a:endParaRPr lang="en-US" dirty="0"/>
          </a:p>
        </p:txBody>
      </p:sp>
    </p:spTree>
    <p:extLst>
      <p:ext uri="{BB962C8B-B14F-4D97-AF65-F5344CB8AC3E}">
        <p14:creationId xmlns:p14="http://schemas.microsoft.com/office/powerpoint/2010/main" val="395631088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orm this name, you might be curious and might want to ask me, we normally have Stochastic volatility and Stochastic jump model, but this model contained both names in it, does it mean it has both model’s features? And the answer is yes!</a:t>
            </a:r>
          </a:p>
        </p:txBody>
      </p:sp>
      <p:sp>
        <p:nvSpPr>
          <p:cNvPr id="4" name="Slide Number Placeholder 3"/>
          <p:cNvSpPr>
            <a:spLocks noGrp="1"/>
          </p:cNvSpPr>
          <p:nvPr>
            <p:ph type="sldNum" sz="quarter" idx="10"/>
          </p:nvPr>
        </p:nvSpPr>
        <p:spPr/>
        <p:txBody>
          <a:bodyPr/>
          <a:lstStyle/>
          <a:p>
            <a:fld id="{D1C7FB31-0C7B-4DF9-A9BC-6BD9C278B254}" type="slidenum">
              <a:rPr lang="en-US"/>
              <a:pPr/>
              <a:t>19</a:t>
            </a:fld>
            <a:endParaRPr lang="en-US" dirty="0"/>
          </a:p>
        </p:txBody>
      </p:sp>
    </p:spTree>
    <p:extLst>
      <p:ext uri="{BB962C8B-B14F-4D97-AF65-F5344CB8AC3E}">
        <p14:creationId xmlns:p14="http://schemas.microsoft.com/office/powerpoint/2010/main" val="240004189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4pt | Circle | Line | Line | Circle | Choice</a:t>
            </a:r>
          </a:p>
        </p:txBody>
      </p:sp>
      <p:sp>
        <p:nvSpPr>
          <p:cNvPr id="4" name="Slide Number Placeholder 3"/>
          <p:cNvSpPr>
            <a:spLocks noGrp="1"/>
          </p:cNvSpPr>
          <p:nvPr>
            <p:ph type="sldNum" sz="quarter" idx="5"/>
          </p:nvPr>
        </p:nvSpPr>
        <p:spPr/>
        <p:txBody>
          <a:bodyPr/>
          <a:lstStyle/>
          <a:p>
            <a:fld id="{D1C7FB31-0C7B-4DF9-A9BC-6BD9C278B254}" type="slidenum">
              <a:rPr lang="en-US"/>
              <a:pPr/>
              <a:t>20</a:t>
            </a:fld>
            <a:endParaRPr lang="en-US" dirty="0"/>
          </a:p>
        </p:txBody>
      </p:sp>
    </p:spTree>
    <p:extLst>
      <p:ext uri="{BB962C8B-B14F-4D97-AF65-F5344CB8AC3E}">
        <p14:creationId xmlns:p14="http://schemas.microsoft.com/office/powerpoint/2010/main" val="89667056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we have </a:t>
            </a:r>
            <a:endParaRPr lang="en-US" dirty="0"/>
          </a:p>
        </p:txBody>
      </p:sp>
      <p:sp>
        <p:nvSpPr>
          <p:cNvPr id="4" name="Slide Number Placeholder 3"/>
          <p:cNvSpPr>
            <a:spLocks noGrp="1"/>
          </p:cNvSpPr>
          <p:nvPr>
            <p:ph type="sldNum" sz="quarter" idx="5"/>
          </p:nvPr>
        </p:nvSpPr>
        <p:spPr/>
        <p:txBody>
          <a:bodyPr/>
          <a:lstStyle/>
          <a:p>
            <a:fld id="{D1C7FB31-0C7B-4DF9-A9BC-6BD9C278B254}" type="slidenum">
              <a:rPr lang="en-US"/>
              <a:pPr/>
              <a:t>21</a:t>
            </a:fld>
            <a:endParaRPr lang="en-US" dirty="0"/>
          </a:p>
        </p:txBody>
      </p:sp>
    </p:spTree>
    <p:extLst>
      <p:ext uri="{BB962C8B-B14F-4D97-AF65-F5344CB8AC3E}">
        <p14:creationId xmlns:p14="http://schemas.microsoft.com/office/powerpoint/2010/main" val="196615851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we have </a:t>
            </a:r>
            <a:endParaRPr lang="en-US" dirty="0"/>
          </a:p>
        </p:txBody>
      </p:sp>
      <p:sp>
        <p:nvSpPr>
          <p:cNvPr id="4" name="Slide Number Placeholder 3"/>
          <p:cNvSpPr>
            <a:spLocks noGrp="1"/>
          </p:cNvSpPr>
          <p:nvPr>
            <p:ph type="sldNum" sz="quarter" idx="5"/>
          </p:nvPr>
        </p:nvSpPr>
        <p:spPr/>
        <p:txBody>
          <a:bodyPr/>
          <a:lstStyle/>
          <a:p>
            <a:fld id="{D1C7FB31-0C7B-4DF9-A9BC-6BD9C278B254}" type="slidenum">
              <a:rPr lang="en-US"/>
              <a:pPr/>
              <a:t>23</a:t>
            </a:fld>
            <a:endParaRPr lang="en-US" dirty="0"/>
          </a:p>
        </p:txBody>
      </p:sp>
    </p:spTree>
    <p:extLst>
      <p:ext uri="{BB962C8B-B14F-4D97-AF65-F5344CB8AC3E}">
        <p14:creationId xmlns:p14="http://schemas.microsoft.com/office/powerpoint/2010/main" val="152444778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4pt | Circle | Line | Line | Circle | Choice</a:t>
            </a:r>
          </a:p>
        </p:txBody>
      </p:sp>
      <p:sp>
        <p:nvSpPr>
          <p:cNvPr id="4" name="Slide Number Placeholder 3"/>
          <p:cNvSpPr>
            <a:spLocks noGrp="1"/>
          </p:cNvSpPr>
          <p:nvPr>
            <p:ph type="sldNum" sz="quarter" idx="5"/>
          </p:nvPr>
        </p:nvSpPr>
        <p:spPr/>
        <p:txBody>
          <a:bodyPr/>
          <a:lstStyle/>
          <a:p>
            <a:fld id="{D1C7FB31-0C7B-4DF9-A9BC-6BD9C278B254}" type="slidenum">
              <a:rPr lang="en-US"/>
              <a:pPr/>
              <a:t>24</a:t>
            </a:fld>
            <a:endParaRPr lang="en-US" dirty="0"/>
          </a:p>
        </p:txBody>
      </p:sp>
    </p:spTree>
    <p:extLst>
      <p:ext uri="{BB962C8B-B14F-4D97-AF65-F5344CB8AC3E}">
        <p14:creationId xmlns:p14="http://schemas.microsoft.com/office/powerpoint/2010/main" val="386814383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we have </a:t>
            </a:r>
            <a:endParaRPr lang="en-US" dirty="0"/>
          </a:p>
        </p:txBody>
      </p:sp>
      <p:sp>
        <p:nvSpPr>
          <p:cNvPr id="4" name="Slide Number Placeholder 3"/>
          <p:cNvSpPr>
            <a:spLocks noGrp="1"/>
          </p:cNvSpPr>
          <p:nvPr>
            <p:ph type="sldNum" sz="quarter" idx="5"/>
          </p:nvPr>
        </p:nvSpPr>
        <p:spPr/>
        <p:txBody>
          <a:bodyPr/>
          <a:lstStyle/>
          <a:p>
            <a:fld id="{D1C7FB31-0C7B-4DF9-A9BC-6BD9C278B254}" type="slidenum">
              <a:rPr lang="en-US"/>
              <a:pPr/>
              <a:t>25</a:t>
            </a:fld>
            <a:endParaRPr lang="en-US" dirty="0"/>
          </a:p>
        </p:txBody>
      </p:sp>
    </p:spTree>
    <p:extLst>
      <p:ext uri="{BB962C8B-B14F-4D97-AF65-F5344CB8AC3E}">
        <p14:creationId xmlns:p14="http://schemas.microsoft.com/office/powerpoint/2010/main" val="359594882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4pt | Circle | Line | Line | Circle | Choice</a:t>
            </a:r>
          </a:p>
        </p:txBody>
      </p:sp>
      <p:sp>
        <p:nvSpPr>
          <p:cNvPr id="4" name="Slide Number Placeholder 3"/>
          <p:cNvSpPr>
            <a:spLocks noGrp="1"/>
          </p:cNvSpPr>
          <p:nvPr>
            <p:ph type="sldNum" sz="quarter" idx="5"/>
          </p:nvPr>
        </p:nvSpPr>
        <p:spPr/>
        <p:txBody>
          <a:bodyPr/>
          <a:lstStyle/>
          <a:p>
            <a:fld id="{D1C7FB31-0C7B-4DF9-A9BC-6BD9C278B254}" type="slidenum">
              <a:rPr lang="en-US"/>
              <a:pPr/>
              <a:t>27</a:t>
            </a:fld>
            <a:endParaRPr lang="en-US" dirty="0"/>
          </a:p>
        </p:txBody>
      </p:sp>
    </p:spTree>
    <p:extLst>
      <p:ext uri="{BB962C8B-B14F-4D97-AF65-F5344CB8AC3E}">
        <p14:creationId xmlns:p14="http://schemas.microsoft.com/office/powerpoint/2010/main" val="199020710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we have </a:t>
            </a: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C7FB31-0C7B-4DF9-A9BC-6BD9C278B254}" type="slidenum">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6707702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we have </a:t>
            </a:r>
            <a:endParaRPr lang="en-US" dirty="0"/>
          </a:p>
        </p:txBody>
      </p:sp>
      <p:sp>
        <p:nvSpPr>
          <p:cNvPr id="4" name="Slide Number Placeholder 3"/>
          <p:cNvSpPr>
            <a:spLocks noGrp="1"/>
          </p:cNvSpPr>
          <p:nvPr>
            <p:ph type="sldNum" sz="quarter" idx="5"/>
          </p:nvPr>
        </p:nvSpPr>
        <p:spPr/>
        <p:txBody>
          <a:bodyPr/>
          <a:lstStyle/>
          <a:p>
            <a:fld id="{D1C7FB31-0C7B-4DF9-A9BC-6BD9C278B254}" type="slidenum">
              <a:rPr lang="en-US"/>
              <a:pPr/>
              <a:t>29</a:t>
            </a:fld>
            <a:endParaRPr lang="en-US" dirty="0"/>
          </a:p>
        </p:txBody>
      </p:sp>
    </p:spTree>
    <p:extLst>
      <p:ext uri="{BB962C8B-B14F-4D97-AF65-F5344CB8AC3E}">
        <p14:creationId xmlns:p14="http://schemas.microsoft.com/office/powerpoint/2010/main" val="393407548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we have </a:t>
            </a: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C7FB31-0C7B-4DF9-A9BC-6BD9C278B254}" type="slidenum">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632105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In today’s world, stochastic future projection is becoming a very popular tool to investigate the future variation of some uncertain things.</a:t>
            </a:r>
          </a:p>
          <a:p>
            <a:endParaRPr lang="en-GB" dirty="0"/>
          </a:p>
          <a:p>
            <a:r>
              <a:rPr lang="en-GB" dirty="0"/>
              <a:t>The one we might familiar is called Black </a:t>
            </a:r>
            <a:r>
              <a:rPr lang="en-GB" dirty="0" err="1"/>
              <a:t>Schole’s</a:t>
            </a:r>
            <a:r>
              <a:rPr lang="en-GB" dirty="0"/>
              <a:t> model, t</a:t>
            </a:r>
            <a:r>
              <a:rPr lang="en-GB" b="0" i="0" dirty="0">
                <a:solidFill>
                  <a:srgbClr val="111111"/>
                </a:solidFill>
                <a:effectLst/>
                <a:latin typeface="SourceSansPro"/>
              </a:rPr>
              <a:t>his mathematical equation estimates the theoretical value of derivatives based on other investment instruments, and the pricing result is considered to be the standard market assumption by scientists.</a:t>
            </a:r>
          </a:p>
          <a:p>
            <a:endParaRPr lang="en-GB" b="0" i="0" dirty="0">
              <a:solidFill>
                <a:srgbClr val="111111"/>
              </a:solidFill>
              <a:effectLst/>
              <a:latin typeface="SourceSansPro"/>
            </a:endParaRPr>
          </a:p>
          <a:p>
            <a:r>
              <a:rPr lang="en-GB" b="0" i="0" dirty="0">
                <a:solidFill>
                  <a:srgbClr val="111111"/>
                </a:solidFill>
                <a:effectLst/>
                <a:latin typeface="SourceSansPro"/>
              </a:rPr>
              <a:t>It has some good affect to the development of the science, but as the market is changing all the time, and cannot be predicted in a certain way. Along the way that the digital finance is becoming easier to access, people discovered that the real market data feature is less align with the model predicted ones. </a:t>
            </a:r>
            <a:endParaRPr lang="en-GB" dirty="0"/>
          </a:p>
        </p:txBody>
      </p:sp>
      <p:sp>
        <p:nvSpPr>
          <p:cNvPr id="4" name="Slide Number Placeholder 3"/>
          <p:cNvSpPr>
            <a:spLocks noGrp="1"/>
          </p:cNvSpPr>
          <p:nvPr>
            <p:ph type="sldNum" sz="quarter" idx="10"/>
          </p:nvPr>
        </p:nvSpPr>
        <p:spPr/>
        <p:txBody>
          <a:bodyPr/>
          <a:lstStyle/>
          <a:p>
            <a:fld id="{D1C7FB31-0C7B-4DF9-A9BC-6BD9C278B254}" type="slidenum">
              <a:rPr lang="en-US"/>
              <a:pPr/>
              <a:t>3</a:t>
            </a:fld>
            <a:endParaRPr lang="en-US" dirty="0"/>
          </a:p>
        </p:txBody>
      </p:sp>
    </p:spTree>
    <p:extLst>
      <p:ext uri="{BB962C8B-B14F-4D97-AF65-F5344CB8AC3E}">
        <p14:creationId xmlns:p14="http://schemas.microsoft.com/office/powerpoint/2010/main" val="197044348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we have </a:t>
            </a: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C7FB31-0C7B-4DF9-A9BC-6BD9C278B254}" type="slidenum">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1456833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4pt | Circle | Line | Line | Circle | Choice</a:t>
            </a:r>
          </a:p>
        </p:txBody>
      </p:sp>
      <p:sp>
        <p:nvSpPr>
          <p:cNvPr id="4" name="Slide Number Placeholder 3"/>
          <p:cNvSpPr>
            <a:spLocks noGrp="1"/>
          </p:cNvSpPr>
          <p:nvPr>
            <p:ph type="sldNum" sz="quarter" idx="5"/>
          </p:nvPr>
        </p:nvSpPr>
        <p:spPr/>
        <p:txBody>
          <a:bodyPr/>
          <a:lstStyle/>
          <a:p>
            <a:fld id="{D1C7FB31-0C7B-4DF9-A9BC-6BD9C278B254}" type="slidenum">
              <a:rPr lang="en-US"/>
              <a:pPr/>
              <a:t>33</a:t>
            </a:fld>
            <a:endParaRPr lang="en-US" dirty="0"/>
          </a:p>
        </p:txBody>
      </p:sp>
    </p:spTree>
    <p:extLst>
      <p:ext uri="{BB962C8B-B14F-4D97-AF65-F5344CB8AC3E}">
        <p14:creationId xmlns:p14="http://schemas.microsoft.com/office/powerpoint/2010/main" val="345092902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88B14493-B748-4CC5-A922-F5168D8D9EDF}" type="slidenum">
              <a:rPr lang="en-GB" smtClean="0"/>
              <a:t>35</a:t>
            </a:fld>
            <a:endParaRPr lang="en-GB"/>
          </a:p>
        </p:txBody>
      </p:sp>
    </p:spTree>
    <p:extLst>
      <p:ext uri="{BB962C8B-B14F-4D97-AF65-F5344CB8AC3E}">
        <p14:creationId xmlns:p14="http://schemas.microsoft.com/office/powerpoint/2010/main" val="22572674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orm this name, you might be curious and might want to ask me, we normally have Stochastic volatility and Stochastic jump model, but this model contained both names in it, does it mean it has both model’s features? And the answer is yes!</a:t>
            </a:r>
          </a:p>
        </p:txBody>
      </p:sp>
      <p:sp>
        <p:nvSpPr>
          <p:cNvPr id="4" name="Slide Number Placeholder 3"/>
          <p:cNvSpPr>
            <a:spLocks noGrp="1"/>
          </p:cNvSpPr>
          <p:nvPr>
            <p:ph type="sldNum" sz="quarter" idx="10"/>
          </p:nvPr>
        </p:nvSpPr>
        <p:spPr/>
        <p:txBody>
          <a:bodyPr/>
          <a:lstStyle/>
          <a:p>
            <a:fld id="{D1C7FB31-0C7B-4DF9-A9BC-6BD9C278B254}" type="slidenum">
              <a:rPr lang="en-US"/>
              <a:pPr/>
              <a:t>7</a:t>
            </a:fld>
            <a:endParaRPr lang="en-US" dirty="0"/>
          </a:p>
        </p:txBody>
      </p:sp>
    </p:spTree>
    <p:extLst>
      <p:ext uri="{BB962C8B-B14F-4D97-AF65-F5344CB8AC3E}">
        <p14:creationId xmlns:p14="http://schemas.microsoft.com/office/powerpoint/2010/main" val="372568186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065D909A-DA0A-BE48-A2AC-6CAAC598A5A0}"/>
              </a:ext>
            </a:extLst>
          </p:cNvPr>
          <p:cNvSpPr>
            <a:spLocks noGrp="1" noChangeArrowheads="1"/>
          </p:cNvSpPr>
          <p:nvPr>
            <p:ph type="sldNum"/>
          </p:nvPr>
        </p:nvSpPr>
        <p:spPr>
          <a:ln/>
        </p:spPr>
        <p:txBody>
          <a:bodyPr/>
          <a:lstStyle/>
          <a:p>
            <a:r>
              <a:rPr lang="en-GB" altLang="en-US"/>
              <a:t>2pt | Arrow | Combine | Choice | Arrow | Choice</a:t>
            </a:r>
            <a:endParaRPr lang="en-US" altLang="en-US"/>
          </a:p>
        </p:txBody>
      </p:sp>
      <p:sp>
        <p:nvSpPr>
          <p:cNvPr id="15361" name="Text Box 1">
            <a:extLst>
              <a:ext uri="{FF2B5EF4-FFF2-40B4-BE49-F238E27FC236}">
                <a16:creationId xmlns:a16="http://schemas.microsoft.com/office/drawing/2014/main" id="{D25ED05F-91A1-8640-B52E-42D3E53DFD2C}"/>
              </a:ext>
            </a:extLst>
          </p:cNvPr>
          <p:cNvSpPr txBox="1">
            <a:spLocks noGrp="1" noRot="1" noChangeAspect="1" noChangeArrowheads="1"/>
          </p:cNvSpPr>
          <p:nvPr>
            <p:ph type="sldImg"/>
          </p:nvPr>
        </p:nvSpPr>
        <p:spPr bwMode="auto">
          <a:xfrm>
            <a:off x="533400" y="763588"/>
            <a:ext cx="6705600" cy="3771900"/>
          </a:xfrm>
          <a:prstGeom prst="rect">
            <a:avLst/>
          </a:prstGeom>
          <a:solidFill>
            <a:srgbClr val="FFFFFF"/>
          </a:solidFill>
          <a:ln>
            <a:solidFill>
              <a:srgbClr val="000000"/>
            </a:solidFill>
            <a:miter lim="800000"/>
            <a:headEnd/>
            <a:tailEnd/>
          </a:ln>
          <a:extLst>
            <a:ext uri="{AF507438-7753-43E0-B8FC-AC1667EBCBE1}">
              <a14:hiddenEffects xmlns:a14="http://schemas.microsoft.com/office/drawing/2010/main">
                <a:effectLst>
                  <a:outerShdw dist="35921" dir="2700000" algn="ctr" rotWithShape="0">
                    <a:srgbClr val="808080"/>
                  </a:outerShdw>
                </a:effectLst>
              </a14:hiddenEffects>
            </a:ext>
          </a:extLst>
        </p:spPr>
      </p:sp>
      <p:sp>
        <p:nvSpPr>
          <p:cNvPr id="15362" name="Text Box 2">
            <a:extLst>
              <a:ext uri="{FF2B5EF4-FFF2-40B4-BE49-F238E27FC236}">
                <a16:creationId xmlns:a16="http://schemas.microsoft.com/office/drawing/2014/main" id="{D642A57A-285F-8348-96AA-39FB0482D37C}"/>
              </a:ext>
            </a:extLst>
          </p:cNvPr>
          <p:cNvSpPr txBox="1">
            <a:spLocks noGrp="1" noChangeArrowheads="1"/>
          </p:cNvSpPr>
          <p:nvPr>
            <p:ph type="body" idx="1"/>
          </p:nvPr>
        </p:nvSpPr>
        <p:spPr bwMode="auto">
          <a:xfrm>
            <a:off x="777875" y="4776788"/>
            <a:ext cx="6218238" cy="4525962"/>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a:solidFill>
                  <a:srgbClr val="80808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ltLang="en-US"/>
          </a:p>
        </p:txBody>
      </p:sp>
    </p:spTree>
    <p:extLst>
      <p:ext uri="{BB962C8B-B14F-4D97-AF65-F5344CB8AC3E}">
        <p14:creationId xmlns:p14="http://schemas.microsoft.com/office/powerpoint/2010/main" val="368252851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88B14493-B748-4CC5-A922-F5168D8D9EDF}" type="slidenum">
              <a:rPr lang="en-GB" smtClean="0"/>
              <a:t>9</a:t>
            </a:fld>
            <a:endParaRPr lang="en-GB"/>
          </a:p>
        </p:txBody>
      </p:sp>
    </p:spTree>
    <p:extLst>
      <p:ext uri="{BB962C8B-B14F-4D97-AF65-F5344CB8AC3E}">
        <p14:creationId xmlns:p14="http://schemas.microsoft.com/office/powerpoint/2010/main" val="83997484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88B14493-B748-4CC5-A922-F5168D8D9EDF}" type="slidenum">
              <a:rPr lang="en-GB" smtClean="0"/>
              <a:t>10</a:t>
            </a:fld>
            <a:endParaRPr lang="en-GB"/>
          </a:p>
        </p:txBody>
      </p:sp>
    </p:spTree>
    <p:extLst>
      <p:ext uri="{BB962C8B-B14F-4D97-AF65-F5344CB8AC3E}">
        <p14:creationId xmlns:p14="http://schemas.microsoft.com/office/powerpoint/2010/main" val="174967432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orm this name, you might be curious and might want to ask me, we normally have Stochastic volatility and Stochastic jump model, but this model contained both names in it, does it mean it has both model’s features? And the answer is yes!</a:t>
            </a:r>
          </a:p>
        </p:txBody>
      </p:sp>
      <p:sp>
        <p:nvSpPr>
          <p:cNvPr id="4" name="Slide Number Placeholder 3"/>
          <p:cNvSpPr>
            <a:spLocks noGrp="1"/>
          </p:cNvSpPr>
          <p:nvPr>
            <p:ph type="sldNum" sz="quarter" idx="10"/>
          </p:nvPr>
        </p:nvSpPr>
        <p:spPr/>
        <p:txBody>
          <a:bodyPr/>
          <a:lstStyle/>
          <a:p>
            <a:fld id="{D1C7FB31-0C7B-4DF9-A9BC-6BD9C278B254}" type="slidenum">
              <a:rPr lang="en-US"/>
              <a:pPr/>
              <a:t>14</a:t>
            </a:fld>
            <a:endParaRPr lang="en-US" dirty="0"/>
          </a:p>
        </p:txBody>
      </p:sp>
    </p:spTree>
    <p:extLst>
      <p:ext uri="{BB962C8B-B14F-4D97-AF65-F5344CB8AC3E}">
        <p14:creationId xmlns:p14="http://schemas.microsoft.com/office/powerpoint/2010/main" val="102883696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we have </a:t>
            </a:r>
            <a:endParaRPr lang="en-US" dirty="0"/>
          </a:p>
        </p:txBody>
      </p:sp>
      <p:sp>
        <p:nvSpPr>
          <p:cNvPr id="4" name="Slide Number Placeholder 3"/>
          <p:cNvSpPr>
            <a:spLocks noGrp="1"/>
          </p:cNvSpPr>
          <p:nvPr>
            <p:ph type="sldNum" sz="quarter" idx="5"/>
          </p:nvPr>
        </p:nvSpPr>
        <p:spPr/>
        <p:txBody>
          <a:bodyPr/>
          <a:lstStyle/>
          <a:p>
            <a:fld id="{D1C7FB31-0C7B-4DF9-A9BC-6BD9C278B254}" type="slidenum">
              <a:rPr lang="en-US"/>
              <a:pPr/>
              <a:t>15</a:t>
            </a:fld>
            <a:endParaRPr lang="en-US" dirty="0"/>
          </a:p>
        </p:txBody>
      </p:sp>
    </p:spTree>
    <p:extLst>
      <p:ext uri="{BB962C8B-B14F-4D97-AF65-F5344CB8AC3E}">
        <p14:creationId xmlns:p14="http://schemas.microsoft.com/office/powerpoint/2010/main" val="165077687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88B14493-B748-4CC5-A922-F5168D8D9EDF}" type="slidenum">
              <a:rPr lang="en-GB" smtClean="0"/>
              <a:t>18</a:t>
            </a:fld>
            <a:endParaRPr lang="en-GB"/>
          </a:p>
        </p:txBody>
      </p:sp>
    </p:spTree>
    <p:extLst>
      <p:ext uri="{BB962C8B-B14F-4D97-AF65-F5344CB8AC3E}">
        <p14:creationId xmlns:p14="http://schemas.microsoft.com/office/powerpoint/2010/main" val="7209328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5" Type="http://schemas.openxmlformats.org/officeDocument/2006/relationships/slideMaster" Target="../slideMasters/slideMaster1.xml"/><Relationship Id="rId4" Type="http://schemas.openxmlformats.org/officeDocument/2006/relationships/tags" Target="../tags/tag4.xml"/></Relationships>
</file>

<file path=ppt/slideLayouts/_rels/slideLayout13.xml.rels><?xml version="1.0" encoding="UTF-8" standalone="yes"?>
<Relationships xmlns="http://schemas.openxmlformats.org/package/2006/relationships"><Relationship Id="rId8" Type="http://schemas.openxmlformats.org/officeDocument/2006/relationships/tags" Target="../tags/tag12.xml"/><Relationship Id="rId3" Type="http://schemas.openxmlformats.org/officeDocument/2006/relationships/tags" Target="../tags/tag7.xml"/><Relationship Id="rId7" Type="http://schemas.openxmlformats.org/officeDocument/2006/relationships/tags" Target="../tags/tag11.xml"/><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tags" Target="../tags/tag10.xml"/><Relationship Id="rId5" Type="http://schemas.openxmlformats.org/officeDocument/2006/relationships/tags" Target="../tags/tag9.xml"/><Relationship Id="rId10" Type="http://schemas.openxmlformats.org/officeDocument/2006/relationships/slideMaster" Target="../slideMasters/slideMaster1.xml"/><Relationship Id="rId4" Type="http://schemas.openxmlformats.org/officeDocument/2006/relationships/tags" Target="../tags/tag8.xml"/><Relationship Id="rId9" Type="http://schemas.openxmlformats.org/officeDocument/2006/relationships/tags" Target="../tags/tag13.xml"/></Relationships>
</file>

<file path=ppt/slideLayouts/_rels/slideLayout14.xml.rels><?xml version="1.0" encoding="UTF-8" standalone="yes"?>
<Relationships xmlns="http://schemas.openxmlformats.org/package/2006/relationships"><Relationship Id="rId8" Type="http://schemas.openxmlformats.org/officeDocument/2006/relationships/tags" Target="../tags/tag21.xml"/><Relationship Id="rId3" Type="http://schemas.openxmlformats.org/officeDocument/2006/relationships/tags" Target="../tags/tag16.xml"/><Relationship Id="rId7" Type="http://schemas.openxmlformats.org/officeDocument/2006/relationships/tags" Target="../tags/tag20.xml"/><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tags" Target="../tags/tag19.xml"/><Relationship Id="rId5" Type="http://schemas.openxmlformats.org/officeDocument/2006/relationships/tags" Target="../tags/tag18.xml"/><Relationship Id="rId10" Type="http://schemas.openxmlformats.org/officeDocument/2006/relationships/slideMaster" Target="../slideMasters/slideMaster1.xml"/><Relationship Id="rId4" Type="http://schemas.openxmlformats.org/officeDocument/2006/relationships/tags" Target="../tags/tag17.xml"/><Relationship Id="rId9" Type="http://schemas.openxmlformats.org/officeDocument/2006/relationships/tags" Target="../tags/tag22.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4"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28.xml"/><Relationship Id="rId2" Type="http://schemas.openxmlformats.org/officeDocument/2006/relationships/tags" Target="../tags/tag27.xml"/><Relationship Id="rId1" Type="http://schemas.openxmlformats.org/officeDocument/2006/relationships/tags" Target="../tags/tag26.xml"/><Relationship Id="rId4"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06AD0D-16AF-12CD-0D54-9862EE8E0B24}"/>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D2930383-E418-3D12-8D3E-0DEA6136ED78}"/>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0F10CF96-ACF3-D4DA-C9E6-A48A33CB3020}"/>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5" name="Footer Placeholder 4">
            <a:extLst>
              <a:ext uri="{FF2B5EF4-FFF2-40B4-BE49-F238E27FC236}">
                <a16:creationId xmlns:a16="http://schemas.microsoft.com/office/drawing/2014/main" id="{C0FFB6B4-83EC-5482-A87B-0C1AF8B9C323}"/>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F889339-BBFE-3E67-9F9B-B2B72F16C202}"/>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53793172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2F45D3-A5AE-5DEA-3634-D6CAACAA7E2C}"/>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2CEB3777-5597-FACE-8D2E-7957FAEDF530}"/>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E4A866D3-B1A4-3C0C-5DC0-0E7124211F50}"/>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5" name="Footer Placeholder 4">
            <a:extLst>
              <a:ext uri="{FF2B5EF4-FFF2-40B4-BE49-F238E27FC236}">
                <a16:creationId xmlns:a16="http://schemas.microsoft.com/office/drawing/2014/main" id="{5EAF2E44-3560-A3E3-0B94-BC9C30B59DC2}"/>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C20BDB94-6826-AC04-BEB1-A1284A4FBBF9}"/>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174060843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A8CD7B71-9A0E-008D-ED58-884261D1FB13}"/>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E71E5FBB-F2EB-E1B8-C63F-EC33EDA684A2}"/>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577B298-AB3C-719F-4FD4-7BDE4559F25B}"/>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5" name="Footer Placeholder 4">
            <a:extLst>
              <a:ext uri="{FF2B5EF4-FFF2-40B4-BE49-F238E27FC236}">
                <a16:creationId xmlns:a16="http://schemas.microsoft.com/office/drawing/2014/main" id="{63A426D2-0E67-CD7C-7D86-3E16171703A8}"/>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5D286C91-CBA8-CD7F-2DF8-5A148EB2BE49}"/>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236704838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Left Content">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a:pPr/>
              <a:t>‹#›</a:t>
            </a:fld>
            <a:endParaRPr lang="en-GB" dirty="0"/>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2"/>
            </p:custDataLst>
          </p:nvPr>
        </p:nvSpPr>
        <p:spPr/>
        <p:txBody>
          <a:bodyPr/>
          <a:lstStyle/>
          <a:p>
            <a:endParaRPr lang="en-GB" dirty="0"/>
          </a:p>
        </p:txBody>
      </p:sp>
      <p:sp>
        <p:nvSpPr>
          <p:cNvPr id="13" name="Guides" descr="1x1" hidden="1">
            <a:extLst>
              <a:ext uri="{FF2B5EF4-FFF2-40B4-BE49-F238E27FC236}">
                <a16:creationId xmlns:a16="http://schemas.microsoft.com/office/drawing/2014/main" id="{0B803837-901F-411A-BFE4-7E5616B864AA}"/>
              </a:ext>
            </a:extLst>
          </p:cNvPr>
          <p:cNvSpPr/>
          <p:nvPr userDrawn="1">
            <p:custDataLst>
              <p:tags r:id="rId3"/>
            </p:custDataLst>
          </p:nvPr>
        </p:nvSpPr>
        <p:spPr>
          <a:xfrm>
            <a:off x="1" y="0"/>
            <a:ext cx="724097" cy="230424"/>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33">
                <a:solidFill>
                  <a:srgbClr val="FFFFFF"/>
                </a:solidFill>
              </a:rPr>
              <a:t>GUIDECOLS:2GUIDEROWS:1GUTTERCOL:0.6 cmGUTTERROW:0.6 cmGUIDECOLS:2GUIDEROWS:2GUTTERCOL:0.6 cmGUTTERROW:0.6 cmGUIDECOLS:2GUIDEROWS:2GUTTERCOL:0.6 cmGUTTERROW:0.6 cmGUIDESAPPLIEDTO:2GUIDECOLS:2GUIDEROWS:2GUTTERCOL:0.6 cmGUTTERROW:0.6 cmGUIDECOLS:2GUIDEROWS:2GUTTERCOL:0.6 cmGUTTERROW:0.6 cmGUIDECOLS:2GUIDEROWS:2GUTTERCOL:0.6 cmGUTTERROW:0.6 cmGUIDECOLS:2GUIDEROWS:2GUTTERCOL:0.6 cmGUTTERROW:0.6 cmGUIDECOLS:2GUIDEROWS:3GUTTERCOL:0.6 cmGUTTERROW:0.6 cm</a:t>
            </a:r>
          </a:p>
        </p:txBody>
      </p:sp>
      <p:sp>
        <p:nvSpPr>
          <p:cNvPr id="6" name="Content Placeholder 5">
            <a:extLst>
              <a:ext uri="{FF2B5EF4-FFF2-40B4-BE49-F238E27FC236}">
                <a16:creationId xmlns:a16="http://schemas.microsoft.com/office/drawing/2014/main" id="{8CDF3AD9-5424-42C1-8C7C-082D8582F7E4}"/>
              </a:ext>
            </a:extLst>
          </p:cNvPr>
          <p:cNvSpPr>
            <a:spLocks noGrp="1"/>
          </p:cNvSpPr>
          <p:nvPr>
            <p:ph sz="quarter" idx="15"/>
            <p:custDataLst>
              <p:tags r:id="rId4"/>
            </p:custDataLst>
          </p:nvPr>
        </p:nvSpPr>
        <p:spPr>
          <a:xfrm>
            <a:off x="719667" y="1439334"/>
            <a:ext cx="4528195" cy="45593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 </a:t>
            </a:r>
          </a:p>
          <a:p>
            <a:pPr lvl="6"/>
            <a:r>
              <a:rPr lang="en-US" dirty="0"/>
              <a:t>Seventh level</a:t>
            </a:r>
          </a:p>
          <a:p>
            <a:pPr lvl="7"/>
            <a:r>
              <a:rPr lang="en-US" sz="1867" dirty="0"/>
              <a:t>Eighth level</a:t>
            </a:r>
          </a:p>
          <a:p>
            <a:pPr lvl="8"/>
            <a:r>
              <a:rPr lang="en-US" dirty="0"/>
              <a:t>Ninth level</a:t>
            </a:r>
          </a:p>
        </p:txBody>
      </p:sp>
    </p:spTree>
    <p:extLst>
      <p:ext uri="{BB962C8B-B14F-4D97-AF65-F5344CB8AC3E}">
        <p14:creationId xmlns:p14="http://schemas.microsoft.com/office/powerpoint/2010/main" val="2718771668"/>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4pt middle (centre graphi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5F5705-8712-4EC6-B529-36FCF6DEF7B4}"/>
              </a:ext>
            </a:extLst>
          </p:cNvPr>
          <p:cNvSpPr>
            <a:spLocks noGrp="1"/>
          </p:cNvSpPr>
          <p:nvPr>
            <p:ph type="title"/>
          </p:nvPr>
        </p:nvSpPr>
        <p:spPr/>
        <p:txBody>
          <a:bodyPr/>
          <a:lstStyle>
            <a:lvl1pPr>
              <a:defRPr b="0"/>
            </a:lvl1pPr>
          </a:lstStyle>
          <a:p>
            <a:r>
              <a:rPr lang="en-US" dirty="0"/>
              <a:t>Click to edit Master title style</a:t>
            </a:r>
            <a:endParaRPr lang="en-GB" dirty="0"/>
          </a:p>
        </p:txBody>
      </p:sp>
      <p:sp>
        <p:nvSpPr>
          <p:cNvPr id="11" name="14pt black left top">
            <a:extLst>
              <a:ext uri="{FF2B5EF4-FFF2-40B4-BE49-F238E27FC236}">
                <a16:creationId xmlns:a16="http://schemas.microsoft.com/office/drawing/2014/main" id="{AA81DFAF-56BB-4C93-920A-C8961A95DB8D}"/>
              </a:ext>
            </a:extLst>
          </p:cNvPr>
          <p:cNvSpPr>
            <a:spLocks noGrp="1"/>
          </p:cNvSpPr>
          <p:nvPr>
            <p:ph type="body" sz="quarter" idx="26" hasCustomPrompt="1"/>
            <p:custDataLst>
              <p:tags r:id="rId1"/>
            </p:custDataLst>
          </p:nvPr>
        </p:nvSpPr>
        <p:spPr>
          <a:xfrm>
            <a:off x="8852292" y="5010249"/>
            <a:ext cx="2703961" cy="1089668"/>
          </a:xfrm>
          <a:prstGeom prst="rect">
            <a:avLst/>
          </a:prstGeom>
        </p:spPr>
        <p:txBody>
          <a:bodyPr anchor="t"/>
          <a:lstStyle>
            <a:lvl1pPr marL="0" indent="0" algn="l">
              <a:buFontTx/>
              <a:buNone/>
              <a:defRPr sz="1867">
                <a:solidFill>
                  <a:srgbClr val="000000"/>
                </a:solidFill>
              </a:defRPr>
            </a:lvl1pPr>
            <a:lvl2pPr marL="335740" indent="0" algn="l">
              <a:buFontTx/>
              <a:buNone/>
              <a:defRPr sz="1175">
                <a:solidFill>
                  <a:srgbClr val="000000"/>
                </a:solidFill>
              </a:defRPr>
            </a:lvl2pPr>
            <a:lvl3pPr marL="578218" indent="0" algn="l">
              <a:buFontTx/>
              <a:buNone/>
              <a:defRPr sz="1175">
                <a:solidFill>
                  <a:srgbClr val="000000"/>
                </a:solidFill>
              </a:defRPr>
            </a:lvl3pPr>
            <a:lvl4pPr marL="823805" indent="0" algn="l">
              <a:buFontTx/>
              <a:buNone/>
              <a:defRPr sz="1175">
                <a:solidFill>
                  <a:srgbClr val="000000"/>
                </a:solidFill>
              </a:defRPr>
            </a:lvl4pPr>
            <a:lvl5pPr marL="1060064" indent="0" algn="l">
              <a:buFontTx/>
              <a:buNone/>
              <a:defRPr sz="1175">
                <a:solidFill>
                  <a:srgbClr val="000000"/>
                </a:solidFill>
              </a:defRPr>
            </a:lvl5pPr>
          </a:lstStyle>
          <a:p>
            <a:pPr lvl="0"/>
            <a:r>
              <a:rPr lang="en-GB" dirty="0"/>
              <a:t>Click here and type. Click reset to correct formatting problems.</a:t>
            </a:r>
          </a:p>
        </p:txBody>
      </p:sp>
      <p:sp>
        <p:nvSpPr>
          <p:cNvPr id="12" name="20pt red left bottom">
            <a:extLst>
              <a:ext uri="{FF2B5EF4-FFF2-40B4-BE49-F238E27FC236}">
                <a16:creationId xmlns:a16="http://schemas.microsoft.com/office/drawing/2014/main" id="{6F783803-C494-47AB-8B39-95D64752C301}"/>
              </a:ext>
            </a:extLst>
          </p:cNvPr>
          <p:cNvSpPr>
            <a:spLocks noGrp="1"/>
          </p:cNvSpPr>
          <p:nvPr>
            <p:ph type="body" sz="quarter" idx="27" hasCustomPrompt="1"/>
            <p:custDataLst>
              <p:tags r:id="rId2"/>
            </p:custDataLst>
          </p:nvPr>
        </p:nvSpPr>
        <p:spPr>
          <a:xfrm>
            <a:off x="8852292" y="4599650"/>
            <a:ext cx="2703961" cy="336956"/>
          </a:xfrm>
          <a:prstGeom prst="rect">
            <a:avLst/>
          </a:prstGeom>
        </p:spPr>
        <p:txBody>
          <a:bodyPr anchor="b"/>
          <a:lstStyle>
            <a:lvl1pPr marL="0" indent="0" algn="l">
              <a:buFontTx/>
              <a:buNone/>
              <a:defRPr sz="2667">
                <a:solidFill>
                  <a:srgbClr val="E11B22"/>
                </a:solidFill>
              </a:defRPr>
            </a:lvl1pPr>
            <a:lvl2pPr marL="335740" indent="0" algn="l">
              <a:buFontTx/>
              <a:buNone/>
              <a:defRPr sz="1567">
                <a:solidFill>
                  <a:srgbClr val="E11B22"/>
                </a:solidFill>
              </a:defRPr>
            </a:lvl2pPr>
            <a:lvl3pPr marL="578218" indent="0" algn="l">
              <a:buFontTx/>
              <a:buNone/>
              <a:defRPr sz="1567">
                <a:solidFill>
                  <a:srgbClr val="E11B22"/>
                </a:solidFill>
              </a:defRPr>
            </a:lvl3pPr>
            <a:lvl4pPr marL="823805" indent="0" algn="l">
              <a:buFontTx/>
              <a:buNone/>
              <a:defRPr sz="1567">
                <a:solidFill>
                  <a:srgbClr val="E11B22"/>
                </a:solidFill>
              </a:defRPr>
            </a:lvl4pPr>
            <a:lvl5pPr marL="1060064" indent="0" algn="l">
              <a:buFontTx/>
              <a:buNone/>
              <a:defRPr sz="1567">
                <a:solidFill>
                  <a:srgbClr val="E11B22"/>
                </a:solidFill>
              </a:defRPr>
            </a:lvl5pPr>
          </a:lstStyle>
          <a:p>
            <a:pPr lvl="0"/>
            <a:r>
              <a:rPr lang="en-US"/>
              <a:t>Put heading here</a:t>
            </a:r>
            <a:endParaRPr lang="en-GB"/>
          </a:p>
        </p:txBody>
      </p:sp>
      <p:sp>
        <p:nvSpPr>
          <p:cNvPr id="13" name="14pt black right top">
            <a:extLst>
              <a:ext uri="{FF2B5EF4-FFF2-40B4-BE49-F238E27FC236}">
                <a16:creationId xmlns:a16="http://schemas.microsoft.com/office/drawing/2014/main" id="{0A191F47-D1F8-42BF-BC1D-6A5F955A16CD}"/>
              </a:ext>
            </a:extLst>
          </p:cNvPr>
          <p:cNvSpPr>
            <a:spLocks noGrp="1"/>
          </p:cNvSpPr>
          <p:nvPr>
            <p:ph type="body" sz="quarter" idx="28" hasCustomPrompt="1"/>
            <p:custDataLst>
              <p:tags r:id="rId3"/>
            </p:custDataLst>
          </p:nvPr>
        </p:nvSpPr>
        <p:spPr>
          <a:xfrm>
            <a:off x="633127" y="5010249"/>
            <a:ext cx="2703961" cy="1089668"/>
          </a:xfrm>
          <a:prstGeom prst="rect">
            <a:avLst/>
          </a:prstGeom>
        </p:spPr>
        <p:txBody>
          <a:bodyPr anchor="t"/>
          <a:lstStyle>
            <a:lvl1pPr marL="0" indent="0" algn="r">
              <a:buFontTx/>
              <a:buNone/>
              <a:defRPr sz="1867">
                <a:solidFill>
                  <a:srgbClr val="000000"/>
                </a:solidFill>
              </a:defRPr>
            </a:lvl1pPr>
            <a:lvl2pPr marL="335740" indent="0" algn="r">
              <a:buFontTx/>
              <a:buNone/>
              <a:defRPr sz="1175">
                <a:solidFill>
                  <a:srgbClr val="000000"/>
                </a:solidFill>
              </a:defRPr>
            </a:lvl2pPr>
            <a:lvl3pPr marL="578218" indent="0" algn="r">
              <a:buFontTx/>
              <a:buNone/>
              <a:defRPr sz="1175">
                <a:solidFill>
                  <a:srgbClr val="000000"/>
                </a:solidFill>
              </a:defRPr>
            </a:lvl3pPr>
            <a:lvl4pPr marL="823805" indent="0" algn="r">
              <a:buFontTx/>
              <a:buNone/>
              <a:defRPr sz="1175">
                <a:solidFill>
                  <a:srgbClr val="000000"/>
                </a:solidFill>
              </a:defRPr>
            </a:lvl4pPr>
            <a:lvl5pPr marL="1060064" indent="0" algn="r">
              <a:buFontTx/>
              <a:buNone/>
              <a:defRPr sz="1175">
                <a:solidFill>
                  <a:srgbClr val="000000"/>
                </a:solidFill>
              </a:defRPr>
            </a:lvl5pPr>
          </a:lstStyle>
          <a:p>
            <a:pPr lvl="0"/>
            <a:r>
              <a:rPr lang="en-GB"/>
              <a:t>Click here and type. Click reset to correct formatting problems.</a:t>
            </a:r>
          </a:p>
        </p:txBody>
      </p:sp>
      <p:sp>
        <p:nvSpPr>
          <p:cNvPr id="14" name="20pt red right bottom">
            <a:extLst>
              <a:ext uri="{FF2B5EF4-FFF2-40B4-BE49-F238E27FC236}">
                <a16:creationId xmlns:a16="http://schemas.microsoft.com/office/drawing/2014/main" id="{523372F4-885A-42DA-A81A-F7447EFC0C10}"/>
              </a:ext>
            </a:extLst>
          </p:cNvPr>
          <p:cNvSpPr>
            <a:spLocks noGrp="1"/>
          </p:cNvSpPr>
          <p:nvPr>
            <p:ph type="body" sz="quarter" idx="29" hasCustomPrompt="1"/>
            <p:custDataLst>
              <p:tags r:id="rId4"/>
            </p:custDataLst>
          </p:nvPr>
        </p:nvSpPr>
        <p:spPr>
          <a:xfrm>
            <a:off x="633127" y="4599650"/>
            <a:ext cx="2703961" cy="336956"/>
          </a:xfrm>
          <a:prstGeom prst="rect">
            <a:avLst/>
          </a:prstGeom>
        </p:spPr>
        <p:txBody>
          <a:bodyPr anchor="b"/>
          <a:lstStyle>
            <a:lvl1pPr marL="0" indent="0" algn="r">
              <a:buFontTx/>
              <a:buNone/>
              <a:defRPr sz="2667">
                <a:solidFill>
                  <a:srgbClr val="E11B22"/>
                </a:solidFill>
              </a:defRPr>
            </a:lvl1pPr>
            <a:lvl2pPr marL="335740" indent="0" algn="r">
              <a:buFontTx/>
              <a:buNone/>
              <a:defRPr sz="1567">
                <a:solidFill>
                  <a:srgbClr val="E11B22"/>
                </a:solidFill>
              </a:defRPr>
            </a:lvl2pPr>
            <a:lvl3pPr marL="578218" indent="0" algn="r">
              <a:buFontTx/>
              <a:buNone/>
              <a:defRPr sz="1567">
                <a:solidFill>
                  <a:srgbClr val="E11B22"/>
                </a:solidFill>
              </a:defRPr>
            </a:lvl3pPr>
            <a:lvl4pPr marL="823805" indent="0" algn="r">
              <a:buFontTx/>
              <a:buNone/>
              <a:defRPr sz="1567">
                <a:solidFill>
                  <a:srgbClr val="E11B22"/>
                </a:solidFill>
              </a:defRPr>
            </a:lvl4pPr>
            <a:lvl5pPr marL="1060064" indent="0" algn="r">
              <a:buFontTx/>
              <a:buNone/>
              <a:defRPr sz="1567">
                <a:solidFill>
                  <a:srgbClr val="E11B22"/>
                </a:solidFill>
              </a:defRPr>
            </a:lvl5pPr>
          </a:lstStyle>
          <a:p>
            <a:pPr lvl="0"/>
            <a:r>
              <a:rPr lang="en-US"/>
              <a:t>Put heading here</a:t>
            </a:r>
            <a:endParaRPr lang="en-GB"/>
          </a:p>
        </p:txBody>
      </p:sp>
      <p:sp>
        <p:nvSpPr>
          <p:cNvPr id="19" name="14pt black left top">
            <a:extLst>
              <a:ext uri="{FF2B5EF4-FFF2-40B4-BE49-F238E27FC236}">
                <a16:creationId xmlns:a16="http://schemas.microsoft.com/office/drawing/2014/main" id="{C643EAD3-F558-447B-A8B0-917C43FC683D}"/>
              </a:ext>
            </a:extLst>
          </p:cNvPr>
          <p:cNvSpPr>
            <a:spLocks noGrp="1"/>
          </p:cNvSpPr>
          <p:nvPr>
            <p:ph type="body" sz="quarter" idx="34" hasCustomPrompt="1"/>
            <p:custDataLst>
              <p:tags r:id="rId5"/>
            </p:custDataLst>
          </p:nvPr>
        </p:nvSpPr>
        <p:spPr>
          <a:xfrm>
            <a:off x="8852292" y="2074494"/>
            <a:ext cx="2703961" cy="1089668"/>
          </a:xfrm>
          <a:prstGeom prst="rect">
            <a:avLst/>
          </a:prstGeom>
        </p:spPr>
        <p:txBody>
          <a:bodyPr anchor="t"/>
          <a:lstStyle>
            <a:lvl1pPr marL="0" indent="0" algn="l">
              <a:buFontTx/>
              <a:buNone/>
              <a:defRPr sz="1867">
                <a:solidFill>
                  <a:srgbClr val="000000"/>
                </a:solidFill>
              </a:defRPr>
            </a:lvl1pPr>
            <a:lvl2pPr marL="335740" indent="0" algn="l">
              <a:buFontTx/>
              <a:buNone/>
              <a:defRPr sz="1175">
                <a:solidFill>
                  <a:srgbClr val="000000"/>
                </a:solidFill>
              </a:defRPr>
            </a:lvl2pPr>
            <a:lvl3pPr marL="578218" indent="0" algn="l">
              <a:buFontTx/>
              <a:buNone/>
              <a:defRPr sz="1175">
                <a:solidFill>
                  <a:srgbClr val="000000"/>
                </a:solidFill>
              </a:defRPr>
            </a:lvl3pPr>
            <a:lvl4pPr marL="823805" indent="0" algn="l">
              <a:buFontTx/>
              <a:buNone/>
              <a:defRPr sz="1175">
                <a:solidFill>
                  <a:srgbClr val="000000"/>
                </a:solidFill>
              </a:defRPr>
            </a:lvl4pPr>
            <a:lvl5pPr marL="1060064" indent="0" algn="l">
              <a:buFontTx/>
              <a:buNone/>
              <a:defRPr sz="1175">
                <a:solidFill>
                  <a:srgbClr val="000000"/>
                </a:solidFill>
              </a:defRPr>
            </a:lvl5pPr>
          </a:lstStyle>
          <a:p>
            <a:pPr lvl="0"/>
            <a:r>
              <a:rPr lang="en-GB" dirty="0"/>
              <a:t>Click here and type. Click reset to correct formatting problems.</a:t>
            </a:r>
          </a:p>
        </p:txBody>
      </p:sp>
      <p:sp>
        <p:nvSpPr>
          <p:cNvPr id="20" name="20pt red left bottom">
            <a:extLst>
              <a:ext uri="{FF2B5EF4-FFF2-40B4-BE49-F238E27FC236}">
                <a16:creationId xmlns:a16="http://schemas.microsoft.com/office/drawing/2014/main" id="{0E9231BA-0C8F-42E0-8868-0327BABA75BD}"/>
              </a:ext>
            </a:extLst>
          </p:cNvPr>
          <p:cNvSpPr>
            <a:spLocks noGrp="1"/>
          </p:cNvSpPr>
          <p:nvPr>
            <p:ph type="body" sz="quarter" idx="35" hasCustomPrompt="1"/>
            <p:custDataLst>
              <p:tags r:id="rId6"/>
            </p:custDataLst>
          </p:nvPr>
        </p:nvSpPr>
        <p:spPr>
          <a:xfrm>
            <a:off x="8852292" y="1659547"/>
            <a:ext cx="2703961" cy="336956"/>
          </a:xfrm>
          <a:prstGeom prst="rect">
            <a:avLst/>
          </a:prstGeom>
        </p:spPr>
        <p:txBody>
          <a:bodyPr anchor="b"/>
          <a:lstStyle>
            <a:lvl1pPr marL="0" indent="0" algn="l">
              <a:buFontTx/>
              <a:buNone/>
              <a:defRPr sz="2667">
                <a:solidFill>
                  <a:srgbClr val="E11B22"/>
                </a:solidFill>
              </a:defRPr>
            </a:lvl1pPr>
            <a:lvl2pPr marL="335740" indent="0" algn="l">
              <a:buFontTx/>
              <a:buNone/>
              <a:defRPr sz="1567">
                <a:solidFill>
                  <a:srgbClr val="E11B22"/>
                </a:solidFill>
              </a:defRPr>
            </a:lvl2pPr>
            <a:lvl3pPr marL="578218" indent="0" algn="l">
              <a:buFontTx/>
              <a:buNone/>
              <a:defRPr sz="1567">
                <a:solidFill>
                  <a:srgbClr val="E11B22"/>
                </a:solidFill>
              </a:defRPr>
            </a:lvl3pPr>
            <a:lvl4pPr marL="823805" indent="0" algn="l">
              <a:buFontTx/>
              <a:buNone/>
              <a:defRPr sz="1567">
                <a:solidFill>
                  <a:srgbClr val="E11B22"/>
                </a:solidFill>
              </a:defRPr>
            </a:lvl4pPr>
            <a:lvl5pPr marL="1060064" indent="0" algn="l">
              <a:buFontTx/>
              <a:buNone/>
              <a:defRPr sz="1567">
                <a:solidFill>
                  <a:srgbClr val="E11B22"/>
                </a:solidFill>
              </a:defRPr>
            </a:lvl5pPr>
          </a:lstStyle>
          <a:p>
            <a:pPr lvl="0"/>
            <a:r>
              <a:rPr lang="en-US" dirty="0"/>
              <a:t>Put heading here</a:t>
            </a:r>
            <a:endParaRPr lang="en-GB" dirty="0"/>
          </a:p>
        </p:txBody>
      </p:sp>
      <p:sp>
        <p:nvSpPr>
          <p:cNvPr id="21" name="14pt black right top">
            <a:extLst>
              <a:ext uri="{FF2B5EF4-FFF2-40B4-BE49-F238E27FC236}">
                <a16:creationId xmlns:a16="http://schemas.microsoft.com/office/drawing/2014/main" id="{6DF498C0-1A84-41F5-9988-DAC613D6CFCF}"/>
              </a:ext>
            </a:extLst>
          </p:cNvPr>
          <p:cNvSpPr>
            <a:spLocks noGrp="1"/>
          </p:cNvSpPr>
          <p:nvPr>
            <p:ph type="body" sz="quarter" idx="36" hasCustomPrompt="1"/>
            <p:custDataLst>
              <p:tags r:id="rId7"/>
            </p:custDataLst>
          </p:nvPr>
        </p:nvSpPr>
        <p:spPr>
          <a:xfrm>
            <a:off x="633127" y="2074494"/>
            <a:ext cx="2703961" cy="1089668"/>
          </a:xfrm>
          <a:prstGeom prst="rect">
            <a:avLst/>
          </a:prstGeom>
        </p:spPr>
        <p:txBody>
          <a:bodyPr anchor="t"/>
          <a:lstStyle>
            <a:lvl1pPr marL="0" indent="0" algn="r">
              <a:buFontTx/>
              <a:buNone/>
              <a:defRPr sz="1867">
                <a:solidFill>
                  <a:srgbClr val="000000"/>
                </a:solidFill>
              </a:defRPr>
            </a:lvl1pPr>
            <a:lvl2pPr marL="335740" indent="0" algn="r">
              <a:buFontTx/>
              <a:buNone/>
              <a:defRPr sz="1175">
                <a:solidFill>
                  <a:srgbClr val="000000"/>
                </a:solidFill>
              </a:defRPr>
            </a:lvl2pPr>
            <a:lvl3pPr marL="578218" indent="0" algn="r">
              <a:buFontTx/>
              <a:buNone/>
              <a:defRPr sz="1175">
                <a:solidFill>
                  <a:srgbClr val="000000"/>
                </a:solidFill>
              </a:defRPr>
            </a:lvl3pPr>
            <a:lvl4pPr marL="823805" indent="0" algn="r">
              <a:buFontTx/>
              <a:buNone/>
              <a:defRPr sz="1175">
                <a:solidFill>
                  <a:srgbClr val="000000"/>
                </a:solidFill>
              </a:defRPr>
            </a:lvl4pPr>
            <a:lvl5pPr marL="1060064" indent="0" algn="r">
              <a:buFontTx/>
              <a:buNone/>
              <a:defRPr sz="1175">
                <a:solidFill>
                  <a:srgbClr val="000000"/>
                </a:solidFill>
              </a:defRPr>
            </a:lvl5pPr>
          </a:lstStyle>
          <a:p>
            <a:pPr lvl="0"/>
            <a:r>
              <a:rPr lang="en-GB" dirty="0"/>
              <a:t>Click here and type. Click reset to correct formatting problems.</a:t>
            </a:r>
          </a:p>
        </p:txBody>
      </p:sp>
      <p:sp>
        <p:nvSpPr>
          <p:cNvPr id="22" name="20pt red right bottom">
            <a:extLst>
              <a:ext uri="{FF2B5EF4-FFF2-40B4-BE49-F238E27FC236}">
                <a16:creationId xmlns:a16="http://schemas.microsoft.com/office/drawing/2014/main" id="{E3A6BB0A-2D91-48BA-9EC9-5CA818AEF2E1}"/>
              </a:ext>
            </a:extLst>
          </p:cNvPr>
          <p:cNvSpPr>
            <a:spLocks noGrp="1"/>
          </p:cNvSpPr>
          <p:nvPr>
            <p:ph type="body" sz="quarter" idx="37" hasCustomPrompt="1"/>
            <p:custDataLst>
              <p:tags r:id="rId8"/>
            </p:custDataLst>
          </p:nvPr>
        </p:nvSpPr>
        <p:spPr>
          <a:xfrm>
            <a:off x="633127" y="1659547"/>
            <a:ext cx="2703961" cy="336956"/>
          </a:xfrm>
          <a:prstGeom prst="rect">
            <a:avLst/>
          </a:prstGeom>
        </p:spPr>
        <p:txBody>
          <a:bodyPr anchor="b"/>
          <a:lstStyle>
            <a:lvl1pPr marL="0" indent="0" algn="r">
              <a:buFontTx/>
              <a:buNone/>
              <a:defRPr sz="2667">
                <a:solidFill>
                  <a:srgbClr val="E11B22"/>
                </a:solidFill>
              </a:defRPr>
            </a:lvl1pPr>
            <a:lvl2pPr marL="335740" indent="0" algn="r">
              <a:buFontTx/>
              <a:buNone/>
              <a:defRPr sz="1567">
                <a:solidFill>
                  <a:srgbClr val="E11B22"/>
                </a:solidFill>
              </a:defRPr>
            </a:lvl2pPr>
            <a:lvl3pPr marL="578218" indent="0" algn="r">
              <a:buFontTx/>
              <a:buNone/>
              <a:defRPr sz="1567">
                <a:solidFill>
                  <a:srgbClr val="E11B22"/>
                </a:solidFill>
              </a:defRPr>
            </a:lvl3pPr>
            <a:lvl4pPr marL="823805" indent="0" algn="r">
              <a:buFontTx/>
              <a:buNone/>
              <a:defRPr sz="1567">
                <a:solidFill>
                  <a:srgbClr val="E11B22"/>
                </a:solidFill>
              </a:defRPr>
            </a:lvl4pPr>
            <a:lvl5pPr marL="1060064" indent="0" algn="r">
              <a:buFontTx/>
              <a:buNone/>
              <a:defRPr sz="1567">
                <a:solidFill>
                  <a:srgbClr val="E11B22"/>
                </a:solidFill>
              </a:defRPr>
            </a:lvl5pPr>
          </a:lstStyle>
          <a:p>
            <a:pPr lvl="0"/>
            <a:r>
              <a:rPr lang="en-US" dirty="0"/>
              <a:t>Put heading here</a:t>
            </a:r>
            <a:endParaRPr lang="en-GB" dirty="0"/>
          </a:p>
        </p:txBody>
      </p:sp>
      <p:sp>
        <p:nvSpPr>
          <p:cNvPr id="15" name="Guides" descr="1x1" hidden="1">
            <a:extLst>
              <a:ext uri="{FF2B5EF4-FFF2-40B4-BE49-F238E27FC236}">
                <a16:creationId xmlns:a16="http://schemas.microsoft.com/office/drawing/2014/main" id="{728644AB-F42D-4B99-BF8F-60D7AE49E6F6}"/>
              </a:ext>
            </a:extLst>
          </p:cNvPr>
          <p:cNvSpPr/>
          <p:nvPr userDrawn="1">
            <p:custDataLst>
              <p:tags r:id="rId9"/>
            </p:custDataLst>
          </p:nvPr>
        </p:nvSpPr>
        <p:spPr>
          <a:xfrm>
            <a:off x="1" y="0"/>
            <a:ext cx="724097" cy="230424"/>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635" dirty="0">
                <a:solidFill>
                  <a:srgbClr val="FFFFFF"/>
                </a:solidFill>
              </a:rPr>
              <a:t>GUIDECOLS:1GUIDEROWS:1GUTTERCOL:0.6 cmGUTTERROW:0.6 cmGUIDECOLS:1GUIDEROWS:1GUTTERCOL:0.6 cmGUTTERROW:0.6 cmGUIDESAPPLIEDTO:2GUIDECOLS:1GUIDEROWS:1GUTTERCOL:0.6 cmGUTTERROW:0.6 cmGUIDECOLS:1GUIDEROWS:1GUTTERCOL:0.6 cmGUTTERROW:0.6 cm</a:t>
            </a:r>
          </a:p>
        </p:txBody>
      </p:sp>
      <p:sp>
        <p:nvSpPr>
          <p:cNvPr id="3" name="Slide Number Placeholder 2">
            <a:extLst>
              <a:ext uri="{FF2B5EF4-FFF2-40B4-BE49-F238E27FC236}">
                <a16:creationId xmlns:a16="http://schemas.microsoft.com/office/drawing/2014/main" id="{31C853F5-E285-4BB9-8DAA-542168B4A517}"/>
              </a:ext>
            </a:extLst>
          </p:cNvPr>
          <p:cNvSpPr>
            <a:spLocks noGrp="1"/>
          </p:cNvSpPr>
          <p:nvPr>
            <p:ph type="sldNum" sz="quarter" idx="38"/>
          </p:nvPr>
        </p:nvSpPr>
        <p:spPr/>
        <p:txBody>
          <a:bodyPr/>
          <a:lstStyle/>
          <a:p>
            <a:fld id="{318147DC-1BE8-4CB3-8FD3-794750B1925D}" type="slidenum">
              <a:rPr lang="en-GB"/>
              <a:pPr/>
              <a:t>‹#›</a:t>
            </a:fld>
            <a:endParaRPr lang="en-GB" dirty="0"/>
          </a:p>
        </p:txBody>
      </p:sp>
    </p:spTree>
    <p:extLst>
      <p:ext uri="{BB962C8B-B14F-4D97-AF65-F5344CB8AC3E}">
        <p14:creationId xmlns:p14="http://schemas.microsoft.com/office/powerpoint/2010/main" val="396694824"/>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4pt (flags)">
    <p:spTree>
      <p:nvGrpSpPr>
        <p:cNvPr id="1" name=""/>
        <p:cNvGrpSpPr/>
        <p:nvPr/>
      </p:nvGrpSpPr>
      <p:grpSpPr>
        <a:xfrm>
          <a:off x="0" y="0"/>
          <a:ext cx="0" cy="0"/>
          <a:chOff x="0" y="0"/>
          <a:chExt cx="0" cy="0"/>
        </a:xfrm>
      </p:grpSpPr>
      <p:sp>
        <p:nvSpPr>
          <p:cNvPr id="9" name="14pt black left top">
            <a:extLst>
              <a:ext uri="{FF2B5EF4-FFF2-40B4-BE49-F238E27FC236}">
                <a16:creationId xmlns:a16="http://schemas.microsoft.com/office/drawing/2014/main" id="{722C1739-EA34-4866-B684-0BFD7E8CC09D}"/>
              </a:ext>
            </a:extLst>
          </p:cNvPr>
          <p:cNvSpPr>
            <a:spLocks noGrp="1"/>
          </p:cNvSpPr>
          <p:nvPr>
            <p:ph type="body" sz="quarter" idx="38" hasCustomPrompt="1"/>
            <p:custDataLst>
              <p:tags r:id="rId1"/>
            </p:custDataLst>
          </p:nvPr>
        </p:nvSpPr>
        <p:spPr>
          <a:xfrm>
            <a:off x="8857581" y="3134371"/>
            <a:ext cx="2703961" cy="1089668"/>
          </a:xfrm>
          <a:prstGeom prst="rect">
            <a:avLst/>
          </a:prstGeom>
        </p:spPr>
        <p:txBody>
          <a:bodyPr anchor="t"/>
          <a:lstStyle>
            <a:lvl1pPr marL="0" indent="0" algn="l">
              <a:buFontTx/>
              <a:buNone/>
              <a:defRPr sz="1867">
                <a:solidFill>
                  <a:srgbClr val="000000"/>
                </a:solidFill>
              </a:defRPr>
            </a:lvl1pPr>
            <a:lvl2pPr marL="335740" indent="0" algn="l">
              <a:buFontTx/>
              <a:buNone/>
              <a:defRPr sz="1175">
                <a:solidFill>
                  <a:srgbClr val="000000"/>
                </a:solidFill>
              </a:defRPr>
            </a:lvl2pPr>
            <a:lvl3pPr marL="578218" indent="0" algn="l">
              <a:buFontTx/>
              <a:buNone/>
              <a:defRPr sz="1175">
                <a:solidFill>
                  <a:srgbClr val="000000"/>
                </a:solidFill>
              </a:defRPr>
            </a:lvl3pPr>
            <a:lvl4pPr marL="823805" indent="0" algn="l">
              <a:buFontTx/>
              <a:buNone/>
              <a:defRPr sz="1175">
                <a:solidFill>
                  <a:srgbClr val="000000"/>
                </a:solidFill>
              </a:defRPr>
            </a:lvl4pPr>
            <a:lvl5pPr marL="1060064" indent="0" algn="l">
              <a:buFontTx/>
              <a:buNone/>
              <a:defRPr sz="1175">
                <a:solidFill>
                  <a:srgbClr val="000000"/>
                </a:solidFill>
              </a:defRPr>
            </a:lvl5pPr>
          </a:lstStyle>
          <a:p>
            <a:pPr lvl="0"/>
            <a:r>
              <a:rPr lang="en-GB" dirty="0"/>
              <a:t>Click here and type. Click reset to correct formatting problems.</a:t>
            </a:r>
          </a:p>
        </p:txBody>
      </p:sp>
      <p:sp>
        <p:nvSpPr>
          <p:cNvPr id="10" name="20pt red left bottom">
            <a:extLst>
              <a:ext uri="{FF2B5EF4-FFF2-40B4-BE49-F238E27FC236}">
                <a16:creationId xmlns:a16="http://schemas.microsoft.com/office/drawing/2014/main" id="{565786A6-D18A-4FA1-94DE-BC23F5BF3C48}"/>
              </a:ext>
            </a:extLst>
          </p:cNvPr>
          <p:cNvSpPr>
            <a:spLocks noGrp="1"/>
          </p:cNvSpPr>
          <p:nvPr>
            <p:ph type="body" sz="quarter" idx="39" hasCustomPrompt="1"/>
            <p:custDataLst>
              <p:tags r:id="rId2"/>
            </p:custDataLst>
          </p:nvPr>
        </p:nvSpPr>
        <p:spPr>
          <a:xfrm>
            <a:off x="8857581" y="2728949"/>
            <a:ext cx="2703961" cy="336956"/>
          </a:xfrm>
          <a:prstGeom prst="rect">
            <a:avLst/>
          </a:prstGeom>
        </p:spPr>
        <p:txBody>
          <a:bodyPr anchor="b"/>
          <a:lstStyle>
            <a:lvl1pPr marL="0" indent="0" algn="l">
              <a:buFontTx/>
              <a:buNone/>
              <a:defRPr sz="2667">
                <a:solidFill>
                  <a:srgbClr val="E11B22"/>
                </a:solidFill>
              </a:defRPr>
            </a:lvl1pPr>
            <a:lvl2pPr marL="335740" indent="0" algn="l">
              <a:buFontTx/>
              <a:buNone/>
              <a:defRPr sz="1567">
                <a:solidFill>
                  <a:srgbClr val="E11B22"/>
                </a:solidFill>
              </a:defRPr>
            </a:lvl2pPr>
            <a:lvl3pPr marL="578218" indent="0" algn="l">
              <a:buFontTx/>
              <a:buNone/>
              <a:defRPr sz="1567">
                <a:solidFill>
                  <a:srgbClr val="E11B22"/>
                </a:solidFill>
              </a:defRPr>
            </a:lvl3pPr>
            <a:lvl4pPr marL="823805" indent="0" algn="l">
              <a:buFontTx/>
              <a:buNone/>
              <a:defRPr sz="1567">
                <a:solidFill>
                  <a:srgbClr val="E11B22"/>
                </a:solidFill>
              </a:defRPr>
            </a:lvl4pPr>
            <a:lvl5pPr marL="1060064" indent="0" algn="l">
              <a:buFontTx/>
              <a:buNone/>
              <a:defRPr sz="1567">
                <a:solidFill>
                  <a:srgbClr val="E11B22"/>
                </a:solidFill>
              </a:defRPr>
            </a:lvl5pPr>
          </a:lstStyle>
          <a:p>
            <a:pPr lvl="0"/>
            <a:r>
              <a:rPr lang="en-US" dirty="0"/>
              <a:t>Put heading here</a:t>
            </a:r>
            <a:endParaRPr lang="en-GB" dirty="0"/>
          </a:p>
        </p:txBody>
      </p:sp>
      <p:sp>
        <p:nvSpPr>
          <p:cNvPr id="11" name="14pt black right top">
            <a:extLst>
              <a:ext uri="{FF2B5EF4-FFF2-40B4-BE49-F238E27FC236}">
                <a16:creationId xmlns:a16="http://schemas.microsoft.com/office/drawing/2014/main" id="{787EBC28-35C2-4A4D-AC3D-9E4799AA7AAD}"/>
              </a:ext>
            </a:extLst>
          </p:cNvPr>
          <p:cNvSpPr>
            <a:spLocks noGrp="1"/>
          </p:cNvSpPr>
          <p:nvPr>
            <p:ph type="body" sz="quarter" idx="36" hasCustomPrompt="1"/>
            <p:custDataLst>
              <p:tags r:id="rId3"/>
            </p:custDataLst>
          </p:nvPr>
        </p:nvSpPr>
        <p:spPr>
          <a:xfrm>
            <a:off x="633127" y="2514159"/>
            <a:ext cx="2703961" cy="673708"/>
          </a:xfrm>
          <a:prstGeom prst="rect">
            <a:avLst/>
          </a:prstGeom>
        </p:spPr>
        <p:txBody>
          <a:bodyPr anchor="t"/>
          <a:lstStyle>
            <a:lvl1pPr marL="0" indent="0" algn="r">
              <a:buFontTx/>
              <a:buNone/>
              <a:defRPr sz="1867">
                <a:solidFill>
                  <a:srgbClr val="000000"/>
                </a:solidFill>
              </a:defRPr>
            </a:lvl1pPr>
            <a:lvl2pPr marL="335740" indent="0" algn="r">
              <a:buFontTx/>
              <a:buNone/>
              <a:defRPr sz="1175">
                <a:solidFill>
                  <a:srgbClr val="000000"/>
                </a:solidFill>
              </a:defRPr>
            </a:lvl2pPr>
            <a:lvl3pPr marL="578218" indent="0" algn="r">
              <a:buFontTx/>
              <a:buNone/>
              <a:defRPr sz="1175">
                <a:solidFill>
                  <a:srgbClr val="000000"/>
                </a:solidFill>
              </a:defRPr>
            </a:lvl3pPr>
            <a:lvl4pPr marL="823805" indent="0" algn="r">
              <a:buFontTx/>
              <a:buNone/>
              <a:defRPr sz="1175">
                <a:solidFill>
                  <a:srgbClr val="000000"/>
                </a:solidFill>
              </a:defRPr>
            </a:lvl4pPr>
            <a:lvl5pPr marL="1060064" indent="0" algn="r">
              <a:buFontTx/>
              <a:buNone/>
              <a:defRPr sz="1175">
                <a:solidFill>
                  <a:srgbClr val="000000"/>
                </a:solidFill>
              </a:defRPr>
            </a:lvl5pPr>
          </a:lstStyle>
          <a:p>
            <a:pPr lvl="0"/>
            <a:r>
              <a:rPr lang="en-GB" dirty="0"/>
              <a:t>Click here and type. Click reset to correct formatting problems.</a:t>
            </a:r>
          </a:p>
        </p:txBody>
      </p:sp>
      <p:sp>
        <p:nvSpPr>
          <p:cNvPr id="12" name="20pt red right bottom">
            <a:extLst>
              <a:ext uri="{FF2B5EF4-FFF2-40B4-BE49-F238E27FC236}">
                <a16:creationId xmlns:a16="http://schemas.microsoft.com/office/drawing/2014/main" id="{C1CC54DA-5F0F-417E-9C2B-E5561AC0B397}"/>
              </a:ext>
            </a:extLst>
          </p:cNvPr>
          <p:cNvSpPr>
            <a:spLocks noGrp="1"/>
          </p:cNvSpPr>
          <p:nvPr>
            <p:ph type="body" sz="quarter" idx="37" hasCustomPrompt="1"/>
            <p:custDataLst>
              <p:tags r:id="rId4"/>
            </p:custDataLst>
          </p:nvPr>
        </p:nvSpPr>
        <p:spPr>
          <a:xfrm>
            <a:off x="633127" y="2107853"/>
            <a:ext cx="2703961" cy="336956"/>
          </a:xfrm>
          <a:prstGeom prst="rect">
            <a:avLst/>
          </a:prstGeom>
        </p:spPr>
        <p:txBody>
          <a:bodyPr anchor="b"/>
          <a:lstStyle>
            <a:lvl1pPr marL="0" indent="0" algn="r">
              <a:buFontTx/>
              <a:buNone/>
              <a:defRPr sz="2667">
                <a:solidFill>
                  <a:srgbClr val="E11B22"/>
                </a:solidFill>
              </a:defRPr>
            </a:lvl1pPr>
            <a:lvl2pPr marL="335740" indent="0" algn="r">
              <a:buFontTx/>
              <a:buNone/>
              <a:defRPr sz="1567">
                <a:solidFill>
                  <a:srgbClr val="E11B22"/>
                </a:solidFill>
              </a:defRPr>
            </a:lvl2pPr>
            <a:lvl3pPr marL="578218" indent="0" algn="r">
              <a:buFontTx/>
              <a:buNone/>
              <a:defRPr sz="1567">
                <a:solidFill>
                  <a:srgbClr val="E11B22"/>
                </a:solidFill>
              </a:defRPr>
            </a:lvl3pPr>
            <a:lvl4pPr marL="823805" indent="0" algn="r">
              <a:buFontTx/>
              <a:buNone/>
              <a:defRPr sz="1567">
                <a:solidFill>
                  <a:srgbClr val="E11B22"/>
                </a:solidFill>
              </a:defRPr>
            </a:lvl4pPr>
            <a:lvl5pPr marL="1060064" indent="0" algn="r">
              <a:buFontTx/>
              <a:buNone/>
              <a:defRPr sz="1567">
                <a:solidFill>
                  <a:srgbClr val="E11B22"/>
                </a:solidFill>
              </a:defRPr>
            </a:lvl5pPr>
          </a:lstStyle>
          <a:p>
            <a:pPr lvl="0"/>
            <a:r>
              <a:rPr lang="en-US" dirty="0"/>
              <a:t>Put heading here</a:t>
            </a:r>
            <a:endParaRPr lang="en-GB" dirty="0"/>
          </a:p>
        </p:txBody>
      </p:sp>
      <p:sp>
        <p:nvSpPr>
          <p:cNvPr id="13" name="14pt black left top">
            <a:extLst>
              <a:ext uri="{FF2B5EF4-FFF2-40B4-BE49-F238E27FC236}">
                <a16:creationId xmlns:a16="http://schemas.microsoft.com/office/drawing/2014/main" id="{AB8C3164-660B-46A4-A39A-FEE915D00496}"/>
              </a:ext>
            </a:extLst>
          </p:cNvPr>
          <p:cNvSpPr>
            <a:spLocks noGrp="1"/>
          </p:cNvSpPr>
          <p:nvPr>
            <p:ph type="body" sz="quarter" idx="34" hasCustomPrompt="1"/>
            <p:custDataLst>
              <p:tags r:id="rId5"/>
            </p:custDataLst>
          </p:nvPr>
        </p:nvSpPr>
        <p:spPr>
          <a:xfrm>
            <a:off x="8852292" y="1862652"/>
            <a:ext cx="2703961" cy="763595"/>
          </a:xfrm>
          <a:prstGeom prst="rect">
            <a:avLst/>
          </a:prstGeom>
        </p:spPr>
        <p:txBody>
          <a:bodyPr anchor="t"/>
          <a:lstStyle>
            <a:lvl1pPr marL="0" indent="0" algn="l">
              <a:buFontTx/>
              <a:buNone/>
              <a:defRPr sz="1867">
                <a:solidFill>
                  <a:srgbClr val="000000"/>
                </a:solidFill>
              </a:defRPr>
            </a:lvl1pPr>
            <a:lvl2pPr marL="335740" indent="0" algn="l">
              <a:buFontTx/>
              <a:buNone/>
              <a:defRPr sz="1175">
                <a:solidFill>
                  <a:srgbClr val="000000"/>
                </a:solidFill>
              </a:defRPr>
            </a:lvl2pPr>
            <a:lvl3pPr marL="578218" indent="0" algn="l">
              <a:buFontTx/>
              <a:buNone/>
              <a:defRPr sz="1175">
                <a:solidFill>
                  <a:srgbClr val="000000"/>
                </a:solidFill>
              </a:defRPr>
            </a:lvl3pPr>
            <a:lvl4pPr marL="823805" indent="0" algn="l">
              <a:buFontTx/>
              <a:buNone/>
              <a:defRPr sz="1175">
                <a:solidFill>
                  <a:srgbClr val="000000"/>
                </a:solidFill>
              </a:defRPr>
            </a:lvl4pPr>
            <a:lvl5pPr marL="1060064" indent="0" algn="l">
              <a:buFontTx/>
              <a:buNone/>
              <a:defRPr sz="1175">
                <a:solidFill>
                  <a:srgbClr val="000000"/>
                </a:solidFill>
              </a:defRPr>
            </a:lvl5pPr>
          </a:lstStyle>
          <a:p>
            <a:pPr lvl="0"/>
            <a:r>
              <a:rPr lang="en-GB" dirty="0"/>
              <a:t>Click here and type. Click reset to correct formatting problems.</a:t>
            </a:r>
          </a:p>
        </p:txBody>
      </p:sp>
      <p:sp>
        <p:nvSpPr>
          <p:cNvPr id="14" name="20pt red left bottom">
            <a:extLst>
              <a:ext uri="{FF2B5EF4-FFF2-40B4-BE49-F238E27FC236}">
                <a16:creationId xmlns:a16="http://schemas.microsoft.com/office/drawing/2014/main" id="{1176BEBE-DF2E-4834-817D-57092D3B8821}"/>
              </a:ext>
            </a:extLst>
          </p:cNvPr>
          <p:cNvSpPr>
            <a:spLocks noGrp="1"/>
          </p:cNvSpPr>
          <p:nvPr>
            <p:ph type="body" sz="quarter" idx="35" hasCustomPrompt="1"/>
            <p:custDataLst>
              <p:tags r:id="rId6"/>
            </p:custDataLst>
          </p:nvPr>
        </p:nvSpPr>
        <p:spPr>
          <a:xfrm>
            <a:off x="8852292" y="1456347"/>
            <a:ext cx="2703961" cy="336956"/>
          </a:xfrm>
          <a:prstGeom prst="rect">
            <a:avLst/>
          </a:prstGeom>
        </p:spPr>
        <p:txBody>
          <a:bodyPr anchor="b"/>
          <a:lstStyle>
            <a:lvl1pPr marL="0" indent="0" algn="l">
              <a:buFontTx/>
              <a:buNone/>
              <a:defRPr sz="2667">
                <a:solidFill>
                  <a:srgbClr val="E11B22"/>
                </a:solidFill>
              </a:defRPr>
            </a:lvl1pPr>
            <a:lvl2pPr marL="335740" indent="0" algn="l">
              <a:buFontTx/>
              <a:buNone/>
              <a:defRPr sz="1567">
                <a:solidFill>
                  <a:srgbClr val="E11B22"/>
                </a:solidFill>
              </a:defRPr>
            </a:lvl2pPr>
            <a:lvl3pPr marL="578218" indent="0" algn="l">
              <a:buFontTx/>
              <a:buNone/>
              <a:defRPr sz="1567">
                <a:solidFill>
                  <a:srgbClr val="E11B22"/>
                </a:solidFill>
              </a:defRPr>
            </a:lvl3pPr>
            <a:lvl4pPr marL="823805" indent="0" algn="l">
              <a:buFontTx/>
              <a:buNone/>
              <a:defRPr sz="1567">
                <a:solidFill>
                  <a:srgbClr val="E11B22"/>
                </a:solidFill>
              </a:defRPr>
            </a:lvl4pPr>
            <a:lvl5pPr marL="1060064" indent="0" algn="l">
              <a:buFontTx/>
              <a:buNone/>
              <a:defRPr sz="1567">
                <a:solidFill>
                  <a:srgbClr val="E11B22"/>
                </a:solidFill>
              </a:defRPr>
            </a:lvl5pPr>
          </a:lstStyle>
          <a:p>
            <a:pPr lvl="0"/>
            <a:r>
              <a:rPr lang="en-US" dirty="0"/>
              <a:t>Put heading here</a:t>
            </a:r>
            <a:endParaRPr lang="en-GB" dirty="0"/>
          </a:p>
        </p:txBody>
      </p:sp>
      <p:sp>
        <p:nvSpPr>
          <p:cNvPr id="15" name="14pt black right top">
            <a:extLst>
              <a:ext uri="{FF2B5EF4-FFF2-40B4-BE49-F238E27FC236}">
                <a16:creationId xmlns:a16="http://schemas.microsoft.com/office/drawing/2014/main" id="{56D84E08-05E1-4BFF-AD98-EBA8AFD4E737}"/>
              </a:ext>
            </a:extLst>
          </p:cNvPr>
          <p:cNvSpPr>
            <a:spLocks noGrp="1"/>
          </p:cNvSpPr>
          <p:nvPr>
            <p:ph type="body" sz="quarter" idx="40" hasCustomPrompt="1"/>
            <p:custDataLst>
              <p:tags r:id="rId7"/>
            </p:custDataLst>
          </p:nvPr>
        </p:nvSpPr>
        <p:spPr>
          <a:xfrm>
            <a:off x="633127" y="3659393"/>
            <a:ext cx="2703961" cy="1089668"/>
          </a:xfrm>
          <a:prstGeom prst="rect">
            <a:avLst/>
          </a:prstGeom>
        </p:spPr>
        <p:txBody>
          <a:bodyPr anchor="t"/>
          <a:lstStyle>
            <a:lvl1pPr marL="0" indent="0" algn="r">
              <a:buFontTx/>
              <a:buNone/>
              <a:defRPr sz="1867">
                <a:solidFill>
                  <a:srgbClr val="000000"/>
                </a:solidFill>
              </a:defRPr>
            </a:lvl1pPr>
            <a:lvl2pPr marL="335740" indent="0" algn="r">
              <a:buFontTx/>
              <a:buNone/>
              <a:defRPr sz="1175">
                <a:solidFill>
                  <a:srgbClr val="000000"/>
                </a:solidFill>
              </a:defRPr>
            </a:lvl2pPr>
            <a:lvl3pPr marL="578218" indent="0" algn="r">
              <a:buFontTx/>
              <a:buNone/>
              <a:defRPr sz="1175">
                <a:solidFill>
                  <a:srgbClr val="000000"/>
                </a:solidFill>
              </a:defRPr>
            </a:lvl3pPr>
            <a:lvl4pPr marL="823805" indent="0" algn="r">
              <a:buFontTx/>
              <a:buNone/>
              <a:defRPr sz="1175">
                <a:solidFill>
                  <a:srgbClr val="000000"/>
                </a:solidFill>
              </a:defRPr>
            </a:lvl4pPr>
            <a:lvl5pPr marL="1060064" indent="0" algn="r">
              <a:buFontTx/>
              <a:buNone/>
              <a:defRPr sz="1175">
                <a:solidFill>
                  <a:srgbClr val="000000"/>
                </a:solidFill>
              </a:defRPr>
            </a:lvl5pPr>
          </a:lstStyle>
          <a:p>
            <a:pPr lvl="0"/>
            <a:r>
              <a:rPr lang="en-GB" dirty="0"/>
              <a:t>Click here and type. Click reset to correct formatting problems.</a:t>
            </a:r>
          </a:p>
        </p:txBody>
      </p:sp>
      <p:sp>
        <p:nvSpPr>
          <p:cNvPr id="16" name="20pt red right bottom">
            <a:extLst>
              <a:ext uri="{FF2B5EF4-FFF2-40B4-BE49-F238E27FC236}">
                <a16:creationId xmlns:a16="http://schemas.microsoft.com/office/drawing/2014/main" id="{1E9C4947-2DDA-4FA1-8372-6C70B6FE3BCE}"/>
              </a:ext>
            </a:extLst>
          </p:cNvPr>
          <p:cNvSpPr>
            <a:spLocks noGrp="1"/>
          </p:cNvSpPr>
          <p:nvPr>
            <p:ph type="body" sz="quarter" idx="41" hasCustomPrompt="1"/>
            <p:custDataLst>
              <p:tags r:id="rId8"/>
            </p:custDataLst>
          </p:nvPr>
        </p:nvSpPr>
        <p:spPr>
          <a:xfrm>
            <a:off x="633127" y="3244445"/>
            <a:ext cx="2703961" cy="336956"/>
          </a:xfrm>
          <a:prstGeom prst="rect">
            <a:avLst/>
          </a:prstGeom>
        </p:spPr>
        <p:txBody>
          <a:bodyPr anchor="b"/>
          <a:lstStyle>
            <a:lvl1pPr marL="0" indent="0" algn="r">
              <a:buFontTx/>
              <a:buNone/>
              <a:defRPr sz="2667">
                <a:solidFill>
                  <a:srgbClr val="E11B22"/>
                </a:solidFill>
              </a:defRPr>
            </a:lvl1pPr>
            <a:lvl2pPr marL="335740" indent="0" algn="r">
              <a:buFontTx/>
              <a:buNone/>
              <a:defRPr sz="1567">
                <a:solidFill>
                  <a:srgbClr val="E11B22"/>
                </a:solidFill>
              </a:defRPr>
            </a:lvl2pPr>
            <a:lvl3pPr marL="578218" indent="0" algn="r">
              <a:buFontTx/>
              <a:buNone/>
              <a:defRPr sz="1567">
                <a:solidFill>
                  <a:srgbClr val="E11B22"/>
                </a:solidFill>
              </a:defRPr>
            </a:lvl3pPr>
            <a:lvl4pPr marL="823805" indent="0" algn="r">
              <a:buFontTx/>
              <a:buNone/>
              <a:defRPr sz="1567">
                <a:solidFill>
                  <a:srgbClr val="E11B22"/>
                </a:solidFill>
              </a:defRPr>
            </a:lvl4pPr>
            <a:lvl5pPr marL="1060064" indent="0" algn="r">
              <a:buFontTx/>
              <a:buNone/>
              <a:defRPr sz="1567">
                <a:solidFill>
                  <a:srgbClr val="E11B22"/>
                </a:solidFill>
              </a:defRPr>
            </a:lvl5pPr>
          </a:lstStyle>
          <a:p>
            <a:pPr lvl="0"/>
            <a:r>
              <a:rPr lang="en-US" dirty="0"/>
              <a:t>Put heading here</a:t>
            </a:r>
            <a:endParaRPr lang="en-GB" dirty="0"/>
          </a:p>
        </p:txBody>
      </p:sp>
      <p:sp>
        <p:nvSpPr>
          <p:cNvPr id="4" name="Title 3">
            <a:extLst>
              <a:ext uri="{FF2B5EF4-FFF2-40B4-BE49-F238E27FC236}">
                <a16:creationId xmlns:a16="http://schemas.microsoft.com/office/drawing/2014/main" id="{21DB71A3-12EB-4C4E-AA35-C856DE06E348}"/>
              </a:ext>
            </a:extLst>
          </p:cNvPr>
          <p:cNvSpPr>
            <a:spLocks noGrp="1"/>
          </p:cNvSpPr>
          <p:nvPr>
            <p:ph type="title"/>
          </p:nvPr>
        </p:nvSpPr>
        <p:spPr/>
        <p:txBody>
          <a:bodyPr/>
          <a:lstStyle/>
          <a:p>
            <a:r>
              <a:rPr lang="en-US"/>
              <a:t>Click to edit Master title style</a:t>
            </a:r>
            <a:endParaRPr lang="en-GB"/>
          </a:p>
        </p:txBody>
      </p:sp>
      <p:sp>
        <p:nvSpPr>
          <p:cNvPr id="17" name="Guides" descr="1x1" hidden="1">
            <a:extLst>
              <a:ext uri="{FF2B5EF4-FFF2-40B4-BE49-F238E27FC236}">
                <a16:creationId xmlns:a16="http://schemas.microsoft.com/office/drawing/2014/main" id="{276A300D-F578-436A-8C09-215A0111E433}"/>
              </a:ext>
            </a:extLst>
          </p:cNvPr>
          <p:cNvSpPr/>
          <p:nvPr userDrawn="1">
            <p:custDataLst>
              <p:tags r:id="rId9"/>
            </p:custDataLst>
          </p:nvPr>
        </p:nvSpPr>
        <p:spPr>
          <a:xfrm>
            <a:off x="1" y="0"/>
            <a:ext cx="724097" cy="230424"/>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635" dirty="0">
                <a:solidFill>
                  <a:srgbClr val="FFFFFF"/>
                </a:solidFill>
              </a:rPr>
              <a:t>GUIDECOLS:1GUIDEROWS:1GUTTERCOL:0.6 cmGUTTERROW:0.6 cmGUIDECOLS:1GUIDEROWS:1GUTTERCOL:0.6 cmGUTTERROW:0.6 cmGUIDESAPPLIEDTO:2GUIDECOLS:1GUIDEROWS:1GUTTERCOL:0.6 cmGUTTERROW:0.6 cmGUIDECOLS:1GUIDEROWS:1GUTTERCOL:0.6 cmGUTTERROW:0.6 cm</a:t>
            </a:r>
          </a:p>
        </p:txBody>
      </p:sp>
      <p:sp>
        <p:nvSpPr>
          <p:cNvPr id="2" name="Slide Number Placeholder 1">
            <a:extLst>
              <a:ext uri="{FF2B5EF4-FFF2-40B4-BE49-F238E27FC236}">
                <a16:creationId xmlns:a16="http://schemas.microsoft.com/office/drawing/2014/main" id="{04E2BF74-959E-44EB-ADF8-991253F3D0CD}"/>
              </a:ext>
            </a:extLst>
          </p:cNvPr>
          <p:cNvSpPr>
            <a:spLocks noGrp="1"/>
          </p:cNvSpPr>
          <p:nvPr>
            <p:ph type="sldNum" sz="quarter" idx="42"/>
          </p:nvPr>
        </p:nvSpPr>
        <p:spPr/>
        <p:txBody>
          <a:bodyPr/>
          <a:lstStyle/>
          <a:p>
            <a:fld id="{318147DC-1BE8-4CB3-8FD3-794750B1925D}" type="slidenum">
              <a:rPr lang="en-GB"/>
              <a:pPr/>
              <a:t>‹#›</a:t>
            </a:fld>
            <a:endParaRPr lang="en-GB" dirty="0"/>
          </a:p>
        </p:txBody>
      </p:sp>
    </p:spTree>
    <p:extLst>
      <p:ext uri="{BB962C8B-B14F-4D97-AF65-F5344CB8AC3E}">
        <p14:creationId xmlns:p14="http://schemas.microsoft.com/office/powerpoint/2010/main" val="191431999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pt hero low (horizontal li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89DFA9-5A0C-4406-A5AD-AE9CCEED7C82}"/>
              </a:ext>
            </a:extLst>
          </p:cNvPr>
          <p:cNvSpPr>
            <a:spLocks noGrp="1"/>
          </p:cNvSpPr>
          <p:nvPr>
            <p:ph type="title"/>
          </p:nvPr>
        </p:nvSpPr>
        <p:spPr/>
        <p:txBody>
          <a:bodyPr/>
          <a:lstStyle>
            <a:lvl1pPr>
              <a:defRPr b="0"/>
            </a:lvl1pPr>
          </a:lstStyle>
          <a:p>
            <a:r>
              <a:rPr lang="en-US"/>
              <a:t>Click to edit Master title style</a:t>
            </a:r>
            <a:endParaRPr lang="en-GB"/>
          </a:p>
        </p:txBody>
      </p:sp>
      <p:sp>
        <p:nvSpPr>
          <p:cNvPr id="7" name="14pt black centre top">
            <a:extLst>
              <a:ext uri="{FF2B5EF4-FFF2-40B4-BE49-F238E27FC236}">
                <a16:creationId xmlns:a16="http://schemas.microsoft.com/office/drawing/2014/main" id="{ADC98FAC-350C-480D-AC69-82C3FEA5A858}"/>
              </a:ext>
            </a:extLst>
          </p:cNvPr>
          <p:cNvSpPr>
            <a:spLocks noGrp="1"/>
          </p:cNvSpPr>
          <p:nvPr>
            <p:ph type="body" sz="quarter" idx="12" hasCustomPrompt="1"/>
            <p:custDataLst>
              <p:tags r:id="rId1"/>
            </p:custDataLst>
          </p:nvPr>
        </p:nvSpPr>
        <p:spPr>
          <a:xfrm>
            <a:off x="3293857" y="4907508"/>
            <a:ext cx="5604288" cy="536576"/>
          </a:xfrm>
          <a:prstGeom prst="rect">
            <a:avLst/>
          </a:prstGeom>
        </p:spPr>
        <p:txBody>
          <a:bodyPr anchor="t"/>
          <a:lstStyle>
            <a:lvl1pPr marL="0" indent="0" algn="ctr">
              <a:buFontTx/>
              <a:buNone/>
              <a:defRPr sz="1867">
                <a:solidFill>
                  <a:srgbClr val="000000"/>
                </a:solidFill>
              </a:defRPr>
            </a:lvl1pPr>
            <a:lvl2pPr marL="335740" indent="0" algn="ctr">
              <a:buFontTx/>
              <a:buNone/>
              <a:defRPr sz="1371">
                <a:solidFill>
                  <a:srgbClr val="000000"/>
                </a:solidFill>
              </a:defRPr>
            </a:lvl2pPr>
            <a:lvl3pPr marL="578218" indent="0" algn="ctr">
              <a:buFontTx/>
              <a:buNone/>
              <a:defRPr sz="1371">
                <a:solidFill>
                  <a:srgbClr val="000000"/>
                </a:solidFill>
              </a:defRPr>
            </a:lvl3pPr>
            <a:lvl4pPr marL="823805" indent="0" algn="ctr">
              <a:buFontTx/>
              <a:buNone/>
              <a:defRPr sz="1371">
                <a:solidFill>
                  <a:srgbClr val="000000"/>
                </a:solidFill>
              </a:defRPr>
            </a:lvl4pPr>
            <a:lvl5pPr marL="1060064" indent="0" algn="ctr">
              <a:buFontTx/>
              <a:buNone/>
              <a:defRPr sz="1371">
                <a:solidFill>
                  <a:srgbClr val="000000"/>
                </a:solidFill>
              </a:defRPr>
            </a:lvl5pPr>
          </a:lstStyle>
          <a:p>
            <a:pPr lvl="0"/>
            <a:r>
              <a:rPr lang="en-GB" dirty="0"/>
              <a:t>Click here and type. Click reset to correct formatting problems.</a:t>
            </a:r>
          </a:p>
        </p:txBody>
      </p:sp>
      <p:sp>
        <p:nvSpPr>
          <p:cNvPr id="8" name="24pt red centre bottom">
            <a:extLst>
              <a:ext uri="{FF2B5EF4-FFF2-40B4-BE49-F238E27FC236}">
                <a16:creationId xmlns:a16="http://schemas.microsoft.com/office/drawing/2014/main" id="{9C57D17B-5BC4-4565-A3AA-5A363E5076D3}"/>
              </a:ext>
            </a:extLst>
          </p:cNvPr>
          <p:cNvSpPr>
            <a:spLocks noGrp="1"/>
          </p:cNvSpPr>
          <p:nvPr>
            <p:ph type="body" sz="quarter" idx="13" hasCustomPrompt="1"/>
            <p:custDataLst>
              <p:tags r:id="rId2"/>
            </p:custDataLst>
          </p:nvPr>
        </p:nvSpPr>
        <p:spPr>
          <a:xfrm>
            <a:off x="484552" y="4067723"/>
            <a:ext cx="11254155" cy="776287"/>
          </a:xfrm>
          <a:prstGeom prst="rect">
            <a:avLst/>
          </a:prstGeom>
        </p:spPr>
        <p:txBody>
          <a:bodyPr anchor="b"/>
          <a:lstStyle>
            <a:lvl1pPr marL="0" indent="0" algn="ctr">
              <a:buFontTx/>
              <a:buNone/>
              <a:defRPr sz="3200">
                <a:solidFill>
                  <a:srgbClr val="E11B22"/>
                </a:solidFill>
              </a:defRPr>
            </a:lvl1pPr>
            <a:lvl2pPr marL="335740" indent="0" algn="ctr">
              <a:buFontTx/>
              <a:buNone/>
              <a:defRPr sz="3916">
                <a:solidFill>
                  <a:srgbClr val="E11B22"/>
                </a:solidFill>
              </a:defRPr>
            </a:lvl2pPr>
            <a:lvl3pPr marL="578218" indent="0" algn="ctr">
              <a:buFontTx/>
              <a:buNone/>
              <a:defRPr sz="3916">
                <a:solidFill>
                  <a:srgbClr val="E11B22"/>
                </a:solidFill>
              </a:defRPr>
            </a:lvl3pPr>
            <a:lvl4pPr marL="823805" indent="0" algn="ctr">
              <a:buFontTx/>
              <a:buNone/>
              <a:defRPr sz="3916">
                <a:solidFill>
                  <a:srgbClr val="E11B22"/>
                </a:solidFill>
              </a:defRPr>
            </a:lvl4pPr>
            <a:lvl5pPr marL="1060064" indent="0" algn="ctr">
              <a:buFontTx/>
              <a:buNone/>
              <a:defRPr sz="3916">
                <a:solidFill>
                  <a:srgbClr val="E11B22"/>
                </a:solidFill>
              </a:defRPr>
            </a:lvl5pPr>
          </a:lstStyle>
          <a:p>
            <a:pPr lvl="0"/>
            <a:r>
              <a:rPr lang="en-GB" dirty="0"/>
              <a:t>This is an impact heading</a:t>
            </a:r>
          </a:p>
        </p:txBody>
      </p:sp>
      <p:sp>
        <p:nvSpPr>
          <p:cNvPr id="6" name="Guides" descr="1x1" hidden="1">
            <a:extLst>
              <a:ext uri="{FF2B5EF4-FFF2-40B4-BE49-F238E27FC236}">
                <a16:creationId xmlns:a16="http://schemas.microsoft.com/office/drawing/2014/main" id="{B72049A3-5DC1-491A-962B-CED0CA16492A}"/>
              </a:ext>
            </a:extLst>
          </p:cNvPr>
          <p:cNvSpPr/>
          <p:nvPr userDrawn="1">
            <p:custDataLst>
              <p:tags r:id="rId3"/>
            </p:custDataLst>
          </p:nvPr>
        </p:nvSpPr>
        <p:spPr>
          <a:xfrm>
            <a:off x="1" y="0"/>
            <a:ext cx="724097" cy="230424"/>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635" dirty="0">
                <a:solidFill>
                  <a:srgbClr val="FFFFFF"/>
                </a:solidFill>
              </a:rPr>
              <a:t>GUIDECOLS:1GUIDEROWS:1GUTTERCOL:0.6 cmGUTTERROW:0.6 cmGUIDECOLS:1GUIDEROWS:1GUTTERCOL:0.6 cmGUTTERROW:0.6 cmGUIDESAPPLIEDTO:2GUIDECOLS:1GUIDEROWS:1GUTTERCOL:0.6 cmGUTTERROW:0.6 cmGUIDECOLS:1GUIDEROWS:1GUTTERCOL:0.6 cmGUTTERROW:0.6 cm</a:t>
            </a:r>
          </a:p>
        </p:txBody>
      </p:sp>
      <p:sp>
        <p:nvSpPr>
          <p:cNvPr id="3" name="Slide Number Placeholder 2">
            <a:extLst>
              <a:ext uri="{FF2B5EF4-FFF2-40B4-BE49-F238E27FC236}">
                <a16:creationId xmlns:a16="http://schemas.microsoft.com/office/drawing/2014/main" id="{4485ABF4-FDDF-4BC0-94CA-D93EE7F5B392}"/>
              </a:ext>
            </a:extLst>
          </p:cNvPr>
          <p:cNvSpPr>
            <a:spLocks noGrp="1"/>
          </p:cNvSpPr>
          <p:nvPr>
            <p:ph type="sldNum" sz="quarter" idx="14"/>
          </p:nvPr>
        </p:nvSpPr>
        <p:spPr/>
        <p:txBody>
          <a:bodyPr/>
          <a:lstStyle/>
          <a:p>
            <a:fld id="{318147DC-1BE8-4CB3-8FD3-794750B1925D}" type="slidenum">
              <a:rPr lang="en-GB"/>
              <a:pPr/>
              <a:t>‹#›</a:t>
            </a:fld>
            <a:endParaRPr lang="en-GB" dirty="0"/>
          </a:p>
        </p:txBody>
      </p:sp>
    </p:spTree>
    <p:extLst>
      <p:ext uri="{BB962C8B-B14F-4D97-AF65-F5344CB8AC3E}">
        <p14:creationId xmlns:p14="http://schemas.microsoft.com/office/powerpoint/2010/main" val="2147591496"/>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2pt (left graphic) NOH">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89DFA9-5A0C-4406-A5AD-AE9CCEED7C82}"/>
              </a:ext>
            </a:extLst>
          </p:cNvPr>
          <p:cNvSpPr>
            <a:spLocks noGrp="1"/>
          </p:cNvSpPr>
          <p:nvPr>
            <p:ph type="title"/>
          </p:nvPr>
        </p:nvSpPr>
        <p:spPr/>
        <p:txBody>
          <a:bodyPr/>
          <a:lstStyle>
            <a:lvl1pPr>
              <a:defRPr b="0"/>
            </a:lvl1pPr>
          </a:lstStyle>
          <a:p>
            <a:r>
              <a:rPr lang="en-US"/>
              <a:t>Click to edit Master title style</a:t>
            </a:r>
            <a:endParaRPr lang="en-GB"/>
          </a:p>
        </p:txBody>
      </p:sp>
      <p:sp>
        <p:nvSpPr>
          <p:cNvPr id="3" name="14pt black left top">
            <a:extLst>
              <a:ext uri="{FF2B5EF4-FFF2-40B4-BE49-F238E27FC236}">
                <a16:creationId xmlns:a16="http://schemas.microsoft.com/office/drawing/2014/main" id="{8E0F1EBB-5822-44EB-9ED9-70E291698BD9}"/>
              </a:ext>
            </a:extLst>
          </p:cNvPr>
          <p:cNvSpPr>
            <a:spLocks noGrp="1"/>
          </p:cNvSpPr>
          <p:nvPr>
            <p:ph type="body" sz="quarter" idx="31" hasCustomPrompt="1"/>
            <p:custDataLst>
              <p:tags r:id="rId1"/>
            </p:custDataLst>
          </p:nvPr>
        </p:nvSpPr>
        <p:spPr>
          <a:xfrm>
            <a:off x="7416879" y="3866260"/>
            <a:ext cx="3402683" cy="953224"/>
          </a:xfrm>
          <a:prstGeom prst="rect">
            <a:avLst/>
          </a:prstGeom>
        </p:spPr>
        <p:txBody>
          <a:bodyPr anchor="ctr"/>
          <a:lstStyle>
            <a:lvl1pPr marL="0" indent="0" algn="l">
              <a:buFontTx/>
              <a:buNone/>
              <a:defRPr sz="1867">
                <a:solidFill>
                  <a:srgbClr val="000000"/>
                </a:solidFill>
              </a:defRPr>
            </a:lvl1pPr>
            <a:lvl2pPr marL="335740" indent="0" algn="l">
              <a:buFontTx/>
              <a:buNone/>
              <a:defRPr sz="1175">
                <a:solidFill>
                  <a:srgbClr val="000000"/>
                </a:solidFill>
              </a:defRPr>
            </a:lvl2pPr>
            <a:lvl3pPr marL="578218" indent="0" algn="l">
              <a:buFontTx/>
              <a:buNone/>
              <a:defRPr sz="1175">
                <a:solidFill>
                  <a:srgbClr val="000000"/>
                </a:solidFill>
              </a:defRPr>
            </a:lvl3pPr>
            <a:lvl4pPr marL="823805" indent="0" algn="l">
              <a:buFontTx/>
              <a:buNone/>
              <a:defRPr sz="1175">
                <a:solidFill>
                  <a:srgbClr val="000000"/>
                </a:solidFill>
              </a:defRPr>
            </a:lvl4pPr>
            <a:lvl5pPr marL="1060064" indent="0" algn="l">
              <a:buFontTx/>
              <a:buNone/>
              <a:defRPr sz="1175">
                <a:solidFill>
                  <a:srgbClr val="000000"/>
                </a:solidFill>
              </a:defRPr>
            </a:lvl5pPr>
          </a:lstStyle>
          <a:p>
            <a:pPr lvl="0"/>
            <a:r>
              <a:rPr lang="en-GB"/>
              <a:t>Click here and type. Click reset to correct formatting problems.</a:t>
            </a:r>
          </a:p>
        </p:txBody>
      </p:sp>
      <p:sp>
        <p:nvSpPr>
          <p:cNvPr id="5" name="14pt black left top">
            <a:extLst>
              <a:ext uri="{FF2B5EF4-FFF2-40B4-BE49-F238E27FC236}">
                <a16:creationId xmlns:a16="http://schemas.microsoft.com/office/drawing/2014/main" id="{C841F675-378E-4871-BC7C-4BB825CC793B}"/>
              </a:ext>
            </a:extLst>
          </p:cNvPr>
          <p:cNvSpPr>
            <a:spLocks noGrp="1"/>
          </p:cNvSpPr>
          <p:nvPr>
            <p:ph type="body" sz="quarter" idx="33" hasCustomPrompt="1"/>
            <p:custDataLst>
              <p:tags r:id="rId2"/>
            </p:custDataLst>
          </p:nvPr>
        </p:nvSpPr>
        <p:spPr>
          <a:xfrm>
            <a:off x="7416879" y="2301421"/>
            <a:ext cx="3402683" cy="953224"/>
          </a:xfrm>
          <a:prstGeom prst="rect">
            <a:avLst/>
          </a:prstGeom>
        </p:spPr>
        <p:txBody>
          <a:bodyPr anchor="ctr"/>
          <a:lstStyle>
            <a:lvl1pPr marL="0" indent="0" algn="l">
              <a:buFontTx/>
              <a:buNone/>
              <a:defRPr sz="1867">
                <a:solidFill>
                  <a:srgbClr val="000000"/>
                </a:solidFill>
              </a:defRPr>
            </a:lvl1pPr>
            <a:lvl2pPr marL="335740" indent="0" algn="l">
              <a:buFontTx/>
              <a:buNone/>
              <a:defRPr sz="1175">
                <a:solidFill>
                  <a:srgbClr val="000000"/>
                </a:solidFill>
              </a:defRPr>
            </a:lvl2pPr>
            <a:lvl3pPr marL="578218" indent="0" algn="l">
              <a:buFontTx/>
              <a:buNone/>
              <a:defRPr sz="1175">
                <a:solidFill>
                  <a:srgbClr val="000000"/>
                </a:solidFill>
              </a:defRPr>
            </a:lvl3pPr>
            <a:lvl4pPr marL="823805" indent="0" algn="l">
              <a:buFontTx/>
              <a:buNone/>
              <a:defRPr sz="1175">
                <a:solidFill>
                  <a:srgbClr val="000000"/>
                </a:solidFill>
              </a:defRPr>
            </a:lvl4pPr>
            <a:lvl5pPr marL="1060064" indent="0" algn="l">
              <a:buFontTx/>
              <a:buNone/>
              <a:defRPr sz="1175">
                <a:solidFill>
                  <a:srgbClr val="000000"/>
                </a:solidFill>
              </a:defRPr>
            </a:lvl5pPr>
          </a:lstStyle>
          <a:p>
            <a:pPr lvl="0"/>
            <a:r>
              <a:rPr lang="en-GB" dirty="0"/>
              <a:t>Click here and type. Click reset to correct formatting problems.</a:t>
            </a:r>
          </a:p>
        </p:txBody>
      </p:sp>
      <p:sp>
        <p:nvSpPr>
          <p:cNvPr id="8" name="Guides" descr="1x1" hidden="1">
            <a:extLst>
              <a:ext uri="{FF2B5EF4-FFF2-40B4-BE49-F238E27FC236}">
                <a16:creationId xmlns:a16="http://schemas.microsoft.com/office/drawing/2014/main" id="{EAE6CDC1-9868-4378-A091-38EA052BEE0F}"/>
              </a:ext>
            </a:extLst>
          </p:cNvPr>
          <p:cNvSpPr/>
          <p:nvPr userDrawn="1">
            <p:custDataLst>
              <p:tags r:id="rId3"/>
            </p:custDataLst>
          </p:nvPr>
        </p:nvSpPr>
        <p:spPr>
          <a:xfrm>
            <a:off x="1" y="0"/>
            <a:ext cx="724097" cy="230424"/>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635" dirty="0">
                <a:solidFill>
                  <a:srgbClr val="FFFFFF"/>
                </a:solidFill>
              </a:rPr>
              <a:t>GUIDECOLS:1GUIDEROWS:1GUTTERCOL:0.6 cmGUTTERROW:0.6 cmGUIDECOLS:1GUIDEROWS:1GUTTERCOL:0.6 cmGUTTERROW:0.6 cmGUIDESAPPLIEDTO:2GUIDECOLS:1GUIDEROWS:1GUTTERCOL:0.6 cmGUTTERROW:0.6 cmGUIDECOLS:1GUIDEROWS:1GUTTERCOL:0.6 cmGUTTERROW:0.6 cm</a:t>
            </a:r>
          </a:p>
        </p:txBody>
      </p:sp>
      <p:sp>
        <p:nvSpPr>
          <p:cNvPr id="7" name="Slide Number Placeholder 6">
            <a:extLst>
              <a:ext uri="{FF2B5EF4-FFF2-40B4-BE49-F238E27FC236}">
                <a16:creationId xmlns:a16="http://schemas.microsoft.com/office/drawing/2014/main" id="{64771E31-E7F6-40C2-AA0B-41BAEBEFA32D}"/>
              </a:ext>
            </a:extLst>
          </p:cNvPr>
          <p:cNvSpPr>
            <a:spLocks noGrp="1"/>
          </p:cNvSpPr>
          <p:nvPr>
            <p:ph type="sldNum" sz="quarter" idx="35"/>
          </p:nvPr>
        </p:nvSpPr>
        <p:spPr/>
        <p:txBody>
          <a:bodyPr/>
          <a:lstStyle/>
          <a:p>
            <a:fld id="{318147DC-1BE8-4CB3-8FD3-794750B1925D}" type="slidenum">
              <a:rPr lang="en-GB"/>
              <a:pPr/>
              <a:t>‹#›</a:t>
            </a:fld>
            <a:endParaRPr lang="en-GB" dirty="0"/>
          </a:p>
        </p:txBody>
      </p:sp>
    </p:spTree>
    <p:extLst>
      <p:ext uri="{BB962C8B-B14F-4D97-AF65-F5344CB8AC3E}">
        <p14:creationId xmlns:p14="http://schemas.microsoft.com/office/powerpoint/2010/main" val="1561002401"/>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EE0EAA-7D72-1FDA-96D4-061FC2997D10}"/>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262EFD15-AD52-065C-B5F8-7E7E5A7AC4E2}"/>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16D303A6-2071-8AC1-A5A6-3D4CBAEE8D59}"/>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5" name="Footer Placeholder 4">
            <a:extLst>
              <a:ext uri="{FF2B5EF4-FFF2-40B4-BE49-F238E27FC236}">
                <a16:creationId xmlns:a16="http://schemas.microsoft.com/office/drawing/2014/main" id="{4435D009-E90E-C3BB-B4FB-C5C78F9D199F}"/>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D18349FF-2FF2-6B75-D8F7-A82407F53F1A}"/>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2315952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F4D004-5F49-2926-3567-49F3583A91B3}"/>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DAC8289D-26A1-1068-A83E-A6840E532123}"/>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06A7CA40-F693-6CEF-EFC0-767A8EA3F24B}"/>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5" name="Footer Placeholder 4">
            <a:extLst>
              <a:ext uri="{FF2B5EF4-FFF2-40B4-BE49-F238E27FC236}">
                <a16:creationId xmlns:a16="http://schemas.microsoft.com/office/drawing/2014/main" id="{F65B8D80-0A6B-DDE4-240C-310893EC196B}"/>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2F1AE99-E0AF-FA64-C378-655A1996CBD6}"/>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411868002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7CC80E-6AAF-E755-5838-AEA0A95CF23B}"/>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5216AA57-EB3C-A005-C6B9-81CEB35C9A35}"/>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CF6DA187-A07B-68D0-09A5-14C172473A00}"/>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5EA12A09-D856-6EC8-D74C-58C6180A73CC}"/>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6" name="Footer Placeholder 5">
            <a:extLst>
              <a:ext uri="{FF2B5EF4-FFF2-40B4-BE49-F238E27FC236}">
                <a16:creationId xmlns:a16="http://schemas.microsoft.com/office/drawing/2014/main" id="{89382499-EB59-4790-F665-917BD8387B6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2875B754-8272-EFA2-4D92-F45CBC72891E}"/>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6429464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1BDF75-D69E-D669-C3D7-7EADFC0268B3}"/>
              </a:ext>
            </a:extLst>
          </p:cNvPr>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7BB65FCA-4198-DCBA-6CB0-AD728DA8CB3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EB8DCDEB-D311-99E7-4AEE-C7DC7696332F}"/>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CCA85AF6-0393-28C9-16A0-BACBEDFE519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A1B0B32D-D20F-AF1B-0911-8A3E06C6C235}"/>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ADBFC910-E99A-CA78-6D83-315E480478C9}"/>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8" name="Footer Placeholder 7">
            <a:extLst>
              <a:ext uri="{FF2B5EF4-FFF2-40B4-BE49-F238E27FC236}">
                <a16:creationId xmlns:a16="http://schemas.microsoft.com/office/drawing/2014/main" id="{4E4EC039-FA56-DA15-F6A5-8A0CEBFF4E34}"/>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363DE405-5BEA-2EFD-785B-CCE434A8999C}"/>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280011700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F832CA-DEF7-C8E0-F86D-A436D782D876}"/>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4A42A57E-5914-D55B-F178-29EBA036BB97}"/>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4" name="Footer Placeholder 3">
            <a:extLst>
              <a:ext uri="{FF2B5EF4-FFF2-40B4-BE49-F238E27FC236}">
                <a16:creationId xmlns:a16="http://schemas.microsoft.com/office/drawing/2014/main" id="{07D1BB8C-FFA6-946A-8C58-4759F5308283}"/>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FE77DF35-2876-2814-AD28-F20F0F00A650}"/>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226514907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1CE16319-F74C-8CEB-08E2-2796F00EC2D4}"/>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3" name="Footer Placeholder 2">
            <a:extLst>
              <a:ext uri="{FF2B5EF4-FFF2-40B4-BE49-F238E27FC236}">
                <a16:creationId xmlns:a16="http://schemas.microsoft.com/office/drawing/2014/main" id="{F14661C3-AAB8-F179-3791-5C890F32AF71}"/>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F5B730EB-8E7F-B047-8CAE-78ED35C82475}"/>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166748006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159DD5-FCC7-854A-F26D-C63941C390FC}"/>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DF5B632B-A93E-ADAF-63C3-139C0569741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C1022C77-7D74-50CB-618E-0A308F12791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48B8CD11-7B3C-F280-C7CA-7C0D26C8C8F6}"/>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6" name="Footer Placeholder 5">
            <a:extLst>
              <a:ext uri="{FF2B5EF4-FFF2-40B4-BE49-F238E27FC236}">
                <a16:creationId xmlns:a16="http://schemas.microsoft.com/office/drawing/2014/main" id="{537C0C22-223A-DFDF-24CA-BD4B88321C58}"/>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B6247B89-C0D5-3CA1-813D-573C735492A5}"/>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41023148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D66B39-7ACF-43C9-A1EA-32ABFA0C1EE5}"/>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A317FD2B-F1E6-B2A2-3B96-C1C2E69BFEBD}"/>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a16="http://schemas.microsoft.com/office/drawing/2014/main" id="{5442264E-38DA-1364-247C-F8DC3DF3250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6E10A20-43A2-6D38-4D38-F9A1B9079862}"/>
              </a:ext>
            </a:extLst>
          </p:cNvPr>
          <p:cNvSpPr>
            <a:spLocks noGrp="1"/>
          </p:cNvSpPr>
          <p:nvPr>
            <p:ph type="dt" sz="half" idx="10"/>
          </p:nvPr>
        </p:nvSpPr>
        <p:spPr/>
        <p:txBody>
          <a:bodyPr/>
          <a:lstStyle/>
          <a:p>
            <a:fld id="{7C505C66-F642-4A21-86AD-2B5A95F2E78E}" type="datetimeFigureOut">
              <a:rPr lang="en-GB" smtClean="0"/>
              <a:t>05/10/2023</a:t>
            </a:fld>
            <a:endParaRPr lang="en-GB"/>
          </a:p>
        </p:txBody>
      </p:sp>
      <p:sp>
        <p:nvSpPr>
          <p:cNvPr id="6" name="Footer Placeholder 5">
            <a:extLst>
              <a:ext uri="{FF2B5EF4-FFF2-40B4-BE49-F238E27FC236}">
                <a16:creationId xmlns:a16="http://schemas.microsoft.com/office/drawing/2014/main" id="{493CB337-5898-E6E7-FAD1-05BBB9623752}"/>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C61502F2-5322-A7D5-2222-07CB137A2329}"/>
              </a:ext>
            </a:extLst>
          </p:cNvPr>
          <p:cNvSpPr>
            <a:spLocks noGrp="1"/>
          </p:cNvSpPr>
          <p:nvPr>
            <p:ph type="sldNum" sz="quarter" idx="12"/>
          </p:nvPr>
        </p:nvSpPr>
        <p:spPr/>
        <p:txBody>
          <a:bodyPr/>
          <a:lstStyle/>
          <a:p>
            <a:fld id="{60DADC26-698A-44CB-B3B9-E2DE7FAC9270}" type="slidenum">
              <a:rPr lang="en-GB" smtClean="0"/>
              <a:t>‹#›</a:t>
            </a:fld>
            <a:endParaRPr lang="en-GB"/>
          </a:p>
        </p:txBody>
      </p:sp>
    </p:spTree>
    <p:extLst>
      <p:ext uri="{BB962C8B-B14F-4D97-AF65-F5344CB8AC3E}">
        <p14:creationId xmlns:p14="http://schemas.microsoft.com/office/powerpoint/2010/main" val="108517685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C2C7F5CA-FDBE-3E52-E786-5293B7C0E99B}"/>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032ABA69-F9A7-5D3C-50F4-D6B0F3E32EB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140EFFE6-DD40-1555-0785-10DA7042B600}"/>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C505C66-F642-4A21-86AD-2B5A95F2E78E}" type="datetimeFigureOut">
              <a:rPr lang="en-GB" smtClean="0"/>
              <a:t>05/10/2023</a:t>
            </a:fld>
            <a:endParaRPr lang="en-GB"/>
          </a:p>
        </p:txBody>
      </p:sp>
      <p:sp>
        <p:nvSpPr>
          <p:cNvPr id="5" name="Footer Placeholder 4">
            <a:extLst>
              <a:ext uri="{FF2B5EF4-FFF2-40B4-BE49-F238E27FC236}">
                <a16:creationId xmlns:a16="http://schemas.microsoft.com/office/drawing/2014/main" id="{CE7C4515-FCE6-3702-C26E-342AF93DE6D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a:extLst>
              <a:ext uri="{FF2B5EF4-FFF2-40B4-BE49-F238E27FC236}">
                <a16:creationId xmlns:a16="http://schemas.microsoft.com/office/drawing/2014/main" id="{14605635-DE63-ED33-0351-26558915B425}"/>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60DADC26-698A-44CB-B3B9-E2DE7FAC9270}" type="slidenum">
              <a:rPr lang="en-GB" smtClean="0"/>
              <a:t>‹#›</a:t>
            </a:fld>
            <a:endParaRPr lang="en-GB"/>
          </a:p>
        </p:txBody>
      </p:sp>
    </p:spTree>
    <p:extLst>
      <p:ext uri="{BB962C8B-B14F-4D97-AF65-F5344CB8AC3E}">
        <p14:creationId xmlns:p14="http://schemas.microsoft.com/office/powerpoint/2010/main" val="137146176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2" r:id="rId13"/>
    <p:sldLayoutId id="2147483663" r:id="rId14"/>
    <p:sldLayoutId id="2147483664" r:id="rId15"/>
    <p:sldLayoutId id="2147483665" r:id="rId1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notesSlide" Target="../notesSlides/notesSlide6.xml"/><Relationship Id="rId7" Type="http://schemas.openxmlformats.org/officeDocument/2006/relationships/image" Target="../media/image11.png"/><Relationship Id="rId12" Type="http://schemas.openxmlformats.org/officeDocument/2006/relationships/image" Target="../media/image15.png"/><Relationship Id="rId2" Type="http://schemas.openxmlformats.org/officeDocument/2006/relationships/slideLayout" Target="../slideLayouts/slideLayout14.xml"/><Relationship Id="rId1" Type="http://schemas.openxmlformats.org/officeDocument/2006/relationships/tags" Target="../tags/tag33.xml"/><Relationship Id="rId6" Type="http://schemas.openxmlformats.org/officeDocument/2006/relationships/image" Target="../media/image10.png"/><Relationship Id="rId11" Type="http://schemas.openxmlformats.org/officeDocument/2006/relationships/image" Target="../media/image8.bin"/><Relationship Id="rId5" Type="http://schemas.openxmlformats.org/officeDocument/2006/relationships/image" Target="../media/image90.png"/><Relationship Id="rId10" Type="http://schemas.openxmlformats.org/officeDocument/2006/relationships/image" Target="../media/image14.png"/><Relationship Id="rId4" Type="http://schemas.openxmlformats.org/officeDocument/2006/relationships/image" Target="../media/image80.png"/><Relationship Id="rId9" Type="http://schemas.openxmlformats.org/officeDocument/2006/relationships/image" Target="../media/image13.png"/></Relationships>
</file>

<file path=ppt/slides/_rels/slide1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hyperlink" Target="https://uk.finance.yahoo.com/" TargetMode="External"/><Relationship Id="rId1" Type="http://schemas.openxmlformats.org/officeDocument/2006/relationships/slideLayout" Target="../slideLayouts/slideLayout15.xml"/></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0.png"/><Relationship Id="rId1" Type="http://schemas.openxmlformats.org/officeDocument/2006/relationships/slideLayout" Target="../slideLayouts/slideLayout14.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png"/></Relationships>
</file>

<file path=ppt/slides/_rels/slide13.xml.rels><?xml version="1.0" encoding="UTF-8" standalone="yes"?>
<Relationships xmlns="http://schemas.openxmlformats.org/package/2006/relationships"><Relationship Id="rId3" Type="http://schemas.openxmlformats.org/officeDocument/2006/relationships/image" Target="../media/image21.png"/><Relationship Id="rId7" Type="http://schemas.openxmlformats.org/officeDocument/2006/relationships/image" Target="../media/image25.png"/><Relationship Id="rId2" Type="http://schemas.openxmlformats.org/officeDocument/2006/relationships/image" Target="../media/image20.png"/><Relationship Id="rId1" Type="http://schemas.openxmlformats.org/officeDocument/2006/relationships/slideLayout" Target="../slideLayouts/slideLayout14.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5.xml"/><Relationship Id="rId1" Type="http://schemas.openxmlformats.org/officeDocument/2006/relationships/tags" Target="../tags/tag34.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12.xml"/><Relationship Id="rId7" Type="http://schemas.openxmlformats.org/officeDocument/2006/relationships/image" Target="../media/image26.png"/><Relationship Id="rId2" Type="http://schemas.openxmlformats.org/officeDocument/2006/relationships/tags" Target="../tags/tag36.xml"/><Relationship Id="rId1" Type="http://schemas.openxmlformats.org/officeDocument/2006/relationships/tags" Target="../tags/tag35.xml"/><Relationship Id="rId6" Type="http://schemas.openxmlformats.org/officeDocument/2006/relationships/image" Target="../media/image10.bin"/><Relationship Id="rId5" Type="http://schemas.openxmlformats.org/officeDocument/2006/relationships/image" Target="../media/image9.bin"/><Relationship Id="rId4" Type="http://schemas.openxmlformats.org/officeDocument/2006/relationships/notesSlide" Target="../notesSlides/notesSlide8.xml"/></Relationships>
</file>

<file path=ppt/slides/_rels/slide16.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2.xml"/><Relationship Id="rId1" Type="http://schemas.openxmlformats.org/officeDocument/2006/relationships/tags" Target="../tags/tag37.xml"/><Relationship Id="rId4" Type="http://schemas.openxmlformats.org/officeDocument/2006/relationships/image" Target="../media/image29.bin"/></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5.xml"/><Relationship Id="rId1" Type="http://schemas.openxmlformats.org/officeDocument/2006/relationships/tags" Target="../tags/tag38.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4.xml"/><Relationship Id="rId1" Type="http://schemas.openxmlformats.org/officeDocument/2006/relationships/tags" Target="../tags/tag29.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3.xml"/><Relationship Id="rId1" Type="http://schemas.openxmlformats.org/officeDocument/2006/relationships/tags" Target="../tags/tag39.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2.xml"/><Relationship Id="rId1" Type="http://schemas.openxmlformats.org/officeDocument/2006/relationships/tags" Target="../tags/tag40.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2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8.png"/><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2.xml"/><Relationship Id="rId1" Type="http://schemas.openxmlformats.org/officeDocument/2006/relationships/tags" Target="../tags/tag41.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3.xml"/><Relationship Id="rId1" Type="http://schemas.openxmlformats.org/officeDocument/2006/relationships/tags" Target="../tags/tag42.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12.xml"/><Relationship Id="rId1" Type="http://schemas.openxmlformats.org/officeDocument/2006/relationships/tags" Target="../tags/tag43.xml"/><Relationship Id="rId4" Type="http://schemas.openxmlformats.org/officeDocument/2006/relationships/image" Target="../media/image33.png"/></Relationships>
</file>

<file path=ppt/slides/_rels/slide26.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28.png"/><Relationship Id="rId1" Type="http://schemas.openxmlformats.org/officeDocument/2006/relationships/slideLayout" Target="../slideLayouts/slideLayout13.xml"/></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13.xml"/><Relationship Id="rId1" Type="http://schemas.openxmlformats.org/officeDocument/2006/relationships/tags" Target="../tags/tag44.xml"/></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12.xml"/><Relationship Id="rId1" Type="http://schemas.openxmlformats.org/officeDocument/2006/relationships/tags" Target="../tags/tag45.xml"/></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12.xml"/><Relationship Id="rId1" Type="http://schemas.openxmlformats.org/officeDocument/2006/relationships/tags" Target="../tags/tag46.xml"/><Relationship Id="rId5" Type="http://schemas.openxmlformats.org/officeDocument/2006/relationships/image" Target="../media/image36.png"/><Relationship Id="rId4" Type="http://schemas.openxmlformats.org/officeDocument/2006/relationships/image" Target="../media/image35.pn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5.xml"/><Relationship Id="rId1" Type="http://schemas.openxmlformats.org/officeDocument/2006/relationships/tags" Target="../tags/tag30.xml"/></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19.xml"/><Relationship Id="rId7" Type="http://schemas.openxmlformats.org/officeDocument/2006/relationships/image" Target="../media/image40.png"/><Relationship Id="rId2" Type="http://schemas.openxmlformats.org/officeDocument/2006/relationships/slideLayout" Target="../slideLayouts/slideLayout12.xml"/><Relationship Id="rId1" Type="http://schemas.openxmlformats.org/officeDocument/2006/relationships/tags" Target="../tags/tag47.xml"/><Relationship Id="rId6" Type="http://schemas.openxmlformats.org/officeDocument/2006/relationships/image" Target="../media/image39.png"/><Relationship Id="rId5" Type="http://schemas.openxmlformats.org/officeDocument/2006/relationships/image" Target="../media/image38.png"/><Relationship Id="rId4" Type="http://schemas.openxmlformats.org/officeDocument/2006/relationships/image" Target="../media/image37.png"/></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20.xml"/><Relationship Id="rId7" Type="http://schemas.openxmlformats.org/officeDocument/2006/relationships/image" Target="../media/image44.png"/><Relationship Id="rId2" Type="http://schemas.openxmlformats.org/officeDocument/2006/relationships/slideLayout" Target="../slideLayouts/slideLayout12.xml"/><Relationship Id="rId1" Type="http://schemas.openxmlformats.org/officeDocument/2006/relationships/tags" Target="../tags/tag48.xml"/><Relationship Id="rId6" Type="http://schemas.openxmlformats.org/officeDocument/2006/relationships/image" Target="../media/image43.png"/><Relationship Id="rId5" Type="http://schemas.openxmlformats.org/officeDocument/2006/relationships/image" Target="../media/image42.png"/><Relationship Id="rId4" Type="http://schemas.openxmlformats.org/officeDocument/2006/relationships/image" Target="../media/image41.png"/></Relationships>
</file>

<file path=ppt/slides/_rels/slide32.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12.xml"/></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13.xml"/><Relationship Id="rId1" Type="http://schemas.openxmlformats.org/officeDocument/2006/relationships/tags" Target="../tags/tag49.xml"/></Relationships>
</file>

<file path=ppt/slides/_rels/slide34.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13.xml"/></Relationships>
</file>

<file path=ppt/slides/_rels/slide35.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22.xml"/><Relationship Id="rId1" Type="http://schemas.openxmlformats.org/officeDocument/2006/relationships/slideLayout" Target="../slideLayouts/slideLayout13.xml"/><Relationship Id="rId5" Type="http://schemas.openxmlformats.org/officeDocument/2006/relationships/image" Target="../media/image49.png"/><Relationship Id="rId4" Type="http://schemas.openxmlformats.org/officeDocument/2006/relationships/image" Target="../media/image48.png"/></Relationships>
</file>

<file path=ppt/slides/_rels/slide36.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15.xml"/></Relationships>
</file>

<file path=ppt/slides/_rels/slide37.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51.png"/><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52.png"/><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0.png"/><Relationship Id="rId1" Type="http://schemas.openxmlformats.org/officeDocument/2006/relationships/slideLayout" Target="../slideLayouts/slideLayout14.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png"/></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hyperlink" Target="https://uk.finance.yahoo.com/" TargetMode="External"/><Relationship Id="rId1" Type="http://schemas.openxmlformats.org/officeDocument/2006/relationships/slideLayout" Target="../slideLayouts/slideLayout15.xml"/></Relationships>
</file>

<file path=ppt/slides/_rels/slide40.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2" Type="http://schemas.openxmlformats.org/officeDocument/2006/relationships/hyperlink" Target="https://capitalmonitor.ai/partner-" TargetMode="Externa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hyperlink" Target="https://uk.finance.yahoo.com/" TargetMode="External"/><Relationship Id="rId1" Type="http://schemas.openxmlformats.org/officeDocument/2006/relationships/slideLayout" Target="../slideLayouts/slideLayout15.xml"/><Relationship Id="rId4" Type="http://schemas.openxmlformats.org/officeDocument/2006/relationships/image" Target="../media/image6.png"/></Relationships>
</file>

<file path=ppt/slides/_rels/slide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hyperlink" Target="https://uk.finance.yahoo.com/" TargetMode="External"/><Relationship Id="rId1" Type="http://schemas.openxmlformats.org/officeDocument/2006/relationships/slideLayout" Target="../slideLayouts/slideLayout15.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5.xml"/><Relationship Id="rId1" Type="http://schemas.openxmlformats.org/officeDocument/2006/relationships/tags" Target="../tags/tag31.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6.xml"/><Relationship Id="rId1" Type="http://schemas.openxmlformats.org/officeDocument/2006/relationships/tags" Target="../tags/tag32.xml"/></Relationships>
</file>

<file path=ppt/slides/_rels/slide9.xml.rels><?xml version="1.0" encoding="UTF-8" standalone="yes"?>
<Relationships xmlns="http://schemas.openxmlformats.org/package/2006/relationships"><Relationship Id="rId3" Type="http://schemas.openxmlformats.org/officeDocument/2006/relationships/hyperlink" Target="https://uk.finance.yahoo.com/" TargetMode="External"/><Relationship Id="rId2" Type="http://schemas.openxmlformats.org/officeDocument/2006/relationships/notesSlide" Target="../notesSlides/notesSlide5.xml"/><Relationship Id="rId1" Type="http://schemas.openxmlformats.org/officeDocument/2006/relationships/slideLayout" Target="../slideLayouts/slideLayout15.xml"/><Relationship Id="rId4" Type="http://schemas.openxmlformats.org/officeDocument/2006/relationships/image" Target="../media/image7.png"/></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26F3D6AE-087F-3C73-C199-207FB89FE3B2}"/>
              </a:ext>
            </a:extLst>
          </p:cNvPr>
          <p:cNvPicPr>
            <a:picLocks noChangeAspect="1"/>
          </p:cNvPicPr>
          <p:nvPr/>
        </p:nvPicPr>
        <p:blipFill rotWithShape="1">
          <a:blip r:embed="rId2"/>
          <a:srcRect l="21965" r="23117" b="-1"/>
          <a:stretch/>
        </p:blipFill>
        <p:spPr>
          <a:xfrm>
            <a:off x="20" y="-16897"/>
            <a:ext cx="5343974" cy="6884632"/>
          </a:xfrm>
          <a:prstGeom prst="rect">
            <a:avLst/>
          </a:prstGeom>
        </p:spPr>
      </p:pic>
      <p:sp useBgFill="1">
        <p:nvSpPr>
          <p:cNvPr id="12" name="Rectangle 11">
            <a:extLst>
              <a:ext uri="{FF2B5EF4-FFF2-40B4-BE49-F238E27FC236}">
                <a16:creationId xmlns:a16="http://schemas.microsoft.com/office/drawing/2014/main" id="{8870DEF6-46A2-D4F8-8BE6-91165D93ECC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804083" y="1474755"/>
            <a:ext cx="3943552" cy="3927961"/>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a:extLst>
              <a:ext uri="{FF2B5EF4-FFF2-40B4-BE49-F238E27FC236}">
                <a16:creationId xmlns:a16="http://schemas.microsoft.com/office/drawing/2014/main" id="{8EC15A9B-5671-4AC6-C414-1ED175362C42}"/>
              </a:ext>
            </a:extLst>
          </p:cNvPr>
          <p:cNvSpPr txBox="1"/>
          <p:nvPr/>
        </p:nvSpPr>
        <p:spPr>
          <a:xfrm>
            <a:off x="27764" y="824537"/>
            <a:ext cx="10808284" cy="866084"/>
          </a:xfrm>
          <a:prstGeom prst="rect">
            <a:avLst/>
          </a:prstGeom>
        </p:spPr>
        <p:txBody>
          <a:bodyPr vert="horz" lIns="91440" tIns="45720" rIns="91440" bIns="45720" rtlCol="0" anchor="t">
            <a:normAutofit/>
          </a:bodyPr>
          <a:lstStyle/>
          <a:p>
            <a:pPr lvl="1">
              <a:spcBef>
                <a:spcPct val="0"/>
              </a:spcBef>
              <a:spcAft>
                <a:spcPts val="600"/>
              </a:spcAft>
            </a:pPr>
            <a:r>
              <a:rPr lang="en-US" sz="2400" b="1" dirty="0">
                <a:latin typeface="Arial" panose="020B0604020202020204" pitchFamily="34" charset="0"/>
                <a:ea typeface="ADLaM Display" panose="020B0604020202020204" pitchFamily="2" charset="0"/>
                <a:cs typeface="Arial" panose="020B0604020202020204" pitchFamily="34" charset="0"/>
              </a:rPr>
              <a:t>Parameter Identification in Market-Consistent Calibrations of the Stochastic Volatility Jump Diffusion (SVJD) Equity Model</a:t>
            </a:r>
            <a:endParaRPr lang="en-US" sz="2400" b="1" kern="1200" dirty="0">
              <a:solidFill>
                <a:schemeClr val="tx1"/>
              </a:solidFill>
              <a:latin typeface="Arial" panose="020B0604020202020204" pitchFamily="34" charset="0"/>
              <a:ea typeface="ADLaM Display" panose="020B0604020202020204" pitchFamily="2" charset="0"/>
              <a:cs typeface="Arial" panose="020B0604020202020204" pitchFamily="34" charset="0"/>
            </a:endParaRPr>
          </a:p>
        </p:txBody>
      </p:sp>
      <p:sp>
        <p:nvSpPr>
          <p:cNvPr id="5" name="TextBox 4">
            <a:extLst>
              <a:ext uri="{FF2B5EF4-FFF2-40B4-BE49-F238E27FC236}">
                <a16:creationId xmlns:a16="http://schemas.microsoft.com/office/drawing/2014/main" id="{76A622F3-1BE2-1D31-969F-07B5CD742B53}"/>
              </a:ext>
            </a:extLst>
          </p:cNvPr>
          <p:cNvSpPr txBox="1"/>
          <p:nvPr/>
        </p:nvSpPr>
        <p:spPr>
          <a:xfrm>
            <a:off x="8779933" y="5542062"/>
            <a:ext cx="3013961" cy="616372"/>
          </a:xfrm>
          <a:prstGeom prst="rect">
            <a:avLst/>
          </a:prstGeom>
        </p:spPr>
        <p:txBody>
          <a:bodyPr vert="horz" lIns="91440" tIns="45720" rIns="91440" bIns="45720" rtlCol="0" anchor="ctr">
            <a:normAutofit/>
          </a:bodyPr>
          <a:lstStyle/>
          <a:p>
            <a:pPr>
              <a:lnSpc>
                <a:spcPct val="90000"/>
              </a:lnSpc>
              <a:spcBef>
                <a:spcPts val="1000"/>
              </a:spcBef>
            </a:pPr>
            <a:r>
              <a:rPr lang="en-US" sz="1400" b="1" i="1" kern="1200" dirty="0">
                <a:solidFill>
                  <a:schemeClr val="tx1"/>
                </a:solidFill>
                <a:latin typeface="Arial" panose="020B0604020202020204" pitchFamily="34" charset="0"/>
                <a:cs typeface="Arial" panose="020B0604020202020204" pitchFamily="34" charset="0"/>
              </a:rPr>
              <a:t>Presenter: </a:t>
            </a:r>
            <a:r>
              <a:rPr lang="en-US" sz="1400" i="1" kern="1200" dirty="0" err="1">
                <a:solidFill>
                  <a:schemeClr val="tx1"/>
                </a:solidFill>
                <a:latin typeface="Arial" panose="020B0604020202020204" pitchFamily="34" charset="0"/>
                <a:cs typeface="Arial" panose="020B0604020202020204" pitchFamily="34" charset="0"/>
              </a:rPr>
              <a:t>Yaojiuwei</a:t>
            </a:r>
            <a:r>
              <a:rPr lang="en-US" sz="1400" i="1" kern="1200" dirty="0">
                <a:solidFill>
                  <a:schemeClr val="tx1"/>
                </a:solidFill>
                <a:latin typeface="Arial" panose="020B0604020202020204" pitchFamily="34" charset="0"/>
                <a:cs typeface="Arial" panose="020B0604020202020204" pitchFamily="34" charset="0"/>
              </a:rPr>
              <a:t> (Roger) Cai</a:t>
            </a:r>
          </a:p>
        </p:txBody>
      </p:sp>
      <p:cxnSp>
        <p:nvCxnSpPr>
          <p:cNvPr id="14" name="Straight Connector 13">
            <a:extLst>
              <a:ext uri="{FF2B5EF4-FFF2-40B4-BE49-F238E27FC236}">
                <a16:creationId xmlns:a16="http://schemas.microsoft.com/office/drawing/2014/main" id="{8748256A-88AC-4254-406B-0E8EE2CC2B5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75334" y="1940933"/>
            <a:ext cx="736939" cy="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6F80F1AE-B5A1-3931-A58C-82B1132B325F}"/>
              </a:ext>
            </a:extLst>
          </p:cNvPr>
          <p:cNvSpPr txBox="1"/>
          <p:nvPr/>
        </p:nvSpPr>
        <p:spPr>
          <a:xfrm>
            <a:off x="6065285" y="3509327"/>
            <a:ext cx="6036519" cy="923330"/>
          </a:xfrm>
          <a:prstGeom prst="rect">
            <a:avLst/>
          </a:prstGeom>
          <a:noFill/>
        </p:spPr>
        <p:txBody>
          <a:bodyPr wrap="square" rtlCol="0">
            <a:spAutoFit/>
          </a:bodyPr>
          <a:lstStyle/>
          <a:p>
            <a:r>
              <a:rPr lang="en-GB" b="1" dirty="0"/>
              <a:t>Purpose:</a:t>
            </a:r>
          </a:p>
          <a:p>
            <a:r>
              <a:rPr lang="en-GB" dirty="0"/>
              <a:t>Investigating the redundancy of the SVJD model and defining the redundant parameters we use in the SVJD model.</a:t>
            </a:r>
          </a:p>
        </p:txBody>
      </p:sp>
      <p:pic>
        <p:nvPicPr>
          <p:cNvPr id="10" name="Picture 9" descr="A logo of the university of edinburgh&#10;&#10;Description automatically generated">
            <a:extLst>
              <a:ext uri="{FF2B5EF4-FFF2-40B4-BE49-F238E27FC236}">
                <a16:creationId xmlns:a16="http://schemas.microsoft.com/office/drawing/2014/main" id="{A913EB8F-789A-65CB-41D2-7586612D59CE}"/>
              </a:ext>
            </a:extLst>
          </p:cNvPr>
          <p:cNvPicPr>
            <a:picLocks noChangeAspect="1"/>
          </p:cNvPicPr>
          <p:nvPr/>
        </p:nvPicPr>
        <p:blipFill rotWithShape="1">
          <a:blip r:embed="rId3">
            <a:extLst>
              <a:ext uri="{28A0092B-C50C-407E-A947-70E740481C1C}">
                <a14:useLocalDpi xmlns:a14="http://schemas.microsoft.com/office/drawing/2010/main" val="0"/>
              </a:ext>
            </a:extLst>
          </a:blip>
          <a:srcRect l="25617" r="25257" b="43844"/>
          <a:stretch/>
        </p:blipFill>
        <p:spPr>
          <a:xfrm>
            <a:off x="10462065" y="6297780"/>
            <a:ext cx="571140" cy="521475"/>
          </a:xfrm>
          <a:prstGeom prst="rect">
            <a:avLst/>
          </a:prstGeom>
        </p:spPr>
      </p:pic>
      <p:pic>
        <p:nvPicPr>
          <p:cNvPr id="16" name="Picture 15" descr="A blue and white sign with black border&#10;&#10;Description automatically generated">
            <a:extLst>
              <a:ext uri="{FF2B5EF4-FFF2-40B4-BE49-F238E27FC236}">
                <a16:creationId xmlns:a16="http://schemas.microsoft.com/office/drawing/2014/main" id="{C57F68DC-7776-32C7-1630-9964746E9BC4}"/>
              </a:ext>
            </a:extLst>
          </p:cNvPr>
          <p:cNvPicPr>
            <a:picLocks noChangeAspect="1"/>
          </p:cNvPicPr>
          <p:nvPr/>
        </p:nvPicPr>
        <p:blipFill rotWithShape="1">
          <a:blip r:embed="rId4">
            <a:extLst>
              <a:ext uri="{28A0092B-C50C-407E-A947-70E740481C1C}">
                <a14:useLocalDpi xmlns:a14="http://schemas.microsoft.com/office/drawing/2010/main" val="0"/>
              </a:ext>
            </a:extLst>
          </a:blip>
          <a:srcRect l="1" t="14878" r="1767" b="18574"/>
          <a:stretch/>
        </p:blipFill>
        <p:spPr>
          <a:xfrm>
            <a:off x="11111069" y="6369632"/>
            <a:ext cx="929397" cy="377772"/>
          </a:xfrm>
          <a:prstGeom prst="rect">
            <a:avLst/>
          </a:prstGeom>
        </p:spPr>
      </p:pic>
    </p:spTree>
    <p:extLst>
      <p:ext uri="{BB962C8B-B14F-4D97-AF65-F5344CB8AC3E}">
        <p14:creationId xmlns:p14="http://schemas.microsoft.com/office/powerpoint/2010/main" val="261833077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8" name="Flowchart: Document 27">
            <a:extLst>
              <a:ext uri="{FF2B5EF4-FFF2-40B4-BE49-F238E27FC236}">
                <a16:creationId xmlns:a16="http://schemas.microsoft.com/office/drawing/2014/main" id="{D12DDE76-C203-4047-9998-63900085B5E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8175" y="0"/>
            <a:ext cx="3248025" cy="3400426"/>
          </a:xfrm>
          <a:prstGeom prst="flowChartDocumen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urton | Placeholder | SlideID: 366 | ID: 6">
            <a:extLst>
              <a:ext uri="{FF2B5EF4-FFF2-40B4-BE49-F238E27FC236}">
                <a16:creationId xmlns:a16="http://schemas.microsoft.com/office/drawing/2014/main" id="{CD7D3A72-E196-4900-12CE-A92DE24C51B8}"/>
              </a:ext>
            </a:extLst>
          </p:cNvPr>
          <p:cNvSpPr>
            <a:spLocks noGrp="1"/>
          </p:cNvSpPr>
          <p:nvPr>
            <p:ph type="title"/>
          </p:nvPr>
        </p:nvSpPr>
        <p:spPr>
          <a:xfrm>
            <a:off x="838200" y="171162"/>
            <a:ext cx="2840182" cy="2371148"/>
          </a:xfrm>
        </p:spPr>
        <p:txBody>
          <a:bodyPr vert="horz" lIns="91440" tIns="45720" rIns="91440" bIns="45720" rtlCol="0" anchor="ctr">
            <a:normAutofit/>
          </a:bodyPr>
          <a:lstStyle/>
          <a:p>
            <a:r>
              <a:rPr lang="en-US" sz="3200" kern="1200" dirty="0">
                <a:solidFill>
                  <a:srgbClr val="FFFFFF"/>
                </a:solidFill>
                <a:latin typeface="+mj-lt"/>
                <a:ea typeface="+mj-ea"/>
                <a:cs typeface="+mj-cs"/>
              </a:rPr>
              <a:t>Heston Stochastic Differential equation</a:t>
            </a:r>
          </a:p>
        </p:txBody>
      </p:sp>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4E6886CE-0512-A5BE-F2A2-47A9E20A0D88}"/>
                  </a:ext>
                </a:extLst>
              </p:cNvPr>
              <p:cNvSpPr txBox="1"/>
              <p:nvPr/>
            </p:nvSpPr>
            <p:spPr>
              <a:xfrm>
                <a:off x="4207933" y="1475863"/>
                <a:ext cx="7347537" cy="506805"/>
              </a:xfrm>
              <a:prstGeom prst="rect">
                <a:avLst/>
              </a:prstGeom>
              <a:noFill/>
            </p:spPr>
            <p:txBody>
              <a:bodyPr wrap="square" rtlCol="0">
                <a:spAutoFit/>
              </a:bodyPr>
              <a:lstStyle/>
              <a:p>
                <a:pPr defTabSz="568391">
                  <a:spcAft>
                    <a:spcPts val="504"/>
                  </a:spcAft>
                </a:pPr>
                <a:r>
                  <a:rPr lang="en-GB" sz="1344" i="1" kern="1200" dirty="0">
                    <a:solidFill>
                      <a:schemeClr val="tx1"/>
                    </a:solidFill>
                    <a:latin typeface="+mn-lt"/>
                    <a:ea typeface="+mn-ea"/>
                    <a:cs typeface="+mn-cs"/>
                  </a:rPr>
                  <a:t>The log excess stock price </a:t>
                </a:r>
                <a14:m>
                  <m:oMath xmlns:m="http://schemas.openxmlformats.org/officeDocument/2006/math">
                    <m:func>
                      <m:funcPr>
                        <m:ctrlPr>
                          <a:rPr lang="en-GB" sz="1344" i="1" kern="1200">
                            <a:solidFill>
                              <a:schemeClr val="tx1"/>
                            </a:solidFill>
                            <a:latin typeface="Cambria Math" panose="02040503050406030204" pitchFamily="18" charset="0"/>
                            <a:ea typeface="+mn-ea"/>
                            <a:cs typeface="+mn-cs"/>
                          </a:rPr>
                        </m:ctrlPr>
                      </m:funcPr>
                      <m:fName>
                        <m:r>
                          <a:rPr lang="en-GB" sz="1344" i="1" kern="1200">
                            <a:solidFill>
                              <a:schemeClr val="tx1"/>
                            </a:solidFill>
                            <a:latin typeface="Cambria Math" panose="02040503050406030204" pitchFamily="18" charset="0"/>
                            <a:ea typeface="+mn-ea"/>
                            <a:cs typeface="+mn-cs"/>
                          </a:rPr>
                          <m:t>𝑙𝑛</m:t>
                        </m:r>
                      </m:fName>
                      <m:e>
                        <m:d>
                          <m:dPr>
                            <m:ctrlPr>
                              <a:rPr lang="en-GB" sz="1344" i="1" kern="1200">
                                <a:solidFill>
                                  <a:schemeClr val="tx1"/>
                                </a:solidFill>
                                <a:latin typeface="Cambria Math" panose="02040503050406030204" pitchFamily="18" charset="0"/>
                                <a:ea typeface="+mn-ea"/>
                                <a:cs typeface="+mn-cs"/>
                              </a:rPr>
                            </m:ctrlPr>
                          </m:dPr>
                          <m:e>
                            <m:sSup>
                              <m:sSupPr>
                                <m:ctrlPr>
                                  <a:rPr lang="en-GB" sz="1344" i="1" kern="1200">
                                    <a:solidFill>
                                      <a:schemeClr val="tx1"/>
                                    </a:solidFill>
                                    <a:latin typeface="Cambria Math" panose="02040503050406030204" pitchFamily="18" charset="0"/>
                                    <a:ea typeface="+mn-ea"/>
                                    <a:cs typeface="+mn-cs"/>
                                  </a:rPr>
                                </m:ctrlPr>
                              </m:sSupPr>
                              <m:e>
                                <m:r>
                                  <a:rPr lang="en-GB" sz="1344" i="1" kern="1200">
                                    <a:solidFill>
                                      <a:schemeClr val="tx1"/>
                                    </a:solidFill>
                                    <a:latin typeface="Cambria Math" panose="02040503050406030204" pitchFamily="18" charset="0"/>
                                    <a:ea typeface="+mn-ea"/>
                                    <a:cs typeface="+mn-cs"/>
                                  </a:rPr>
                                  <m:t>𝑆</m:t>
                                </m:r>
                              </m:e>
                              <m:sup>
                                <m:r>
                                  <a:rPr lang="en-GB" sz="1344" i="1" kern="1200">
                                    <a:solidFill>
                                      <a:schemeClr val="tx1"/>
                                    </a:solidFill>
                                    <a:latin typeface="Cambria Math" panose="02040503050406030204" pitchFamily="18" charset="0"/>
                                    <a:ea typeface="+mn-ea"/>
                                    <a:cs typeface="+mn-cs"/>
                                  </a:rPr>
                                  <m:t>𝑋𝑆</m:t>
                                </m:r>
                              </m:sup>
                            </m:sSup>
                          </m:e>
                        </m:d>
                      </m:e>
                    </m:func>
                  </m:oMath>
                </a14:m>
                <a:r>
                  <a:rPr lang="en-GB" sz="1344" i="1" kern="1200" dirty="0">
                    <a:solidFill>
                      <a:schemeClr val="tx1"/>
                    </a:solidFill>
                    <a:latin typeface="+mn-lt"/>
                    <a:ea typeface="+mn-ea"/>
                    <a:cs typeface="+mn-cs"/>
                  </a:rPr>
                  <a:t> follows both a continuous and dis continuous process. The continuous process is a standard Heston stochastic volatility model,</a:t>
                </a:r>
                <a:endParaRPr lang="en-GB" sz="2400" i="1" dirty="0"/>
              </a:p>
            </p:txBody>
          </p:sp>
        </mc:Choice>
        <mc:Fallback xmlns="">
          <p:sp>
            <p:nvSpPr>
              <p:cNvPr id="18" name="TextBox 17">
                <a:extLst>
                  <a:ext uri="{FF2B5EF4-FFF2-40B4-BE49-F238E27FC236}">
                    <a16:creationId xmlns:a16="http://schemas.microsoft.com/office/drawing/2014/main" id="{4E6886CE-0512-A5BE-F2A2-47A9E20A0D88}"/>
                  </a:ext>
                </a:extLst>
              </p:cNvPr>
              <p:cNvSpPr txBox="1">
                <a:spLocks noRot="1" noChangeAspect="1" noMove="1" noResize="1" noEditPoints="1" noAdjustHandles="1" noChangeArrowheads="1" noChangeShapeType="1" noTextEdit="1"/>
              </p:cNvSpPr>
              <p:nvPr/>
            </p:nvSpPr>
            <p:spPr>
              <a:xfrm>
                <a:off x="4207933" y="1475863"/>
                <a:ext cx="7347537" cy="506805"/>
              </a:xfrm>
              <a:prstGeom prst="rect">
                <a:avLst/>
              </a:prstGeom>
              <a:blipFill>
                <a:blip r:embed="rId4"/>
                <a:stretch>
                  <a:fillRect l="-166" t="-1205" r="-249" b="-1204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936A5D5A-1A92-7110-3556-B21E0EAD618F}"/>
                  </a:ext>
                </a:extLst>
              </p:cNvPr>
              <p:cNvSpPr txBox="1"/>
              <p:nvPr/>
            </p:nvSpPr>
            <p:spPr>
              <a:xfrm>
                <a:off x="6184348" y="2201495"/>
                <a:ext cx="4165439" cy="313819"/>
              </a:xfrm>
              <a:prstGeom prst="rect">
                <a:avLst/>
              </a:prstGeom>
              <a:noFill/>
            </p:spPr>
            <p:txBody>
              <a:bodyPr wrap="square" lIns="0" tIns="0" rIns="0" bIns="0" rtlCol="0">
                <a:spAutoFit/>
              </a:bodyPr>
              <a:lstStyle/>
              <a:p>
                <a:pPr defTabSz="568391">
                  <a:spcAft>
                    <a:spcPts val="504"/>
                  </a:spcAft>
                </a:pPr>
                <a14:m>
                  <m:oMath xmlns:m="http://schemas.openxmlformats.org/officeDocument/2006/math">
                    <m:r>
                      <a:rPr lang="en-GB" sz="1344" i="1" kern="1200">
                        <a:solidFill>
                          <a:schemeClr val="tx1"/>
                        </a:solidFill>
                        <a:latin typeface="Cambria Math" panose="02040503050406030204" pitchFamily="18" charset="0"/>
                        <a:ea typeface="+mn-ea"/>
                        <a:cs typeface="+mn-cs"/>
                      </a:rPr>
                      <m:t>𝑑𝑙𝑛</m:t>
                    </m:r>
                    <m:sSup>
                      <m:sSupPr>
                        <m:ctrlPr>
                          <a:rPr lang="en-GB" sz="1344" i="1" kern="1200">
                            <a:solidFill>
                              <a:schemeClr val="tx1"/>
                            </a:solidFill>
                            <a:latin typeface="Cambria Math" panose="02040503050406030204" pitchFamily="18" charset="0"/>
                            <a:ea typeface="+mn-ea"/>
                            <a:cs typeface="+mn-cs"/>
                          </a:rPr>
                        </m:ctrlPr>
                      </m:sSupPr>
                      <m:e>
                        <m:r>
                          <a:rPr lang="en-GB" sz="1344" i="1" kern="1200">
                            <a:solidFill>
                              <a:schemeClr val="tx1"/>
                            </a:solidFill>
                            <a:latin typeface="Cambria Math" panose="02040503050406030204" pitchFamily="18" charset="0"/>
                            <a:ea typeface="+mn-ea"/>
                            <a:cs typeface="+mn-cs"/>
                          </a:rPr>
                          <m:t>𝑆</m:t>
                        </m:r>
                      </m:e>
                      <m:sup>
                        <m:r>
                          <a:rPr lang="en-GB" sz="1344" i="1" kern="1200">
                            <a:solidFill>
                              <a:schemeClr val="tx1"/>
                            </a:solidFill>
                            <a:latin typeface="Cambria Math" panose="02040503050406030204" pitchFamily="18" charset="0"/>
                            <a:ea typeface="+mn-ea"/>
                            <a:cs typeface="+mn-cs"/>
                          </a:rPr>
                          <m:t>𝑆𝑉</m:t>
                        </m:r>
                      </m:sup>
                    </m:sSup>
                    <m:d>
                      <m:dPr>
                        <m:ctrlPr>
                          <a:rPr lang="en-GB" sz="1344" i="1" kern="1200">
                            <a:solidFill>
                              <a:schemeClr val="tx1"/>
                            </a:solidFill>
                            <a:latin typeface="Cambria Math" panose="02040503050406030204" pitchFamily="18" charset="0"/>
                            <a:ea typeface="+mn-ea"/>
                            <a:cs typeface="+mn-cs"/>
                          </a:rPr>
                        </m:ctrlPr>
                      </m:dPr>
                      <m:e>
                        <m:r>
                          <a:rPr lang="en-GB" sz="1344" i="1" kern="1200">
                            <a:solidFill>
                              <a:schemeClr val="tx1"/>
                            </a:solidFill>
                            <a:latin typeface="Cambria Math" panose="02040503050406030204" pitchFamily="18" charset="0"/>
                            <a:ea typeface="+mn-ea"/>
                            <a:cs typeface="+mn-cs"/>
                          </a:rPr>
                          <m:t>𝑡</m:t>
                        </m:r>
                      </m:e>
                    </m:d>
                    <m:r>
                      <a:rPr lang="en-GB" sz="1344" i="1" kern="1200">
                        <a:solidFill>
                          <a:schemeClr val="tx1"/>
                        </a:solidFill>
                        <a:latin typeface="Cambria Math" panose="02040503050406030204" pitchFamily="18" charset="0"/>
                        <a:ea typeface="+mn-ea"/>
                        <a:cs typeface="+mn-cs"/>
                      </a:rPr>
                      <m:t>=</m:t>
                    </m:r>
                    <m:d>
                      <m:dPr>
                        <m:ctrlPr>
                          <a:rPr lang="en-GB" sz="1344" i="1" kern="1200">
                            <a:solidFill>
                              <a:schemeClr val="tx1"/>
                            </a:solidFill>
                            <a:latin typeface="Cambria Math" panose="02040503050406030204" pitchFamily="18" charset="0"/>
                            <a:ea typeface="+mn-ea"/>
                            <a:cs typeface="+mn-cs"/>
                          </a:rPr>
                        </m:ctrlPr>
                      </m:dPr>
                      <m:e>
                        <m:r>
                          <a:rPr lang="en-GB" sz="1344" i="1" kern="1200">
                            <a:solidFill>
                              <a:schemeClr val="tx1"/>
                            </a:solidFill>
                            <a:latin typeface="Cambria Math" panose="02040503050406030204" pitchFamily="18" charset="0"/>
                            <a:ea typeface="+mn-ea"/>
                            <a:cs typeface="+mn-cs"/>
                          </a:rPr>
                          <m:t>𝜇</m:t>
                        </m:r>
                        <m:r>
                          <a:rPr lang="en-GB" sz="1344" i="1" kern="1200">
                            <a:solidFill>
                              <a:schemeClr val="tx1"/>
                            </a:solidFill>
                            <a:latin typeface="Cambria Math" panose="02040503050406030204" pitchFamily="18" charset="0"/>
                            <a:ea typeface="+mn-ea"/>
                            <a:cs typeface="+mn-cs"/>
                          </a:rPr>
                          <m:t> − </m:t>
                        </m:r>
                        <m:f>
                          <m:fPr>
                            <m:ctrlPr>
                              <a:rPr lang="en-GB" sz="1344" i="1" kern="1200">
                                <a:solidFill>
                                  <a:schemeClr val="tx1"/>
                                </a:solidFill>
                                <a:latin typeface="Cambria Math" panose="02040503050406030204" pitchFamily="18" charset="0"/>
                                <a:ea typeface="+mn-ea"/>
                                <a:cs typeface="+mn-cs"/>
                              </a:rPr>
                            </m:ctrlPr>
                          </m:fPr>
                          <m:num>
                            <m:r>
                              <a:rPr lang="en-GB" sz="1344" i="1" kern="1200">
                                <a:solidFill>
                                  <a:schemeClr val="tx1"/>
                                </a:solidFill>
                                <a:latin typeface="Cambria Math" panose="02040503050406030204" pitchFamily="18" charset="0"/>
                                <a:ea typeface="+mn-ea"/>
                                <a:cs typeface="+mn-cs"/>
                              </a:rPr>
                              <m:t>𝜈</m:t>
                            </m:r>
                            <m:d>
                              <m:dPr>
                                <m:ctrlPr>
                                  <a:rPr lang="en-GB" sz="1344" i="1" kern="1200">
                                    <a:solidFill>
                                      <a:schemeClr val="tx1"/>
                                    </a:solidFill>
                                    <a:latin typeface="Cambria Math" panose="02040503050406030204" pitchFamily="18" charset="0"/>
                                    <a:ea typeface="+mn-ea"/>
                                    <a:cs typeface="+mn-cs"/>
                                  </a:rPr>
                                </m:ctrlPr>
                              </m:dPr>
                              <m:e>
                                <m:r>
                                  <a:rPr lang="en-GB" sz="1344" i="1" kern="1200">
                                    <a:solidFill>
                                      <a:schemeClr val="tx1"/>
                                    </a:solidFill>
                                    <a:latin typeface="Cambria Math" panose="02040503050406030204" pitchFamily="18" charset="0"/>
                                    <a:ea typeface="+mn-ea"/>
                                    <a:cs typeface="+mn-cs"/>
                                  </a:rPr>
                                  <m:t>𝑡</m:t>
                                </m:r>
                              </m:e>
                            </m:d>
                          </m:num>
                          <m:den>
                            <m:r>
                              <a:rPr lang="en-GB" sz="1344" i="1" kern="1200">
                                <a:solidFill>
                                  <a:schemeClr val="tx1"/>
                                </a:solidFill>
                                <a:latin typeface="Cambria Math" panose="02040503050406030204" pitchFamily="18" charset="0"/>
                                <a:ea typeface="+mn-ea"/>
                                <a:cs typeface="+mn-cs"/>
                              </a:rPr>
                              <m:t>2</m:t>
                            </m:r>
                          </m:den>
                        </m:f>
                      </m:e>
                    </m:d>
                    <m:r>
                      <a:rPr lang="en-GB" sz="1344" i="1" kern="1200">
                        <a:solidFill>
                          <a:schemeClr val="tx1"/>
                        </a:solidFill>
                        <a:latin typeface="Cambria Math" panose="02040503050406030204" pitchFamily="18" charset="0"/>
                        <a:ea typeface="+mn-ea"/>
                        <a:cs typeface="+mn-cs"/>
                      </a:rPr>
                      <m:t>𝑑𝑡</m:t>
                    </m:r>
                    <m:r>
                      <a:rPr lang="en-GB" sz="1344" i="1" kern="1200">
                        <a:solidFill>
                          <a:schemeClr val="tx1"/>
                        </a:solidFill>
                        <a:latin typeface="Cambria Math" panose="02040503050406030204" pitchFamily="18" charset="0"/>
                        <a:ea typeface="+mn-ea"/>
                        <a:cs typeface="+mn-cs"/>
                      </a:rPr>
                      <m:t>+</m:t>
                    </m:r>
                    <m:rad>
                      <m:radPr>
                        <m:degHide m:val="on"/>
                        <m:ctrlPr>
                          <a:rPr lang="en-GB" sz="1344" i="1" kern="1200">
                            <a:solidFill>
                              <a:schemeClr val="tx1"/>
                            </a:solidFill>
                            <a:latin typeface="Cambria Math" panose="02040503050406030204" pitchFamily="18" charset="0"/>
                            <a:ea typeface="+mn-ea"/>
                            <a:cs typeface="+mn-cs"/>
                          </a:rPr>
                        </m:ctrlPr>
                      </m:radPr>
                      <m:deg/>
                      <m:e>
                        <m:r>
                          <a:rPr lang="en-GB" sz="1344" i="1" kern="1200">
                            <a:solidFill>
                              <a:schemeClr val="tx1"/>
                            </a:solidFill>
                            <a:latin typeface="Cambria Math" panose="02040503050406030204" pitchFamily="18" charset="0"/>
                            <a:ea typeface="+mn-ea"/>
                            <a:cs typeface="+mn-cs"/>
                          </a:rPr>
                          <m:t>𝜈</m:t>
                        </m:r>
                        <m:d>
                          <m:dPr>
                            <m:ctrlPr>
                              <a:rPr lang="en-GB" sz="1344" i="1" kern="1200">
                                <a:solidFill>
                                  <a:schemeClr val="tx1"/>
                                </a:solidFill>
                                <a:latin typeface="Cambria Math" panose="02040503050406030204" pitchFamily="18" charset="0"/>
                                <a:ea typeface="+mn-ea"/>
                                <a:cs typeface="+mn-cs"/>
                              </a:rPr>
                            </m:ctrlPr>
                          </m:dPr>
                          <m:e>
                            <m:r>
                              <a:rPr lang="en-GB" sz="1344" i="1" kern="1200">
                                <a:solidFill>
                                  <a:schemeClr val="tx1"/>
                                </a:solidFill>
                                <a:latin typeface="Cambria Math" panose="02040503050406030204" pitchFamily="18" charset="0"/>
                                <a:ea typeface="+mn-ea"/>
                                <a:cs typeface="+mn-cs"/>
                              </a:rPr>
                              <m:t>𝑡</m:t>
                            </m:r>
                          </m:e>
                        </m:d>
                      </m:e>
                    </m:rad>
                    <m:r>
                      <a:rPr lang="en-GB" sz="1344" i="1" kern="1200">
                        <a:solidFill>
                          <a:schemeClr val="tx1"/>
                        </a:solidFill>
                        <a:latin typeface="Cambria Math" panose="02040503050406030204" pitchFamily="18" charset="0"/>
                        <a:ea typeface="+mn-ea"/>
                        <a:cs typeface="+mn-cs"/>
                      </a:rPr>
                      <m:t> </m:t>
                    </m:r>
                    <m:r>
                      <a:rPr lang="en-GB" sz="1344" i="1" kern="1200">
                        <a:solidFill>
                          <a:schemeClr val="tx1"/>
                        </a:solidFill>
                        <a:latin typeface="Cambria Math" panose="02040503050406030204" pitchFamily="18" charset="0"/>
                        <a:ea typeface="+mn-ea"/>
                        <a:cs typeface="+mn-cs"/>
                      </a:rPr>
                      <m:t>𝑑</m:t>
                    </m:r>
                    <m:sSub>
                      <m:sSubPr>
                        <m:ctrlPr>
                          <a:rPr lang="en-GB" sz="1344" i="1" kern="1200">
                            <a:solidFill>
                              <a:schemeClr val="tx1"/>
                            </a:solidFill>
                            <a:latin typeface="Cambria Math" panose="02040503050406030204" pitchFamily="18" charset="0"/>
                            <a:ea typeface="+mn-ea"/>
                            <a:cs typeface="+mn-cs"/>
                          </a:rPr>
                        </m:ctrlPr>
                      </m:sSubPr>
                      <m:e>
                        <m:r>
                          <a:rPr lang="en-GB" sz="1344" i="1" kern="1200">
                            <a:solidFill>
                              <a:schemeClr val="tx1"/>
                            </a:solidFill>
                            <a:latin typeface="Cambria Math" panose="02040503050406030204" pitchFamily="18" charset="0"/>
                            <a:ea typeface="+mn-ea"/>
                            <a:cs typeface="+mn-cs"/>
                          </a:rPr>
                          <m:t>𝑊</m:t>
                        </m:r>
                      </m:e>
                      <m:sub>
                        <m:r>
                          <a:rPr lang="en-GB" sz="1344" i="1" kern="1200">
                            <a:solidFill>
                              <a:schemeClr val="tx1"/>
                            </a:solidFill>
                            <a:latin typeface="Cambria Math" panose="02040503050406030204" pitchFamily="18" charset="0"/>
                            <a:ea typeface="+mn-ea"/>
                            <a:cs typeface="+mn-cs"/>
                          </a:rPr>
                          <m:t>1</m:t>
                        </m:r>
                      </m:sub>
                    </m:sSub>
                  </m:oMath>
                </a14:m>
                <a:r>
                  <a:rPr lang="en-GB" sz="1344" kern="1200" dirty="0">
                    <a:solidFill>
                      <a:schemeClr val="tx1"/>
                    </a:solidFill>
                    <a:latin typeface="+mn-lt"/>
                    <a:ea typeface="+mn-ea"/>
                    <a:cs typeface="+mn-cs"/>
                  </a:rPr>
                  <a:t>,</a:t>
                </a:r>
                <a:endParaRPr lang="en-GB" sz="1600" dirty="0"/>
              </a:p>
            </p:txBody>
          </p:sp>
        </mc:Choice>
        <mc:Fallback xmlns="">
          <p:sp>
            <p:nvSpPr>
              <p:cNvPr id="19" name="TextBox 18">
                <a:extLst>
                  <a:ext uri="{FF2B5EF4-FFF2-40B4-BE49-F238E27FC236}">
                    <a16:creationId xmlns:a16="http://schemas.microsoft.com/office/drawing/2014/main" id="{936A5D5A-1A92-7110-3556-B21E0EAD618F}"/>
                  </a:ext>
                </a:extLst>
              </p:cNvPr>
              <p:cNvSpPr txBox="1">
                <a:spLocks noRot="1" noChangeAspect="1" noMove="1" noResize="1" noEditPoints="1" noAdjustHandles="1" noChangeArrowheads="1" noChangeShapeType="1" noTextEdit="1"/>
              </p:cNvSpPr>
              <p:nvPr/>
            </p:nvSpPr>
            <p:spPr>
              <a:xfrm>
                <a:off x="6184348" y="2201495"/>
                <a:ext cx="4165439" cy="313819"/>
              </a:xfrm>
              <a:prstGeom prst="rect">
                <a:avLst/>
              </a:prstGeom>
              <a:blipFill>
                <a:blip r:embed="rId5"/>
                <a:stretch>
                  <a:fillRect l="-1462" b="-1730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E648E719-253C-78A6-D2E1-355D766BD584}"/>
                  </a:ext>
                </a:extLst>
              </p:cNvPr>
              <p:cNvSpPr txBox="1"/>
              <p:nvPr/>
            </p:nvSpPr>
            <p:spPr>
              <a:xfrm>
                <a:off x="4207933" y="2736955"/>
                <a:ext cx="7347536" cy="506036"/>
              </a:xfrm>
              <a:prstGeom prst="rect">
                <a:avLst/>
              </a:prstGeom>
              <a:noFill/>
            </p:spPr>
            <p:txBody>
              <a:bodyPr wrap="square" rtlCol="0">
                <a:spAutoFit/>
              </a:bodyPr>
              <a:lstStyle/>
              <a:p>
                <a:pPr defTabSz="568391">
                  <a:spcAft>
                    <a:spcPts val="504"/>
                  </a:spcAft>
                </a:pPr>
                <a:r>
                  <a:rPr lang="en-GB" sz="1344" i="1" kern="1200" dirty="0">
                    <a:solidFill>
                      <a:schemeClr val="tx1"/>
                    </a:solidFill>
                    <a:latin typeface="+mn-lt"/>
                    <a:ea typeface="+mn-ea"/>
                    <a:cs typeface="+mn-cs"/>
                  </a:rPr>
                  <a:t>where </a:t>
                </a:r>
                <a14:m>
                  <m:oMath xmlns:m="http://schemas.openxmlformats.org/officeDocument/2006/math">
                    <m:r>
                      <a:rPr lang="en-GB" sz="1344" i="1" kern="1200">
                        <a:solidFill>
                          <a:schemeClr val="tx1"/>
                        </a:solidFill>
                        <a:latin typeface="Cambria Math" panose="02040503050406030204" pitchFamily="18" charset="0"/>
                        <a:ea typeface="+mn-ea"/>
                        <a:cs typeface="+mn-cs"/>
                      </a:rPr>
                      <m:t>𝜇</m:t>
                    </m:r>
                  </m:oMath>
                </a14:m>
                <a:r>
                  <a:rPr lang="en-GB" sz="1344" i="1" kern="1200" dirty="0">
                    <a:solidFill>
                      <a:schemeClr val="tx1"/>
                    </a:solidFill>
                    <a:latin typeface="+mn-lt"/>
                    <a:ea typeface="+mn-ea"/>
                    <a:cs typeface="+mn-cs"/>
                  </a:rPr>
                  <a:t> is the risk premium, which vanishes in the risk neutral world, and </a:t>
                </a:r>
                <a14:m>
                  <m:oMath xmlns:m="http://schemas.openxmlformats.org/officeDocument/2006/math">
                    <m:r>
                      <a:rPr lang="en-GB" sz="1344" i="1" kern="1200">
                        <a:solidFill>
                          <a:schemeClr val="tx1"/>
                        </a:solidFill>
                        <a:latin typeface="Cambria Math" panose="02040503050406030204" pitchFamily="18" charset="0"/>
                        <a:ea typeface="+mn-ea"/>
                        <a:cs typeface="+mn-cs"/>
                      </a:rPr>
                      <m:t>𝑑</m:t>
                    </m:r>
                    <m:sSub>
                      <m:sSubPr>
                        <m:ctrlPr>
                          <a:rPr lang="en-GB" sz="1344" i="1" kern="1200">
                            <a:solidFill>
                              <a:schemeClr val="tx1"/>
                            </a:solidFill>
                            <a:latin typeface="Cambria Math" panose="02040503050406030204" pitchFamily="18" charset="0"/>
                            <a:ea typeface="+mn-ea"/>
                            <a:cs typeface="+mn-cs"/>
                          </a:rPr>
                        </m:ctrlPr>
                      </m:sSubPr>
                      <m:e>
                        <m:r>
                          <a:rPr lang="en-GB" sz="1344" i="1" kern="1200">
                            <a:solidFill>
                              <a:schemeClr val="tx1"/>
                            </a:solidFill>
                            <a:latin typeface="Cambria Math" panose="02040503050406030204" pitchFamily="18" charset="0"/>
                            <a:ea typeface="+mn-ea"/>
                            <a:cs typeface="+mn-cs"/>
                          </a:rPr>
                          <m:t>𝑊</m:t>
                        </m:r>
                      </m:e>
                      <m:sub>
                        <m:r>
                          <a:rPr lang="en-GB" sz="1344" i="1" kern="1200">
                            <a:solidFill>
                              <a:schemeClr val="tx1"/>
                            </a:solidFill>
                            <a:latin typeface="Cambria Math" panose="02040503050406030204" pitchFamily="18" charset="0"/>
                            <a:ea typeface="+mn-ea"/>
                            <a:cs typeface="+mn-cs"/>
                          </a:rPr>
                          <m:t>1</m:t>
                        </m:r>
                      </m:sub>
                    </m:sSub>
                  </m:oMath>
                </a14:m>
                <a:r>
                  <a:rPr lang="en-GB" sz="1344" i="1" kern="1200" dirty="0">
                    <a:solidFill>
                      <a:schemeClr val="tx1"/>
                    </a:solidFill>
                    <a:latin typeface="+mn-lt"/>
                    <a:ea typeface="+mn-ea"/>
                    <a:cs typeface="+mn-cs"/>
                  </a:rPr>
                  <a:t> is a random Wiener process. The variance process </a:t>
                </a:r>
                <a14:m>
                  <m:oMath xmlns:m="http://schemas.openxmlformats.org/officeDocument/2006/math">
                    <m:r>
                      <a:rPr lang="en-GB" sz="1344" i="1" kern="1200">
                        <a:solidFill>
                          <a:schemeClr val="tx1"/>
                        </a:solidFill>
                        <a:latin typeface="Cambria Math" panose="02040503050406030204" pitchFamily="18" charset="0"/>
                        <a:ea typeface="+mn-ea"/>
                        <a:cs typeface="+mn-cs"/>
                      </a:rPr>
                      <m:t>𝜈</m:t>
                    </m:r>
                  </m:oMath>
                </a14:m>
                <a:r>
                  <a:rPr lang="en-GB" sz="1344" i="1" kern="1200" dirty="0">
                    <a:solidFill>
                      <a:schemeClr val="tx1"/>
                    </a:solidFill>
                    <a:latin typeface="+mn-lt"/>
                    <a:ea typeface="+mn-ea"/>
                    <a:cs typeface="+mn-cs"/>
                  </a:rPr>
                  <a:t> follows a Cox-Ingersoll-Ross process:</a:t>
                </a:r>
                <a:endParaRPr lang="en-GB" sz="1600" i="1" dirty="0"/>
              </a:p>
            </p:txBody>
          </p:sp>
        </mc:Choice>
        <mc:Fallback xmlns="">
          <p:sp>
            <p:nvSpPr>
              <p:cNvPr id="20" name="TextBox 19">
                <a:extLst>
                  <a:ext uri="{FF2B5EF4-FFF2-40B4-BE49-F238E27FC236}">
                    <a16:creationId xmlns:a16="http://schemas.microsoft.com/office/drawing/2014/main" id="{E648E719-253C-78A6-D2E1-355D766BD584}"/>
                  </a:ext>
                </a:extLst>
              </p:cNvPr>
              <p:cNvSpPr txBox="1">
                <a:spLocks noRot="1" noChangeAspect="1" noMove="1" noResize="1" noEditPoints="1" noAdjustHandles="1" noChangeArrowheads="1" noChangeShapeType="1" noTextEdit="1"/>
              </p:cNvSpPr>
              <p:nvPr/>
            </p:nvSpPr>
            <p:spPr>
              <a:xfrm>
                <a:off x="4207933" y="2736955"/>
                <a:ext cx="7347536" cy="506036"/>
              </a:xfrm>
              <a:prstGeom prst="rect">
                <a:avLst/>
              </a:prstGeom>
              <a:blipFill>
                <a:blip r:embed="rId6"/>
                <a:stretch>
                  <a:fillRect l="-166" t="-2410" b="-1204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21" name="TextBox 20">
                <a:extLst>
                  <a:ext uri="{FF2B5EF4-FFF2-40B4-BE49-F238E27FC236}">
                    <a16:creationId xmlns:a16="http://schemas.microsoft.com/office/drawing/2014/main" id="{DEA56F2A-5DDC-06E0-4027-2D27E2930064}"/>
                  </a:ext>
                </a:extLst>
              </p:cNvPr>
              <p:cNvSpPr txBox="1"/>
              <p:nvPr/>
            </p:nvSpPr>
            <p:spPr>
              <a:xfrm>
                <a:off x="6243911" y="3493348"/>
                <a:ext cx="3275579" cy="259169"/>
              </a:xfrm>
              <a:prstGeom prst="rect">
                <a:avLst/>
              </a:prstGeom>
              <a:noFill/>
            </p:spPr>
            <p:txBody>
              <a:bodyPr wrap="square" lIns="0" tIns="0" rIns="0" bIns="0" rtlCol="0">
                <a:spAutoFit/>
              </a:bodyPr>
              <a:lstStyle/>
              <a:p>
                <a:pPr defTabSz="568391">
                  <a:spcAft>
                    <a:spcPts val="504"/>
                  </a:spcAft>
                </a:pPr>
                <a14:m>
                  <m:oMath xmlns:m="http://schemas.openxmlformats.org/officeDocument/2006/math">
                    <m:r>
                      <a:rPr lang="en-GB" sz="1344" i="1" kern="1200">
                        <a:solidFill>
                          <a:schemeClr val="tx1"/>
                        </a:solidFill>
                        <a:latin typeface="Cambria Math" panose="02040503050406030204" pitchFamily="18" charset="0"/>
                        <a:ea typeface="+mn-ea"/>
                        <a:cs typeface="+mn-cs"/>
                      </a:rPr>
                      <m:t>𝑑</m:t>
                    </m:r>
                    <m:r>
                      <a:rPr lang="en-GB" sz="1344" i="1" kern="1200">
                        <a:solidFill>
                          <a:schemeClr val="tx1"/>
                        </a:solidFill>
                        <a:latin typeface="Cambria Math" panose="02040503050406030204" pitchFamily="18" charset="0"/>
                        <a:ea typeface="+mn-ea"/>
                        <a:cs typeface="+mn-cs"/>
                      </a:rPr>
                      <m:t>𝜈</m:t>
                    </m:r>
                    <m:d>
                      <m:dPr>
                        <m:ctrlPr>
                          <a:rPr lang="en-GB" sz="1344" i="1" kern="1200">
                            <a:solidFill>
                              <a:schemeClr val="tx1"/>
                            </a:solidFill>
                            <a:latin typeface="Cambria Math" panose="02040503050406030204" pitchFamily="18" charset="0"/>
                            <a:ea typeface="+mn-ea"/>
                            <a:cs typeface="+mn-cs"/>
                          </a:rPr>
                        </m:ctrlPr>
                      </m:dPr>
                      <m:e>
                        <m:r>
                          <a:rPr lang="en-GB" sz="1344" i="1" kern="1200">
                            <a:solidFill>
                              <a:schemeClr val="tx1"/>
                            </a:solidFill>
                            <a:latin typeface="Cambria Math" panose="02040503050406030204" pitchFamily="18" charset="0"/>
                            <a:ea typeface="+mn-ea"/>
                            <a:cs typeface="+mn-cs"/>
                          </a:rPr>
                          <m:t>𝑡</m:t>
                        </m:r>
                      </m:e>
                    </m:d>
                    <m:r>
                      <a:rPr lang="en-GB" sz="1344" i="1" kern="1200">
                        <a:solidFill>
                          <a:schemeClr val="tx1"/>
                        </a:solidFill>
                        <a:latin typeface="Cambria Math" panose="02040503050406030204" pitchFamily="18" charset="0"/>
                        <a:ea typeface="+mn-ea"/>
                        <a:cs typeface="+mn-cs"/>
                      </a:rPr>
                      <m:t>=</m:t>
                    </m:r>
                    <m:r>
                      <a:rPr lang="en-GB" sz="1344" i="1" kern="1200">
                        <a:solidFill>
                          <a:schemeClr val="tx1"/>
                        </a:solidFill>
                        <a:highlight>
                          <a:srgbClr val="FFFF00"/>
                        </a:highlight>
                        <a:latin typeface="Cambria Math" panose="02040503050406030204" pitchFamily="18" charset="0"/>
                        <a:ea typeface="+mn-ea"/>
                        <a:cs typeface="+mn-cs"/>
                      </a:rPr>
                      <m:t>𝛼</m:t>
                    </m:r>
                    <m:d>
                      <m:dPr>
                        <m:ctrlPr>
                          <a:rPr lang="en-GB" sz="1344" i="1" kern="1200">
                            <a:solidFill>
                              <a:schemeClr val="tx1"/>
                            </a:solidFill>
                            <a:latin typeface="Cambria Math" panose="02040503050406030204" pitchFamily="18" charset="0"/>
                            <a:ea typeface="+mn-ea"/>
                            <a:cs typeface="+mn-cs"/>
                          </a:rPr>
                        </m:ctrlPr>
                      </m:dPr>
                      <m:e>
                        <m:r>
                          <a:rPr lang="en-GB" sz="1344" i="1" kern="1200">
                            <a:solidFill>
                              <a:schemeClr val="tx1"/>
                            </a:solidFill>
                            <a:highlight>
                              <a:srgbClr val="FFFF00"/>
                            </a:highlight>
                            <a:latin typeface="Cambria Math" panose="02040503050406030204" pitchFamily="18" charset="0"/>
                            <a:ea typeface="+mn-ea"/>
                            <a:cs typeface="+mn-cs"/>
                          </a:rPr>
                          <m:t>𝜃</m:t>
                        </m:r>
                        <m:r>
                          <a:rPr lang="en-GB" sz="1344" i="1" kern="1200">
                            <a:solidFill>
                              <a:schemeClr val="tx1"/>
                            </a:solidFill>
                            <a:latin typeface="Cambria Math" panose="02040503050406030204" pitchFamily="18" charset="0"/>
                            <a:ea typeface="+mn-ea"/>
                            <a:cs typeface="+mn-cs"/>
                          </a:rPr>
                          <m:t> −</m:t>
                        </m:r>
                        <m:r>
                          <a:rPr lang="en-GB" sz="1344" i="1" kern="1200">
                            <a:solidFill>
                              <a:schemeClr val="tx1"/>
                            </a:solidFill>
                            <a:latin typeface="Cambria Math" panose="02040503050406030204" pitchFamily="18" charset="0"/>
                            <a:ea typeface="+mn-ea"/>
                            <a:cs typeface="+mn-cs"/>
                          </a:rPr>
                          <m:t>𝜈</m:t>
                        </m:r>
                        <m:d>
                          <m:dPr>
                            <m:ctrlPr>
                              <a:rPr lang="en-GB" sz="1344" i="1" kern="1200">
                                <a:solidFill>
                                  <a:schemeClr val="tx1"/>
                                </a:solidFill>
                                <a:latin typeface="Cambria Math" panose="02040503050406030204" pitchFamily="18" charset="0"/>
                                <a:ea typeface="+mn-ea"/>
                                <a:cs typeface="+mn-cs"/>
                              </a:rPr>
                            </m:ctrlPr>
                          </m:dPr>
                          <m:e>
                            <m:r>
                              <a:rPr lang="en-GB" sz="1344" i="1" kern="1200">
                                <a:solidFill>
                                  <a:schemeClr val="tx1"/>
                                </a:solidFill>
                                <a:latin typeface="Cambria Math" panose="02040503050406030204" pitchFamily="18" charset="0"/>
                                <a:ea typeface="+mn-ea"/>
                                <a:cs typeface="+mn-cs"/>
                              </a:rPr>
                              <m:t>𝑡</m:t>
                            </m:r>
                          </m:e>
                        </m:d>
                      </m:e>
                    </m:d>
                    <m:r>
                      <a:rPr lang="en-GB" sz="1344" i="1" kern="1200">
                        <a:solidFill>
                          <a:schemeClr val="tx1"/>
                        </a:solidFill>
                        <a:latin typeface="Cambria Math" panose="02040503050406030204" pitchFamily="18" charset="0"/>
                        <a:ea typeface="+mn-ea"/>
                        <a:cs typeface="+mn-cs"/>
                      </a:rPr>
                      <m:t>𝑑𝑡</m:t>
                    </m:r>
                    <m:r>
                      <a:rPr lang="en-GB" sz="1344" i="1" kern="1200">
                        <a:solidFill>
                          <a:schemeClr val="tx1"/>
                        </a:solidFill>
                        <a:latin typeface="Cambria Math" panose="02040503050406030204" pitchFamily="18" charset="0"/>
                        <a:ea typeface="+mn-ea"/>
                        <a:cs typeface="+mn-cs"/>
                      </a:rPr>
                      <m:t>+</m:t>
                    </m:r>
                    <m:r>
                      <a:rPr lang="en-GB" sz="1344" i="1" kern="1200">
                        <a:solidFill>
                          <a:schemeClr val="tx1"/>
                        </a:solidFill>
                        <a:highlight>
                          <a:srgbClr val="FFFF00"/>
                        </a:highlight>
                        <a:latin typeface="Cambria Math" panose="02040503050406030204" pitchFamily="18" charset="0"/>
                        <a:ea typeface="+mn-ea"/>
                        <a:cs typeface="+mn-cs"/>
                      </a:rPr>
                      <m:t>𝜉</m:t>
                    </m:r>
                    <m:r>
                      <a:rPr lang="en-GB" sz="1344" i="1" kern="1200">
                        <a:solidFill>
                          <a:schemeClr val="tx1"/>
                        </a:solidFill>
                        <a:latin typeface="Cambria Math" panose="02040503050406030204" pitchFamily="18" charset="0"/>
                        <a:ea typeface="+mn-ea"/>
                        <a:cs typeface="+mn-cs"/>
                      </a:rPr>
                      <m:t> </m:t>
                    </m:r>
                    <m:rad>
                      <m:radPr>
                        <m:degHide m:val="on"/>
                        <m:ctrlPr>
                          <a:rPr lang="en-GB" sz="1344" i="1" kern="1200">
                            <a:solidFill>
                              <a:schemeClr val="tx1"/>
                            </a:solidFill>
                            <a:latin typeface="Cambria Math" panose="02040503050406030204" pitchFamily="18" charset="0"/>
                            <a:ea typeface="+mn-ea"/>
                            <a:cs typeface="+mn-cs"/>
                          </a:rPr>
                        </m:ctrlPr>
                      </m:radPr>
                      <m:deg/>
                      <m:e>
                        <m:r>
                          <a:rPr lang="en-GB" sz="1344" i="1" kern="1200">
                            <a:solidFill>
                              <a:schemeClr val="tx1"/>
                            </a:solidFill>
                            <a:latin typeface="Cambria Math" panose="02040503050406030204" pitchFamily="18" charset="0"/>
                            <a:ea typeface="+mn-ea"/>
                            <a:cs typeface="+mn-cs"/>
                          </a:rPr>
                          <m:t>𝜈</m:t>
                        </m:r>
                        <m:d>
                          <m:dPr>
                            <m:ctrlPr>
                              <a:rPr lang="en-GB" sz="1344" i="1" kern="1200">
                                <a:solidFill>
                                  <a:schemeClr val="tx1"/>
                                </a:solidFill>
                                <a:latin typeface="Cambria Math" panose="02040503050406030204" pitchFamily="18" charset="0"/>
                                <a:ea typeface="+mn-ea"/>
                                <a:cs typeface="+mn-cs"/>
                              </a:rPr>
                            </m:ctrlPr>
                          </m:dPr>
                          <m:e>
                            <m:r>
                              <a:rPr lang="en-GB" sz="1344" i="1" kern="1200">
                                <a:solidFill>
                                  <a:schemeClr val="tx1"/>
                                </a:solidFill>
                                <a:latin typeface="Cambria Math" panose="02040503050406030204" pitchFamily="18" charset="0"/>
                                <a:ea typeface="+mn-ea"/>
                                <a:cs typeface="+mn-cs"/>
                              </a:rPr>
                              <m:t>𝑡</m:t>
                            </m:r>
                          </m:e>
                        </m:d>
                      </m:e>
                    </m:rad>
                    <m:r>
                      <a:rPr lang="en-GB" sz="1344" i="1" kern="1200">
                        <a:solidFill>
                          <a:schemeClr val="tx1"/>
                        </a:solidFill>
                        <a:latin typeface="Cambria Math" panose="02040503050406030204" pitchFamily="18" charset="0"/>
                        <a:ea typeface="+mn-ea"/>
                        <a:cs typeface="+mn-cs"/>
                      </a:rPr>
                      <m:t> </m:t>
                    </m:r>
                    <m:r>
                      <a:rPr lang="en-GB" sz="1344" i="1" kern="1200">
                        <a:solidFill>
                          <a:schemeClr val="tx1"/>
                        </a:solidFill>
                        <a:latin typeface="Cambria Math" panose="02040503050406030204" pitchFamily="18" charset="0"/>
                        <a:ea typeface="+mn-ea"/>
                        <a:cs typeface="+mn-cs"/>
                      </a:rPr>
                      <m:t>𝑑</m:t>
                    </m:r>
                    <m:sSub>
                      <m:sSubPr>
                        <m:ctrlPr>
                          <a:rPr lang="en-GB" sz="1344" i="1" kern="1200">
                            <a:solidFill>
                              <a:schemeClr val="tx1"/>
                            </a:solidFill>
                            <a:latin typeface="Cambria Math" panose="02040503050406030204" pitchFamily="18" charset="0"/>
                            <a:ea typeface="+mn-ea"/>
                            <a:cs typeface="+mn-cs"/>
                          </a:rPr>
                        </m:ctrlPr>
                      </m:sSubPr>
                      <m:e>
                        <m:r>
                          <a:rPr lang="en-GB" sz="1344" i="1" kern="1200">
                            <a:solidFill>
                              <a:schemeClr val="tx1"/>
                            </a:solidFill>
                            <a:latin typeface="Cambria Math" panose="02040503050406030204" pitchFamily="18" charset="0"/>
                            <a:ea typeface="+mn-ea"/>
                            <a:cs typeface="+mn-cs"/>
                          </a:rPr>
                          <m:t>𝑊</m:t>
                        </m:r>
                      </m:e>
                      <m:sub>
                        <m:r>
                          <a:rPr lang="en-GB" sz="1344" i="1" kern="1200">
                            <a:solidFill>
                              <a:schemeClr val="tx1"/>
                            </a:solidFill>
                            <a:latin typeface="Cambria Math" panose="02040503050406030204" pitchFamily="18" charset="0"/>
                            <a:ea typeface="+mn-ea"/>
                            <a:cs typeface="+mn-cs"/>
                          </a:rPr>
                          <m:t>2</m:t>
                        </m:r>
                      </m:sub>
                    </m:sSub>
                  </m:oMath>
                </a14:m>
                <a:r>
                  <a:rPr lang="en-GB" sz="1344" kern="1200" dirty="0">
                    <a:solidFill>
                      <a:schemeClr val="tx1"/>
                    </a:solidFill>
                    <a:latin typeface="+mn-lt"/>
                    <a:ea typeface="+mn-ea"/>
                    <a:cs typeface="+mn-cs"/>
                  </a:rPr>
                  <a:t>,</a:t>
                </a:r>
                <a:endParaRPr lang="en-GB" sz="1600" dirty="0"/>
              </a:p>
            </p:txBody>
          </p:sp>
        </mc:Choice>
        <mc:Fallback xmlns="">
          <p:sp>
            <p:nvSpPr>
              <p:cNvPr id="21" name="TextBox 20">
                <a:extLst>
                  <a:ext uri="{FF2B5EF4-FFF2-40B4-BE49-F238E27FC236}">
                    <a16:creationId xmlns:a16="http://schemas.microsoft.com/office/drawing/2014/main" id="{DEA56F2A-5DDC-06E0-4027-2D27E2930064}"/>
                  </a:ext>
                </a:extLst>
              </p:cNvPr>
              <p:cNvSpPr txBox="1">
                <a:spLocks noRot="1" noChangeAspect="1" noMove="1" noResize="1" noEditPoints="1" noAdjustHandles="1" noChangeArrowheads="1" noChangeShapeType="1" noTextEdit="1"/>
              </p:cNvSpPr>
              <p:nvPr/>
            </p:nvSpPr>
            <p:spPr>
              <a:xfrm>
                <a:off x="6243911" y="3493348"/>
                <a:ext cx="3275579" cy="259169"/>
              </a:xfrm>
              <a:prstGeom prst="rect">
                <a:avLst/>
              </a:prstGeom>
              <a:blipFill>
                <a:blip r:embed="rId7"/>
                <a:stretch>
                  <a:fillRect l="-1859" t="-6977" b="-34884"/>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448F9185-BF37-6A86-281C-1D72113C9A40}"/>
                  </a:ext>
                </a:extLst>
              </p:cNvPr>
              <p:cNvSpPr txBox="1"/>
              <p:nvPr/>
            </p:nvSpPr>
            <p:spPr>
              <a:xfrm>
                <a:off x="4207933" y="4114647"/>
                <a:ext cx="7347536" cy="712887"/>
              </a:xfrm>
              <a:prstGeom prst="rect">
                <a:avLst/>
              </a:prstGeom>
              <a:noFill/>
            </p:spPr>
            <p:txBody>
              <a:bodyPr wrap="square" rtlCol="0">
                <a:spAutoFit/>
              </a:bodyPr>
              <a:lstStyle/>
              <a:p>
                <a:pPr defTabSz="568391">
                  <a:spcAft>
                    <a:spcPts val="504"/>
                  </a:spcAft>
                </a:pPr>
                <a:r>
                  <a:rPr lang="en-GB" sz="1344" i="1" kern="1200" dirty="0">
                    <a:solidFill>
                      <a:schemeClr val="tx1"/>
                    </a:solidFill>
                    <a:latin typeface="+mn-lt"/>
                    <a:ea typeface="+mn-ea"/>
                    <a:cs typeface="+mn-cs"/>
                  </a:rPr>
                  <a:t>where </a:t>
                </a:r>
                <a14:m>
                  <m:oMath xmlns:m="http://schemas.openxmlformats.org/officeDocument/2006/math">
                    <m:r>
                      <a:rPr lang="en-GB" sz="1344" i="1" kern="1200">
                        <a:solidFill>
                          <a:schemeClr val="tx1"/>
                        </a:solidFill>
                        <a:latin typeface="Cambria Math" panose="02040503050406030204" pitchFamily="18" charset="0"/>
                        <a:ea typeface="+mn-ea"/>
                        <a:cs typeface="+mn-cs"/>
                      </a:rPr>
                      <m:t>𝜃</m:t>
                    </m:r>
                  </m:oMath>
                </a14:m>
                <a:r>
                  <a:rPr lang="en-GB" sz="1344" i="1" kern="1200" dirty="0">
                    <a:solidFill>
                      <a:schemeClr val="tx1"/>
                    </a:solidFill>
                    <a:latin typeface="+mn-lt"/>
                    <a:ea typeface="+mn-ea"/>
                    <a:cs typeface="+mn-cs"/>
                  </a:rPr>
                  <a:t> is the mean reversion level, </a:t>
                </a:r>
                <a14:m>
                  <m:oMath xmlns:m="http://schemas.openxmlformats.org/officeDocument/2006/math">
                    <m:r>
                      <a:rPr lang="en-GB" sz="1344" i="1" kern="1200">
                        <a:solidFill>
                          <a:schemeClr val="tx1"/>
                        </a:solidFill>
                        <a:latin typeface="Cambria Math" panose="02040503050406030204" pitchFamily="18" charset="0"/>
                        <a:ea typeface="+mn-ea"/>
                        <a:cs typeface="+mn-cs"/>
                      </a:rPr>
                      <m:t>𝛼</m:t>
                    </m:r>
                  </m:oMath>
                </a14:m>
                <a:r>
                  <a:rPr lang="en-GB" sz="1344" i="1" kern="1200" dirty="0">
                    <a:solidFill>
                      <a:schemeClr val="tx1"/>
                    </a:solidFill>
                    <a:latin typeface="+mn-lt"/>
                    <a:ea typeface="+mn-ea"/>
                    <a:cs typeface="+mn-cs"/>
                  </a:rPr>
                  <a:t> is the speed of the mean reversion, </a:t>
                </a:r>
                <a14:m>
                  <m:oMath xmlns:m="http://schemas.openxmlformats.org/officeDocument/2006/math">
                    <m:r>
                      <a:rPr lang="en-GB" sz="1344" i="1" kern="1200">
                        <a:solidFill>
                          <a:schemeClr val="tx1"/>
                        </a:solidFill>
                        <a:latin typeface="Cambria Math" panose="02040503050406030204" pitchFamily="18" charset="0"/>
                        <a:ea typeface="+mn-ea"/>
                        <a:cs typeface="+mn-cs"/>
                      </a:rPr>
                      <m:t>𝜉</m:t>
                    </m:r>
                  </m:oMath>
                </a14:m>
                <a:r>
                  <a:rPr lang="en-GB" sz="1344" i="1" kern="1200" dirty="0">
                    <a:solidFill>
                      <a:schemeClr val="tx1"/>
                    </a:solidFill>
                    <a:latin typeface="+mn-lt"/>
                    <a:ea typeface="+mn-ea"/>
                    <a:cs typeface="+mn-cs"/>
                  </a:rPr>
                  <a:t> is the volatility of variance and </a:t>
                </a:r>
                <a14:m>
                  <m:oMath xmlns:m="http://schemas.openxmlformats.org/officeDocument/2006/math">
                    <m:r>
                      <a:rPr lang="en-GB" sz="1344" i="1" kern="1200">
                        <a:solidFill>
                          <a:schemeClr val="tx1"/>
                        </a:solidFill>
                        <a:latin typeface="Cambria Math" panose="02040503050406030204" pitchFamily="18" charset="0"/>
                        <a:ea typeface="+mn-ea"/>
                        <a:cs typeface="+mn-cs"/>
                      </a:rPr>
                      <m:t>𝑑</m:t>
                    </m:r>
                    <m:sSub>
                      <m:sSubPr>
                        <m:ctrlPr>
                          <a:rPr lang="en-GB" sz="1344" i="1" kern="1200">
                            <a:solidFill>
                              <a:schemeClr val="tx1"/>
                            </a:solidFill>
                            <a:latin typeface="Cambria Math" panose="02040503050406030204" pitchFamily="18" charset="0"/>
                            <a:ea typeface="+mn-ea"/>
                            <a:cs typeface="+mn-cs"/>
                          </a:rPr>
                        </m:ctrlPr>
                      </m:sSubPr>
                      <m:e>
                        <m:r>
                          <a:rPr lang="en-GB" sz="1344" i="1" kern="1200">
                            <a:solidFill>
                              <a:schemeClr val="tx1"/>
                            </a:solidFill>
                            <a:latin typeface="Cambria Math" panose="02040503050406030204" pitchFamily="18" charset="0"/>
                            <a:ea typeface="+mn-ea"/>
                            <a:cs typeface="+mn-cs"/>
                          </a:rPr>
                          <m:t>𝑊</m:t>
                        </m:r>
                      </m:e>
                      <m:sub>
                        <m:r>
                          <a:rPr lang="en-GB" sz="1344" i="1" kern="1200">
                            <a:solidFill>
                              <a:schemeClr val="tx1"/>
                            </a:solidFill>
                            <a:latin typeface="Cambria Math" panose="02040503050406030204" pitchFamily="18" charset="0"/>
                            <a:ea typeface="+mn-ea"/>
                            <a:cs typeface="+mn-cs"/>
                          </a:rPr>
                          <m:t>2</m:t>
                        </m:r>
                      </m:sub>
                    </m:sSub>
                  </m:oMath>
                </a14:m>
                <a:r>
                  <a:rPr lang="en-GB" sz="1344" i="1" kern="1200" dirty="0">
                    <a:solidFill>
                      <a:schemeClr val="tx1"/>
                    </a:solidFill>
                    <a:latin typeface="+mn-lt"/>
                    <a:ea typeface="+mn-ea"/>
                    <a:cs typeface="+mn-cs"/>
                  </a:rPr>
                  <a:t> is another random Wiener process. The two Wiener processes are correlated with correlation value </a:t>
                </a:r>
                <a14:m>
                  <m:oMath xmlns:m="http://schemas.openxmlformats.org/officeDocument/2006/math">
                    <m:r>
                      <a:rPr lang="en-GB" sz="1344" i="1" kern="1200">
                        <a:solidFill>
                          <a:schemeClr val="tx1"/>
                        </a:solidFill>
                        <a:latin typeface="Cambria Math" panose="02040503050406030204" pitchFamily="18" charset="0"/>
                        <a:ea typeface="+mn-ea"/>
                        <a:cs typeface="+mn-cs"/>
                      </a:rPr>
                      <m:t>𝜌</m:t>
                    </m:r>
                  </m:oMath>
                </a14:m>
                <a:r>
                  <a:rPr lang="en-GB" sz="1344" i="1" kern="1200" dirty="0">
                    <a:solidFill>
                      <a:schemeClr val="tx1"/>
                    </a:solidFill>
                    <a:latin typeface="+mn-lt"/>
                    <a:ea typeface="+mn-ea"/>
                    <a:cs typeface="+mn-cs"/>
                  </a:rPr>
                  <a:t>, we write it to be:</a:t>
                </a:r>
                <a:endParaRPr lang="en-GB" sz="1600" i="1" dirty="0"/>
              </a:p>
            </p:txBody>
          </p:sp>
        </mc:Choice>
        <mc:Fallback xmlns="">
          <p:sp>
            <p:nvSpPr>
              <p:cNvPr id="22" name="TextBox 21">
                <a:extLst>
                  <a:ext uri="{FF2B5EF4-FFF2-40B4-BE49-F238E27FC236}">
                    <a16:creationId xmlns:a16="http://schemas.microsoft.com/office/drawing/2014/main" id="{448F9185-BF37-6A86-281C-1D72113C9A40}"/>
                  </a:ext>
                </a:extLst>
              </p:cNvPr>
              <p:cNvSpPr txBox="1">
                <a:spLocks noRot="1" noChangeAspect="1" noMove="1" noResize="1" noEditPoints="1" noAdjustHandles="1" noChangeArrowheads="1" noChangeShapeType="1" noTextEdit="1"/>
              </p:cNvSpPr>
              <p:nvPr/>
            </p:nvSpPr>
            <p:spPr>
              <a:xfrm>
                <a:off x="4207933" y="4114647"/>
                <a:ext cx="7347536" cy="712887"/>
              </a:xfrm>
              <a:prstGeom prst="rect">
                <a:avLst/>
              </a:prstGeom>
              <a:blipFill>
                <a:blip r:embed="rId8"/>
                <a:stretch>
                  <a:fillRect l="-166" t="-1709" b="-7692"/>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23" name="TextBox 22">
                <a:extLst>
                  <a:ext uri="{FF2B5EF4-FFF2-40B4-BE49-F238E27FC236}">
                    <a16:creationId xmlns:a16="http://schemas.microsoft.com/office/drawing/2014/main" id="{E21B3C9D-9658-BF18-E355-621643B87657}"/>
                  </a:ext>
                </a:extLst>
              </p:cNvPr>
              <p:cNvSpPr txBox="1"/>
              <p:nvPr/>
            </p:nvSpPr>
            <p:spPr>
              <a:xfrm>
                <a:off x="6882978" y="5175951"/>
                <a:ext cx="1997445" cy="207162"/>
              </a:xfrm>
              <a:prstGeom prst="rect">
                <a:avLst/>
              </a:prstGeom>
              <a:noFill/>
            </p:spPr>
            <p:txBody>
              <a:bodyPr wrap="square" lIns="0" tIns="0" rIns="0" bIns="0" rtlCol="0">
                <a:spAutoFit/>
              </a:bodyPr>
              <a:lstStyle/>
              <a:p>
                <a:pPr defTabSz="568391">
                  <a:spcAft>
                    <a:spcPts val="504"/>
                  </a:spcAft>
                </a:pPr>
                <a14:m>
                  <m:oMath xmlns:m="http://schemas.openxmlformats.org/officeDocument/2006/math">
                    <m:r>
                      <a:rPr lang="en-GB" sz="1344" i="1" kern="1200">
                        <a:solidFill>
                          <a:schemeClr val="tx1"/>
                        </a:solidFill>
                        <a:latin typeface="Cambria Math" panose="02040503050406030204" pitchFamily="18" charset="0"/>
                        <a:ea typeface="+mn-ea"/>
                        <a:cs typeface="+mn-cs"/>
                      </a:rPr>
                      <m:t>𝑑</m:t>
                    </m:r>
                    <m:sSub>
                      <m:sSubPr>
                        <m:ctrlPr>
                          <a:rPr lang="en-GB" sz="1344" i="1" kern="1200">
                            <a:solidFill>
                              <a:schemeClr val="tx1"/>
                            </a:solidFill>
                            <a:latin typeface="Cambria Math" panose="02040503050406030204" pitchFamily="18" charset="0"/>
                            <a:ea typeface="+mn-ea"/>
                            <a:cs typeface="+mn-cs"/>
                          </a:rPr>
                        </m:ctrlPr>
                      </m:sSubPr>
                      <m:e>
                        <m:d>
                          <m:dPr>
                            <m:begChr m:val="["/>
                            <m:endChr m:val="]"/>
                            <m:ctrlPr>
                              <a:rPr lang="en-GB" sz="1344" i="1" kern="1200">
                                <a:solidFill>
                                  <a:schemeClr val="tx1"/>
                                </a:solidFill>
                                <a:latin typeface="Cambria Math" panose="02040503050406030204" pitchFamily="18" charset="0"/>
                                <a:ea typeface="+mn-ea"/>
                                <a:cs typeface="+mn-cs"/>
                              </a:rPr>
                            </m:ctrlPr>
                          </m:dPr>
                          <m:e>
                            <m:sSup>
                              <m:sSupPr>
                                <m:ctrlPr>
                                  <a:rPr lang="en-GB" sz="1344" i="1" kern="1200">
                                    <a:solidFill>
                                      <a:schemeClr val="tx1"/>
                                    </a:solidFill>
                                    <a:latin typeface="Cambria Math" panose="02040503050406030204" pitchFamily="18" charset="0"/>
                                    <a:ea typeface="+mn-ea"/>
                                    <a:cs typeface="+mn-cs"/>
                                  </a:rPr>
                                </m:ctrlPr>
                              </m:sSupPr>
                              <m:e>
                                <m:r>
                                  <a:rPr lang="en-GB" sz="1344" i="1" kern="1200">
                                    <a:solidFill>
                                      <a:schemeClr val="tx1"/>
                                    </a:solidFill>
                                    <a:latin typeface="Cambria Math" panose="02040503050406030204" pitchFamily="18" charset="0"/>
                                    <a:ea typeface="+mn-ea"/>
                                    <a:cs typeface="+mn-cs"/>
                                  </a:rPr>
                                  <m:t>𝑊</m:t>
                                </m:r>
                              </m:e>
                              <m:sup>
                                <m:r>
                                  <a:rPr lang="en-GB" sz="1344" i="1" kern="1200">
                                    <a:solidFill>
                                      <a:schemeClr val="tx1"/>
                                    </a:solidFill>
                                    <a:latin typeface="Cambria Math" panose="02040503050406030204" pitchFamily="18" charset="0"/>
                                    <a:ea typeface="+mn-ea"/>
                                    <a:cs typeface="+mn-cs"/>
                                  </a:rPr>
                                  <m:t>1</m:t>
                                </m:r>
                              </m:sup>
                            </m:sSup>
                            <m:r>
                              <a:rPr lang="en-GB" sz="1344" i="1" kern="1200">
                                <a:solidFill>
                                  <a:schemeClr val="tx1"/>
                                </a:solidFill>
                                <a:latin typeface="Cambria Math" panose="02040503050406030204" pitchFamily="18" charset="0"/>
                                <a:ea typeface="+mn-ea"/>
                                <a:cs typeface="+mn-cs"/>
                              </a:rPr>
                              <m:t>,</m:t>
                            </m:r>
                            <m:sSup>
                              <m:sSupPr>
                                <m:ctrlPr>
                                  <a:rPr lang="en-GB" sz="1344" i="1" kern="1200">
                                    <a:solidFill>
                                      <a:schemeClr val="tx1"/>
                                    </a:solidFill>
                                    <a:latin typeface="Cambria Math" panose="02040503050406030204" pitchFamily="18" charset="0"/>
                                    <a:ea typeface="+mn-ea"/>
                                    <a:cs typeface="+mn-cs"/>
                                  </a:rPr>
                                </m:ctrlPr>
                              </m:sSupPr>
                              <m:e>
                                <m:r>
                                  <a:rPr lang="en-GB" sz="1344" i="1" kern="1200">
                                    <a:solidFill>
                                      <a:schemeClr val="tx1"/>
                                    </a:solidFill>
                                    <a:latin typeface="Cambria Math" panose="02040503050406030204" pitchFamily="18" charset="0"/>
                                    <a:ea typeface="+mn-ea"/>
                                    <a:cs typeface="+mn-cs"/>
                                  </a:rPr>
                                  <m:t>𝑊</m:t>
                                </m:r>
                              </m:e>
                              <m:sup>
                                <m:r>
                                  <a:rPr lang="en-GB" sz="1344" i="1" kern="1200">
                                    <a:solidFill>
                                      <a:schemeClr val="tx1"/>
                                    </a:solidFill>
                                    <a:latin typeface="Cambria Math" panose="02040503050406030204" pitchFamily="18" charset="0"/>
                                    <a:ea typeface="+mn-ea"/>
                                    <a:cs typeface="+mn-cs"/>
                                  </a:rPr>
                                  <m:t>2</m:t>
                                </m:r>
                              </m:sup>
                            </m:sSup>
                          </m:e>
                        </m:d>
                      </m:e>
                      <m:sub>
                        <m:r>
                          <a:rPr lang="en-GB" sz="1344" i="1" kern="1200">
                            <a:solidFill>
                              <a:schemeClr val="tx1"/>
                            </a:solidFill>
                            <a:latin typeface="Cambria Math" panose="02040503050406030204" pitchFamily="18" charset="0"/>
                            <a:ea typeface="+mn-ea"/>
                            <a:cs typeface="+mn-cs"/>
                          </a:rPr>
                          <m:t>𝑡</m:t>
                        </m:r>
                      </m:sub>
                    </m:sSub>
                    <m:r>
                      <a:rPr lang="en-GB" sz="1344" i="1" kern="1200">
                        <a:solidFill>
                          <a:schemeClr val="tx1"/>
                        </a:solidFill>
                        <a:latin typeface="Cambria Math" panose="02040503050406030204" pitchFamily="18" charset="0"/>
                        <a:ea typeface="+mn-ea"/>
                        <a:cs typeface="+mn-cs"/>
                      </a:rPr>
                      <m:t>=</m:t>
                    </m:r>
                    <m:r>
                      <a:rPr lang="en-GB" sz="1344" i="1" kern="1200">
                        <a:solidFill>
                          <a:schemeClr val="tx1"/>
                        </a:solidFill>
                        <a:highlight>
                          <a:srgbClr val="FFFF00"/>
                        </a:highlight>
                        <a:latin typeface="Cambria Math" panose="02040503050406030204" pitchFamily="18" charset="0"/>
                        <a:ea typeface="+mn-ea"/>
                        <a:cs typeface="+mn-cs"/>
                      </a:rPr>
                      <m:t>𝜌</m:t>
                    </m:r>
                    <m:r>
                      <a:rPr lang="en-GB" sz="1344" i="1" kern="1200">
                        <a:solidFill>
                          <a:schemeClr val="tx1"/>
                        </a:solidFill>
                        <a:latin typeface="Cambria Math" panose="02040503050406030204" pitchFamily="18" charset="0"/>
                        <a:ea typeface="+mn-ea"/>
                        <a:cs typeface="+mn-cs"/>
                      </a:rPr>
                      <m:t> </m:t>
                    </m:r>
                    <m:r>
                      <a:rPr lang="en-GB" sz="1344" i="1" kern="1200">
                        <a:solidFill>
                          <a:schemeClr val="tx1"/>
                        </a:solidFill>
                        <a:latin typeface="Cambria Math" panose="02040503050406030204" pitchFamily="18" charset="0"/>
                        <a:ea typeface="+mn-ea"/>
                        <a:cs typeface="+mn-cs"/>
                      </a:rPr>
                      <m:t>𝑑𝑡</m:t>
                    </m:r>
                  </m:oMath>
                </a14:m>
                <a:r>
                  <a:rPr lang="en-GB" sz="1344" kern="1200" dirty="0">
                    <a:solidFill>
                      <a:schemeClr val="tx1"/>
                    </a:solidFill>
                    <a:latin typeface="+mn-lt"/>
                    <a:ea typeface="+mn-ea"/>
                    <a:cs typeface="+mn-cs"/>
                  </a:rPr>
                  <a:t>.</a:t>
                </a:r>
                <a:endParaRPr lang="en-GB" sz="1600" dirty="0"/>
              </a:p>
            </p:txBody>
          </p:sp>
        </mc:Choice>
        <mc:Fallback xmlns="">
          <p:sp>
            <p:nvSpPr>
              <p:cNvPr id="23" name="TextBox 22">
                <a:extLst>
                  <a:ext uri="{FF2B5EF4-FFF2-40B4-BE49-F238E27FC236}">
                    <a16:creationId xmlns:a16="http://schemas.microsoft.com/office/drawing/2014/main" id="{E21B3C9D-9658-BF18-E355-621643B87657}"/>
                  </a:ext>
                </a:extLst>
              </p:cNvPr>
              <p:cNvSpPr txBox="1">
                <a:spLocks noRot="1" noChangeAspect="1" noMove="1" noResize="1" noEditPoints="1" noAdjustHandles="1" noChangeArrowheads="1" noChangeShapeType="1" noTextEdit="1"/>
              </p:cNvSpPr>
              <p:nvPr/>
            </p:nvSpPr>
            <p:spPr>
              <a:xfrm>
                <a:off x="6882978" y="5175951"/>
                <a:ext cx="1997445" cy="207162"/>
              </a:xfrm>
              <a:prstGeom prst="rect">
                <a:avLst/>
              </a:prstGeom>
              <a:blipFill>
                <a:blip r:embed="rId9"/>
                <a:stretch>
                  <a:fillRect l="-3049" t="-26471" b="-5294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24" name="TextBox 23">
                <a:extLst>
                  <a:ext uri="{FF2B5EF4-FFF2-40B4-BE49-F238E27FC236}">
                    <a16:creationId xmlns:a16="http://schemas.microsoft.com/office/drawing/2014/main" id="{86C9EC1F-4A69-78AD-6647-400A36E75F9D}"/>
                  </a:ext>
                </a:extLst>
              </p:cNvPr>
              <p:cNvSpPr txBox="1"/>
              <p:nvPr/>
            </p:nvSpPr>
            <p:spPr>
              <a:xfrm>
                <a:off x="634278" y="4077395"/>
                <a:ext cx="3248026" cy="1938992"/>
              </a:xfrm>
              <a:prstGeom prst="rect">
                <a:avLst/>
              </a:prstGeom>
              <a:noFill/>
            </p:spPr>
            <p:txBody>
              <a:bodyPr wrap="square" rtlCol="0">
                <a:spAutoFit/>
              </a:bodyPr>
              <a:lstStyle/>
              <a:p>
                <a:pPr marL="285750" indent="-285750">
                  <a:buFont typeface="Arial" panose="020B0604020202020204" pitchFamily="34" charset="0"/>
                  <a:buChar char="•"/>
                </a:pPr>
                <a14:m>
                  <m:oMath xmlns:m="http://schemas.openxmlformats.org/officeDocument/2006/math">
                    <m:r>
                      <a:rPr lang="en-GB" sz="1200" b="0" i="1" smtClean="0">
                        <a:latin typeface="Cambria Math" panose="02040503050406030204" pitchFamily="18" charset="0"/>
                      </a:rPr>
                      <m:t>𝜃</m:t>
                    </m:r>
                  </m:oMath>
                </a14:m>
                <a:r>
                  <a:rPr lang="en-GB" sz="1200" i="1" dirty="0">
                    <a:latin typeface="Arial" panose="020B0604020202020204" pitchFamily="34" charset="0"/>
                    <a:cs typeface="Arial" panose="020B0604020202020204" pitchFamily="34" charset="0"/>
                  </a:rPr>
                  <a:t> is the mean reversion level of the volatility process,</a:t>
                </a:r>
              </a:p>
              <a:p>
                <a:pPr marL="285750" indent="-285750">
                  <a:buFont typeface="Arial" panose="020B0604020202020204" pitchFamily="34" charset="0"/>
                  <a:buChar char="•"/>
                </a:pPr>
                <a14:m>
                  <m:oMath xmlns:m="http://schemas.openxmlformats.org/officeDocument/2006/math">
                    <m:r>
                      <a:rPr lang="en-GB" sz="1200" b="0" i="1" smtClean="0">
                        <a:latin typeface="Cambria Math" panose="02040503050406030204" pitchFamily="18" charset="0"/>
                      </a:rPr>
                      <m:t>𝛼</m:t>
                    </m:r>
                    <m:r>
                      <a:rPr lang="en-GB" sz="1200" b="0" i="1" smtClean="0">
                        <a:latin typeface="Cambria Math" panose="02040503050406030204" pitchFamily="18" charset="0"/>
                      </a:rPr>
                      <m:t> </m:t>
                    </m:r>
                  </m:oMath>
                </a14:m>
                <a:r>
                  <a:rPr lang="en-GB" sz="1200" b="0" i="1" dirty="0"/>
                  <a:t>is the speed of mean reversion of the volatility process,</a:t>
                </a:r>
              </a:p>
              <a:p>
                <a:pPr marL="285750" indent="-285750">
                  <a:buFont typeface="Arial" panose="020B0604020202020204" pitchFamily="34" charset="0"/>
                  <a:buChar char="•"/>
                </a:pPr>
                <a14:m>
                  <m:oMath xmlns:m="http://schemas.openxmlformats.org/officeDocument/2006/math">
                    <m:r>
                      <a:rPr lang="en-GB" sz="1200" b="0" i="1" smtClean="0">
                        <a:latin typeface="Cambria Math" panose="02040503050406030204" pitchFamily="18" charset="0"/>
                      </a:rPr>
                      <m:t>𝜉</m:t>
                    </m:r>
                    <m:r>
                      <a:rPr lang="en-GB" sz="1200" b="0" i="1" smtClean="0">
                        <a:latin typeface="Cambria Math" panose="02040503050406030204" pitchFamily="18" charset="0"/>
                      </a:rPr>
                      <m:t> </m:t>
                    </m:r>
                  </m:oMath>
                </a14:m>
                <a:r>
                  <a:rPr lang="en-GB" sz="1200" i="1" dirty="0">
                    <a:cs typeface="Arial" panose="020B0604020202020204" pitchFamily="34" charset="0"/>
                  </a:rPr>
                  <a:t>is the volatility of variance of the volatility process,</a:t>
                </a:r>
              </a:p>
              <a:p>
                <a:pPr marL="285750" indent="-285750">
                  <a:buFont typeface="Arial" panose="020B0604020202020204" pitchFamily="34" charset="0"/>
                  <a:buChar char="•"/>
                </a:pPr>
                <a14:m>
                  <m:oMath xmlns:m="http://schemas.openxmlformats.org/officeDocument/2006/math">
                    <m:r>
                      <a:rPr lang="en-GB" sz="1200" b="0" i="1" smtClean="0">
                        <a:latin typeface="Cambria Math" panose="02040503050406030204" pitchFamily="18" charset="0"/>
                        <a:cs typeface="Arial" panose="020B0604020202020204" pitchFamily="34" charset="0"/>
                      </a:rPr>
                      <m:t>𝜌</m:t>
                    </m:r>
                  </m:oMath>
                </a14:m>
                <a:r>
                  <a:rPr lang="en-GB" sz="1200" i="1" dirty="0">
                    <a:cs typeface="Arial" panose="020B0604020202020204" pitchFamily="34" charset="0"/>
                  </a:rPr>
                  <a:t> is the correlation of two Wiener processes,</a:t>
                </a:r>
              </a:p>
              <a:p>
                <a:pPr marL="285750" indent="-285750">
                  <a:buFont typeface="Arial" panose="020B0604020202020204" pitchFamily="34" charset="0"/>
                  <a:buChar char="•"/>
                </a:pPr>
                <a14:m>
                  <m:oMath xmlns:m="http://schemas.openxmlformats.org/officeDocument/2006/math">
                    <m:sSub>
                      <m:sSubPr>
                        <m:ctrlPr>
                          <a:rPr lang="en-GB" sz="1200" b="0" i="1" smtClean="0">
                            <a:latin typeface="Cambria Math" panose="02040503050406030204" pitchFamily="18" charset="0"/>
                            <a:cs typeface="Arial" panose="020B0604020202020204" pitchFamily="34" charset="0"/>
                          </a:rPr>
                        </m:ctrlPr>
                      </m:sSubPr>
                      <m:e>
                        <m:r>
                          <a:rPr lang="en-GB" sz="1200" b="0" i="1" smtClean="0">
                            <a:latin typeface="Cambria Math" panose="02040503050406030204" pitchFamily="18" charset="0"/>
                            <a:cs typeface="Arial" panose="020B0604020202020204" pitchFamily="34" charset="0"/>
                          </a:rPr>
                          <m:t>𝜈</m:t>
                        </m:r>
                      </m:e>
                      <m:sub>
                        <m:r>
                          <a:rPr lang="en-GB" sz="1200" b="0" i="1" smtClean="0">
                            <a:latin typeface="Cambria Math" panose="02040503050406030204" pitchFamily="18" charset="0"/>
                            <a:cs typeface="Arial" panose="020B0604020202020204" pitchFamily="34" charset="0"/>
                          </a:rPr>
                          <m:t>0</m:t>
                        </m:r>
                      </m:sub>
                    </m:sSub>
                  </m:oMath>
                </a14:m>
                <a:r>
                  <a:rPr lang="en-GB" sz="1200" i="1" dirty="0">
                    <a:cs typeface="Arial" panose="020B0604020202020204" pitchFamily="34" charset="0"/>
                  </a:rPr>
                  <a:t> is the initial value of the volatility process.</a:t>
                </a:r>
              </a:p>
            </p:txBody>
          </p:sp>
        </mc:Choice>
        <mc:Fallback xmlns="">
          <p:sp>
            <p:nvSpPr>
              <p:cNvPr id="24" name="TextBox 23">
                <a:extLst>
                  <a:ext uri="{FF2B5EF4-FFF2-40B4-BE49-F238E27FC236}">
                    <a16:creationId xmlns:a16="http://schemas.microsoft.com/office/drawing/2014/main" id="{86C9EC1F-4A69-78AD-6647-400A36E75F9D}"/>
                  </a:ext>
                </a:extLst>
              </p:cNvPr>
              <p:cNvSpPr txBox="1">
                <a:spLocks noRot="1" noChangeAspect="1" noMove="1" noResize="1" noEditPoints="1" noAdjustHandles="1" noChangeArrowheads="1" noChangeShapeType="1" noTextEdit="1"/>
              </p:cNvSpPr>
              <p:nvPr/>
            </p:nvSpPr>
            <p:spPr>
              <a:xfrm>
                <a:off x="634278" y="4077395"/>
                <a:ext cx="3248026" cy="1938992"/>
              </a:xfrm>
              <a:prstGeom prst="rect">
                <a:avLst/>
              </a:prstGeom>
              <a:blipFill>
                <a:blip r:embed="rId10"/>
                <a:stretch>
                  <a:fillRect t="-629" b="-1258"/>
                </a:stretch>
              </a:blipFill>
            </p:spPr>
            <p:txBody>
              <a:bodyPr/>
              <a:lstStyle/>
              <a:p>
                <a:r>
                  <a:rPr lang="en-GB">
                    <a:noFill/>
                  </a:rPr>
                  <a:t> </a:t>
                </a:r>
              </a:p>
            </p:txBody>
          </p:sp>
        </mc:Fallback>
      </mc:AlternateContent>
      <p:grpSp>
        <p:nvGrpSpPr>
          <p:cNvPr id="37" name="Group_45200.7089351852030194">
            <a:extLst>
              <a:ext uri="{FF2B5EF4-FFF2-40B4-BE49-F238E27FC236}">
                <a16:creationId xmlns:a16="http://schemas.microsoft.com/office/drawing/2014/main" id="{96FA327A-E6A7-BB92-37B2-19656E03F91D}"/>
              </a:ext>
            </a:extLst>
          </p:cNvPr>
          <p:cNvGrpSpPr/>
          <p:nvPr/>
        </p:nvGrpSpPr>
        <p:grpSpPr>
          <a:xfrm>
            <a:off x="838200" y="3660135"/>
            <a:ext cx="370206" cy="425961"/>
            <a:chOff x="4540460" y="2116349"/>
            <a:chExt cx="3351203" cy="4005403"/>
          </a:xfrm>
        </p:grpSpPr>
        <p:sp>
          <p:nvSpPr>
            <p:cNvPr id="38" name="Turton | Freeform | ID: 401_0">
              <a:extLst>
                <a:ext uri="{FF2B5EF4-FFF2-40B4-BE49-F238E27FC236}">
                  <a16:creationId xmlns:a16="http://schemas.microsoft.com/office/drawing/2014/main" id="{8D4205C4-D2A3-757E-1755-54268144CE48}"/>
                </a:ext>
              </a:extLst>
            </p:cNvPr>
            <p:cNvSpPr>
              <a:spLocks noChangeAspect="1"/>
            </p:cNvSpPr>
            <p:nvPr/>
          </p:nvSpPr>
          <p:spPr>
            <a:xfrm rot="18900000">
              <a:off x="7318079" y="4239773"/>
              <a:ext cx="573584" cy="1881979"/>
            </a:xfrm>
            <a:custGeom>
              <a:avLst/>
              <a:gdLst>
                <a:gd name="connsiteX0" fmla="*/ 161926 w 638175"/>
                <a:gd name="connsiteY0" fmla="*/ 0 h 2093910"/>
                <a:gd name="connsiteX1" fmla="*/ 319090 w 638175"/>
                <a:gd name="connsiteY1" fmla="*/ 7936 h 2093910"/>
                <a:gd name="connsiteX2" fmla="*/ 476251 w 638175"/>
                <a:gd name="connsiteY2" fmla="*/ 0 h 2093910"/>
                <a:gd name="connsiteX3" fmla="*/ 476251 w 638175"/>
                <a:gd name="connsiteY3" fmla="*/ 703260 h 2093910"/>
                <a:gd name="connsiteX4" fmla="*/ 636095 w 638175"/>
                <a:gd name="connsiteY4" fmla="*/ 703260 h 2093910"/>
                <a:gd name="connsiteX5" fmla="*/ 638175 w 638175"/>
                <a:gd name="connsiteY5" fmla="*/ 723897 h 2093910"/>
                <a:gd name="connsiteX6" fmla="*/ 638175 w 638175"/>
                <a:gd name="connsiteY6" fmla="*/ 1892298 h 2093910"/>
                <a:gd name="connsiteX7" fmla="*/ 436563 w 638175"/>
                <a:gd name="connsiteY7" fmla="*/ 2093910 h 2093910"/>
                <a:gd name="connsiteX8" fmla="*/ 201612 w 638175"/>
                <a:gd name="connsiteY8" fmla="*/ 2093910 h 2093910"/>
                <a:gd name="connsiteX9" fmla="*/ 0 w 638175"/>
                <a:gd name="connsiteY9" fmla="*/ 1892298 h 2093910"/>
                <a:gd name="connsiteX10" fmla="*/ 0 w 638175"/>
                <a:gd name="connsiteY10" fmla="*/ 723897 h 2093910"/>
                <a:gd name="connsiteX11" fmla="*/ 2081 w 638175"/>
                <a:gd name="connsiteY11" fmla="*/ 703260 h 2093910"/>
                <a:gd name="connsiteX12" fmla="*/ 161926 w 638175"/>
                <a:gd name="connsiteY12" fmla="*/ 703260 h 2093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38175" h="2093910">
                  <a:moveTo>
                    <a:pt x="161926" y="0"/>
                  </a:moveTo>
                  <a:lnTo>
                    <a:pt x="319090" y="7936"/>
                  </a:lnTo>
                  <a:lnTo>
                    <a:pt x="476251" y="0"/>
                  </a:lnTo>
                  <a:lnTo>
                    <a:pt x="476251" y="703260"/>
                  </a:lnTo>
                  <a:lnTo>
                    <a:pt x="636095" y="703260"/>
                  </a:lnTo>
                  <a:lnTo>
                    <a:pt x="638175" y="723897"/>
                  </a:lnTo>
                  <a:lnTo>
                    <a:pt x="638175" y="1892298"/>
                  </a:lnTo>
                  <a:cubicBezTo>
                    <a:pt x="638175" y="2003645"/>
                    <a:pt x="547910" y="2093910"/>
                    <a:pt x="436563" y="2093910"/>
                  </a:cubicBezTo>
                  <a:lnTo>
                    <a:pt x="201612" y="2093910"/>
                  </a:lnTo>
                  <a:cubicBezTo>
                    <a:pt x="90265" y="2093910"/>
                    <a:pt x="0" y="2003645"/>
                    <a:pt x="0" y="1892298"/>
                  </a:cubicBezTo>
                  <a:lnTo>
                    <a:pt x="0" y="723897"/>
                  </a:lnTo>
                  <a:lnTo>
                    <a:pt x="2081" y="703260"/>
                  </a:lnTo>
                  <a:lnTo>
                    <a:pt x="161926" y="703260"/>
                  </a:lnTo>
                  <a:close/>
                </a:path>
              </a:pathLst>
            </a:cu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05" dirty="0"/>
            </a:p>
          </p:txBody>
        </p:sp>
        <p:sp>
          <p:nvSpPr>
            <p:cNvPr id="39" name="Turton | Autoshape | ID: 401_1">
              <a:extLst>
                <a:ext uri="{FF2B5EF4-FFF2-40B4-BE49-F238E27FC236}">
                  <a16:creationId xmlns:a16="http://schemas.microsoft.com/office/drawing/2014/main" id="{04C4EA27-EDD2-F029-609E-0F913D267CEB}"/>
                </a:ext>
              </a:extLst>
            </p:cNvPr>
            <p:cNvSpPr>
              <a:spLocks noChangeAspect="1"/>
            </p:cNvSpPr>
            <p:nvPr/>
          </p:nvSpPr>
          <p:spPr>
            <a:xfrm>
              <a:off x="4540460" y="2116349"/>
              <a:ext cx="2816548" cy="2816550"/>
            </a:xfrm>
            <a:prstGeom prst="ellipse">
              <a:avLst/>
            </a:prstGeom>
            <a:noFill/>
            <a:ln w="76200">
              <a:solidFill>
                <a:schemeClr val="accent4"/>
              </a:solidFill>
            </a:ln>
            <a:extLst>
              <a:ext uri="{909E8E84-426E-40DD-AFC4-6F175D3DCCD1}">
                <a14:hiddenFill xmlns:a14="http://schemas.microsoft.com/office/drawing/2010/main">
                  <a:solidFill>
                    <a:schemeClr val="bg1"/>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05" dirty="0"/>
            </a:p>
          </p:txBody>
        </p:sp>
      </p:grpSp>
      <p:pic>
        <p:nvPicPr>
          <p:cNvPr id="4" name="Picture 5">
            <a:extLst>
              <a:ext uri="{FF2B5EF4-FFF2-40B4-BE49-F238E27FC236}">
                <a16:creationId xmlns:a16="http://schemas.microsoft.com/office/drawing/2014/main" id="{C0BA63C5-552D-3DAA-8053-248BC84480D3}"/>
              </a:ext>
            </a:extLst>
          </p:cNvPr>
          <p:cNvPicPr>
            <a:picLocks noChangeAspect="1"/>
          </p:cNvPicPr>
          <p:nvPr>
            <p:custDataLst>
              <p:tags r:id="rId1"/>
            </p:custDataLst>
          </p:nvPr>
        </p:nvPicPr>
        <p:blipFill rotWithShape="1">
          <a:blip r:embed="rId11">
            <a:extLst>
              <a:ext uri="{28A0092B-C50C-407E-A947-70E740481C1C}">
                <a14:useLocalDpi xmlns:a14="http://schemas.microsoft.com/office/drawing/2010/main" val="0"/>
              </a:ext>
            </a:extLst>
          </a:blip>
          <a:srcRect/>
          <a:stretch/>
        </p:blipFill>
        <p:spPr>
          <a:xfrm>
            <a:off x="4483223" y="5751153"/>
            <a:ext cx="970031" cy="970031"/>
          </a:xfrm>
          <a:prstGeom prst="rect">
            <a:avLst/>
          </a:prstGeom>
        </p:spPr>
      </p:pic>
      <mc:AlternateContent xmlns:mc="http://schemas.openxmlformats.org/markup-compatibility/2006" xmlns:a14="http://schemas.microsoft.com/office/drawing/2010/main">
        <mc:Choice Requires="a14">
          <p:graphicFrame>
            <p:nvGraphicFramePr>
              <p:cNvPr id="5" name="Table 4">
                <a:extLst>
                  <a:ext uri="{FF2B5EF4-FFF2-40B4-BE49-F238E27FC236}">
                    <a16:creationId xmlns:a16="http://schemas.microsoft.com/office/drawing/2014/main" id="{74AF60FC-7C68-C4DE-2FFF-36A65E438CAA}"/>
                  </a:ext>
                </a:extLst>
              </p:cNvPr>
              <p:cNvGraphicFramePr>
                <a:graphicFrameLocks noGrp="1"/>
              </p:cNvGraphicFramePr>
              <p:nvPr>
                <p:extLst>
                  <p:ext uri="{D42A27DB-BD31-4B8C-83A1-F6EECF244321}">
                    <p14:modId xmlns:p14="http://schemas.microsoft.com/office/powerpoint/2010/main" val="3927940794"/>
                  </p:ext>
                </p:extLst>
              </p:nvPr>
            </p:nvGraphicFramePr>
            <p:xfrm>
              <a:off x="4483223" y="5798223"/>
              <a:ext cx="7458365" cy="875892"/>
            </p:xfrm>
            <a:graphic>
              <a:graphicData uri="http://schemas.openxmlformats.org/drawingml/2006/table">
                <a:tbl>
                  <a:tblPr>
                    <a:tableStyleId>{5C22544A-7EE6-4342-B048-85BDC9FD1C3A}</a:tableStyleId>
                  </a:tblPr>
                  <a:tblGrid>
                    <a:gridCol w="828531">
                      <a:extLst>
                        <a:ext uri="{9D8B030D-6E8A-4147-A177-3AD203B41FA5}">
                          <a16:colId xmlns:a16="http://schemas.microsoft.com/office/drawing/2014/main" val="2617723339"/>
                        </a:ext>
                      </a:extLst>
                    </a:gridCol>
                    <a:gridCol w="6629834">
                      <a:extLst>
                        <a:ext uri="{9D8B030D-6E8A-4147-A177-3AD203B41FA5}">
                          <a16:colId xmlns:a16="http://schemas.microsoft.com/office/drawing/2014/main" val="399197410"/>
                        </a:ext>
                      </a:extLst>
                    </a:gridCol>
                  </a:tblGrid>
                  <a:tr h="833209">
                    <a:tc>
                      <a:txBody>
                        <a:bodyPr/>
                        <a:lstStyle/>
                        <a:p>
                          <a:pPr>
                            <a:buClr>
                              <a:schemeClr val="tx1"/>
                            </a:buClr>
                          </a:pPr>
                          <a:endParaRPr lang="en-GB" sz="1600" b="0" dirty="0">
                            <a:solidFill>
                              <a:schemeClr val="accent1"/>
                            </a:solidFill>
                          </a:endParaRPr>
                        </a:p>
                      </a:txBody>
                      <a:tcPr marL="108000" marR="108000" marT="108000" marB="108000" anchor="b">
                        <a:lnL w="38100" cap="flat" cmpd="sng" algn="ctr">
                          <a:solidFill>
                            <a:schemeClr val="accent1"/>
                          </a:solidFill>
                          <a:prstDash val="solid"/>
                          <a:round/>
                          <a:headEnd type="none" w="med" len="med"/>
                          <a:tailEnd type="none" w="med" len="med"/>
                        </a:lnL>
                        <a:lnR w="12700" cap="flat" cmpd="sng" algn="ctr">
                          <a:solidFill>
                            <a:schemeClr val="lt1">
                              <a:alpha val="0"/>
                            </a:schemeClr>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accent1">
                              <a:alpha val="0"/>
                            </a:schemeClr>
                          </a:solidFill>
                          <a:prstDash val="solid"/>
                          <a:round/>
                          <a:headEnd type="none" w="med" len="med"/>
                          <a:tailEnd type="none" w="med" len="med"/>
                        </a:lnB>
                        <a:solidFill>
                          <a:schemeClr val="accent1">
                            <a:lumMod val="100000"/>
                            <a:alpha val="0"/>
                          </a:schemeClr>
                        </a:solidFill>
                      </a:tcPr>
                    </a:tc>
                    <a:tc>
                      <a:txBody>
                        <a:bodyPr/>
                        <a:lstStyle/>
                        <a:p>
                          <a:pPr>
                            <a:buClr>
                              <a:schemeClr val="dk1"/>
                            </a:buClr>
                          </a:pPr>
                          <a:r>
                            <a:rPr lang="en-GB" altLang="en-US" sz="1600" b="0" dirty="0">
                              <a:solidFill>
                                <a:schemeClr val="accent1"/>
                              </a:solidFill>
                              <a:latin typeface="Arial" panose="020B0604020202020204" pitchFamily="34" charset="0"/>
                            </a:rPr>
                            <a:t>Mean Reversion </a:t>
                          </a:r>
                          <a14:m>
                            <m:oMath xmlns:m="http://schemas.openxmlformats.org/officeDocument/2006/math">
                              <m:r>
                                <a:rPr lang="en-GB" sz="1400" i="1" kern="1200" smtClean="0">
                                  <a:solidFill>
                                    <a:schemeClr val="accent1"/>
                                  </a:solidFill>
                                  <a:latin typeface="Cambria Math" panose="02040503050406030204" pitchFamily="18" charset="0"/>
                                  <a:ea typeface="+mn-ea"/>
                                  <a:cs typeface="+mn-cs"/>
                                </a:rPr>
                                <m:t>𝛼</m:t>
                              </m:r>
                              <m:d>
                                <m:dPr>
                                  <m:ctrlPr>
                                    <a:rPr lang="en-GB" sz="1400" i="1" kern="1200">
                                      <a:solidFill>
                                        <a:schemeClr val="accent1"/>
                                      </a:solidFill>
                                      <a:latin typeface="Cambria Math" panose="02040503050406030204" pitchFamily="18" charset="0"/>
                                      <a:ea typeface="+mn-ea"/>
                                      <a:cs typeface="+mn-cs"/>
                                    </a:rPr>
                                  </m:ctrlPr>
                                </m:dPr>
                                <m:e>
                                  <m:r>
                                    <a:rPr lang="en-GB" sz="1400" i="1" kern="1200">
                                      <a:solidFill>
                                        <a:schemeClr val="accent1"/>
                                      </a:solidFill>
                                      <a:latin typeface="Cambria Math" panose="02040503050406030204" pitchFamily="18" charset="0"/>
                                      <a:ea typeface="+mn-ea"/>
                                      <a:cs typeface="+mn-cs"/>
                                    </a:rPr>
                                    <m:t>𝜃</m:t>
                                  </m:r>
                                  <m:r>
                                    <a:rPr lang="en-GB" sz="1400" i="1" kern="1200">
                                      <a:solidFill>
                                        <a:schemeClr val="accent1"/>
                                      </a:solidFill>
                                      <a:latin typeface="Cambria Math" panose="02040503050406030204" pitchFamily="18" charset="0"/>
                                      <a:ea typeface="+mn-ea"/>
                                      <a:cs typeface="+mn-cs"/>
                                    </a:rPr>
                                    <m:t> −</m:t>
                                  </m:r>
                                  <m:r>
                                    <a:rPr lang="en-GB" sz="1400" i="1" kern="1200">
                                      <a:solidFill>
                                        <a:schemeClr val="accent1"/>
                                      </a:solidFill>
                                      <a:latin typeface="Cambria Math" panose="02040503050406030204" pitchFamily="18" charset="0"/>
                                      <a:ea typeface="+mn-ea"/>
                                      <a:cs typeface="+mn-cs"/>
                                    </a:rPr>
                                    <m:t>𝜈</m:t>
                                  </m:r>
                                </m:e>
                              </m:d>
                            </m:oMath>
                          </a14:m>
                          <a:endParaRPr lang="en-GB" altLang="en-US" sz="1400" b="0" dirty="0">
                            <a:solidFill>
                              <a:schemeClr val="accent1"/>
                            </a:solidFill>
                            <a:latin typeface="Arial" panose="020B0604020202020204" pitchFamily="34" charset="0"/>
                          </a:endParaRPr>
                        </a:p>
                        <a:p>
                          <a:pPr>
                            <a:lnSpc>
                              <a:spcPct val="105000"/>
                            </a:lnSpc>
                            <a:spcBef>
                              <a:spcPts val="600"/>
                            </a:spcBef>
                            <a:buClr>
                              <a:schemeClr val="dk1"/>
                            </a:buClr>
                          </a:pPr>
                          <a:r>
                            <a:rPr lang="en-GB" altLang="en-US" sz="1100" dirty="0">
                              <a:solidFill>
                                <a:schemeClr val="tx1">
                                  <a:lumMod val="100000"/>
                                </a:schemeClr>
                              </a:solidFill>
                              <a:latin typeface="Arial" panose="020B0604020202020204" pitchFamily="34" charset="0"/>
                            </a:rPr>
                            <a:t>When the volatility </a:t>
                          </a:r>
                          <a14:m>
                            <m:oMath xmlns:m="http://schemas.openxmlformats.org/officeDocument/2006/math">
                              <m:r>
                                <a:rPr lang="en-GB" altLang="en-US" sz="1100" b="0" i="1" smtClean="0">
                                  <a:solidFill>
                                    <a:schemeClr val="tx1">
                                      <a:lumMod val="100000"/>
                                    </a:schemeClr>
                                  </a:solidFill>
                                  <a:latin typeface="Cambria Math" panose="02040503050406030204" pitchFamily="18" charset="0"/>
                                </a:rPr>
                                <m:t>𝜈</m:t>
                              </m:r>
                            </m:oMath>
                          </a14:m>
                          <a:r>
                            <a:rPr lang="en-GB" altLang="en-US" sz="1100" dirty="0">
                              <a:solidFill>
                                <a:schemeClr val="tx1">
                                  <a:lumMod val="100000"/>
                                </a:schemeClr>
                              </a:solidFill>
                              <a:latin typeface="Arial" panose="020B0604020202020204" pitchFamily="34" charset="0"/>
                            </a:rPr>
                            <a:t> is high, it will tend to be pulled back towards the long-term average level; when the volatility is low, it will have an upward drift towards the average level.</a:t>
                          </a:r>
                        </a:p>
                      </a:txBody>
                      <a:tcPr marL="108000" marR="108000" marT="108000" marB="108000" anchor="ctr">
                        <a:lnL w="12700" cap="flat" cmpd="sng" algn="ctr">
                          <a:solidFill>
                            <a:schemeClr val="lt1">
                              <a:alpha val="0"/>
                            </a:schemeClr>
                          </a:solidFill>
                          <a:prstDash val="solid"/>
                          <a:round/>
                          <a:headEnd type="none" w="med" len="med"/>
                          <a:tailEnd type="none" w="med" len="med"/>
                        </a:lnL>
                        <a:lnR w="12700" cap="flat" cmpd="sng" algn="ctr">
                          <a:solidFill>
                            <a:schemeClr val="lt1">
                              <a:alpha val="0"/>
                            </a:schemeClr>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solidFill>
                          <a:schemeClr val="accent1">
                            <a:lumMod val="100000"/>
                            <a:alpha val="0"/>
                          </a:schemeClr>
                        </a:solidFill>
                      </a:tcPr>
                    </a:tc>
                    <a:extLst>
                      <a:ext uri="{0D108BD9-81ED-4DB2-BD59-A6C34878D82A}">
                        <a16:rowId xmlns:a16="http://schemas.microsoft.com/office/drawing/2014/main" val="4195242164"/>
                      </a:ext>
                    </a:extLst>
                  </a:tr>
                </a:tbl>
              </a:graphicData>
            </a:graphic>
          </p:graphicFrame>
        </mc:Choice>
        <mc:Fallback xmlns="">
          <p:graphicFrame>
            <p:nvGraphicFramePr>
              <p:cNvPr id="5" name="Table 4">
                <a:extLst>
                  <a:ext uri="{FF2B5EF4-FFF2-40B4-BE49-F238E27FC236}">
                    <a16:creationId xmlns:a16="http://schemas.microsoft.com/office/drawing/2014/main" id="{74AF60FC-7C68-C4DE-2FFF-36A65E438CAA}"/>
                  </a:ext>
                </a:extLst>
              </p:cNvPr>
              <p:cNvGraphicFramePr>
                <a:graphicFrameLocks noGrp="1"/>
              </p:cNvGraphicFramePr>
              <p:nvPr>
                <p:extLst>
                  <p:ext uri="{D42A27DB-BD31-4B8C-83A1-F6EECF244321}">
                    <p14:modId xmlns:p14="http://schemas.microsoft.com/office/powerpoint/2010/main" val="3927940794"/>
                  </p:ext>
                </p:extLst>
              </p:nvPr>
            </p:nvGraphicFramePr>
            <p:xfrm>
              <a:off x="4483223" y="5798223"/>
              <a:ext cx="7458365" cy="875892"/>
            </p:xfrm>
            <a:graphic>
              <a:graphicData uri="http://schemas.openxmlformats.org/drawingml/2006/table">
                <a:tbl>
                  <a:tblPr>
                    <a:tableStyleId>{5C22544A-7EE6-4342-B048-85BDC9FD1C3A}</a:tableStyleId>
                  </a:tblPr>
                  <a:tblGrid>
                    <a:gridCol w="828531">
                      <a:extLst>
                        <a:ext uri="{9D8B030D-6E8A-4147-A177-3AD203B41FA5}">
                          <a16:colId xmlns:a16="http://schemas.microsoft.com/office/drawing/2014/main" val="2617723339"/>
                        </a:ext>
                      </a:extLst>
                    </a:gridCol>
                    <a:gridCol w="6629834">
                      <a:extLst>
                        <a:ext uri="{9D8B030D-6E8A-4147-A177-3AD203B41FA5}">
                          <a16:colId xmlns:a16="http://schemas.microsoft.com/office/drawing/2014/main" val="399197410"/>
                        </a:ext>
                      </a:extLst>
                    </a:gridCol>
                  </a:tblGrid>
                  <a:tr h="875892">
                    <a:tc>
                      <a:txBody>
                        <a:bodyPr/>
                        <a:lstStyle/>
                        <a:p>
                          <a:pPr>
                            <a:buClr>
                              <a:schemeClr val="tx1"/>
                            </a:buClr>
                          </a:pPr>
                          <a:endParaRPr lang="en-GB" sz="1600" b="0" dirty="0">
                            <a:solidFill>
                              <a:schemeClr val="accent1"/>
                            </a:solidFill>
                          </a:endParaRPr>
                        </a:p>
                      </a:txBody>
                      <a:tcPr marL="108000" marR="108000" marT="108000" marB="108000" anchor="b">
                        <a:lnL w="38100" cap="flat" cmpd="sng" algn="ctr">
                          <a:solidFill>
                            <a:schemeClr val="accent1"/>
                          </a:solidFill>
                          <a:prstDash val="solid"/>
                          <a:round/>
                          <a:headEnd type="none" w="med" len="med"/>
                          <a:tailEnd type="none" w="med" len="med"/>
                        </a:lnL>
                        <a:lnR w="12700" cap="flat" cmpd="sng" algn="ctr">
                          <a:solidFill>
                            <a:schemeClr val="lt1">
                              <a:alpha val="0"/>
                            </a:schemeClr>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accent1">
                              <a:alpha val="0"/>
                            </a:schemeClr>
                          </a:solidFill>
                          <a:prstDash val="solid"/>
                          <a:round/>
                          <a:headEnd type="none" w="med" len="med"/>
                          <a:tailEnd type="none" w="med" len="med"/>
                        </a:lnB>
                        <a:solidFill>
                          <a:schemeClr val="accent1">
                            <a:lumMod val="100000"/>
                            <a:alpha val="0"/>
                          </a:schemeClr>
                        </a:solidFill>
                      </a:tcPr>
                    </a:tc>
                    <a:tc>
                      <a:txBody>
                        <a:bodyPr/>
                        <a:lstStyle/>
                        <a:p>
                          <a:endParaRPr lang="en-US"/>
                        </a:p>
                      </a:txBody>
                      <a:tcPr marL="108000" marR="108000" marT="108000" marB="108000" anchor="ctr">
                        <a:lnL w="12700" cap="flat" cmpd="sng" algn="ctr">
                          <a:solidFill>
                            <a:schemeClr val="lt1">
                              <a:alpha val="0"/>
                            </a:schemeClr>
                          </a:solidFill>
                          <a:prstDash val="solid"/>
                          <a:round/>
                          <a:headEnd type="none" w="med" len="med"/>
                          <a:tailEnd type="none" w="med" len="med"/>
                        </a:lnL>
                        <a:lnR w="12700" cap="flat" cmpd="sng" algn="ctr">
                          <a:solidFill>
                            <a:schemeClr val="lt1">
                              <a:alpha val="0"/>
                            </a:schemeClr>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blipFill>
                          <a:blip r:embed="rId12"/>
                          <a:stretch>
                            <a:fillRect l="-12776" r="-92" b="-3472"/>
                          </a:stretch>
                        </a:blipFill>
                      </a:tcPr>
                    </a:tc>
                    <a:extLst>
                      <a:ext uri="{0D108BD9-81ED-4DB2-BD59-A6C34878D82A}">
                        <a16:rowId xmlns:a16="http://schemas.microsoft.com/office/drawing/2014/main" val="4195242164"/>
                      </a:ext>
                    </a:extLst>
                  </a:tr>
                </a:tbl>
              </a:graphicData>
            </a:graphic>
          </p:graphicFrame>
        </mc:Fallback>
      </mc:AlternateContent>
    </p:spTree>
    <p:extLst>
      <p:ext uri="{BB962C8B-B14F-4D97-AF65-F5344CB8AC3E}">
        <p14:creationId xmlns:p14="http://schemas.microsoft.com/office/powerpoint/2010/main" val="20951968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2">
            <a:extLst>
              <a:ext uri="{FF2B5EF4-FFF2-40B4-BE49-F238E27FC236}">
                <a16:creationId xmlns:a16="http://schemas.microsoft.com/office/drawing/2014/main" id="{0DB7486F-5FAC-CDDE-DC75-92128BA1ECEA}"/>
              </a:ext>
            </a:extLst>
          </p:cNvPr>
          <p:cNvSpPr>
            <a:spLocks noGrp="1"/>
          </p:cNvSpPr>
          <p:nvPr>
            <p:ph type="body" sz="quarter" idx="12"/>
          </p:nvPr>
        </p:nvSpPr>
        <p:spPr>
          <a:xfrm>
            <a:off x="3293855" y="5725089"/>
            <a:ext cx="5604288" cy="368827"/>
          </a:xfrm>
        </p:spPr>
        <p:txBody>
          <a:bodyPr>
            <a:normAutofit fontScale="85000" lnSpcReduction="10000"/>
          </a:bodyPr>
          <a:lstStyle/>
          <a:p>
            <a:r>
              <a:rPr lang="en-GB" dirty="0"/>
              <a:t>Plots are generated by using the data from </a:t>
            </a:r>
            <a:r>
              <a:rPr lang="en-GB" dirty="0">
                <a:hlinkClick r:id="rId2"/>
              </a:rPr>
              <a:t>Yahoo Finance</a:t>
            </a:r>
            <a:endParaRPr lang="en-GB" dirty="0"/>
          </a:p>
        </p:txBody>
      </p:sp>
      <p:sp>
        <p:nvSpPr>
          <p:cNvPr id="6" name="Text Placeholder 3">
            <a:extLst>
              <a:ext uri="{FF2B5EF4-FFF2-40B4-BE49-F238E27FC236}">
                <a16:creationId xmlns:a16="http://schemas.microsoft.com/office/drawing/2014/main" id="{22E5F66B-5E8A-F6CB-0AE2-5F3EAAEABD6E}"/>
              </a:ext>
            </a:extLst>
          </p:cNvPr>
          <p:cNvSpPr>
            <a:spLocks noGrp="1"/>
          </p:cNvSpPr>
          <p:nvPr>
            <p:ph type="body" sz="quarter" idx="13"/>
          </p:nvPr>
        </p:nvSpPr>
        <p:spPr>
          <a:xfrm>
            <a:off x="484550" y="4885304"/>
            <a:ext cx="11254155" cy="776287"/>
          </a:xfrm>
        </p:spPr>
        <p:txBody>
          <a:bodyPr>
            <a:normAutofit fontScale="92500" lnSpcReduction="20000"/>
          </a:bodyPr>
          <a:lstStyle/>
          <a:p>
            <a:r>
              <a:rPr lang="en-GB" dirty="0">
                <a:solidFill>
                  <a:schemeClr val="tx1"/>
                </a:solidFill>
              </a:rPr>
              <a:t>The Log Return of Apple and Tesla Stocks from Jan 2020 to July 2022</a:t>
            </a:r>
          </a:p>
        </p:txBody>
      </p:sp>
      <p:grpSp>
        <p:nvGrpSpPr>
          <p:cNvPr id="14" name="Group 13">
            <a:extLst>
              <a:ext uri="{FF2B5EF4-FFF2-40B4-BE49-F238E27FC236}">
                <a16:creationId xmlns:a16="http://schemas.microsoft.com/office/drawing/2014/main" id="{793358A3-667E-AD81-C4C7-30ACB25852DC}"/>
              </a:ext>
            </a:extLst>
          </p:cNvPr>
          <p:cNvGrpSpPr/>
          <p:nvPr/>
        </p:nvGrpSpPr>
        <p:grpSpPr>
          <a:xfrm>
            <a:off x="811336" y="1275660"/>
            <a:ext cx="8909956" cy="3186981"/>
            <a:chOff x="811336" y="1275660"/>
            <a:chExt cx="8909956" cy="3186981"/>
          </a:xfrm>
        </p:grpSpPr>
        <p:pic>
          <p:nvPicPr>
            <p:cNvPr id="7" name="Picture 6">
              <a:extLst>
                <a:ext uri="{FF2B5EF4-FFF2-40B4-BE49-F238E27FC236}">
                  <a16:creationId xmlns:a16="http://schemas.microsoft.com/office/drawing/2014/main" id="{D0B48322-1AB9-476C-38DB-CA751E3E99A8}"/>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470706" y="1275660"/>
              <a:ext cx="7250586" cy="3186981"/>
            </a:xfrm>
            <a:prstGeom prst="rect">
              <a:avLst/>
            </a:prstGeom>
          </p:spPr>
        </p:pic>
        <p:sp>
          <p:nvSpPr>
            <p:cNvPr id="2" name="TextBox 1">
              <a:extLst>
                <a:ext uri="{FF2B5EF4-FFF2-40B4-BE49-F238E27FC236}">
                  <a16:creationId xmlns:a16="http://schemas.microsoft.com/office/drawing/2014/main" id="{1D243F60-1FF9-647D-1D75-1CC5468C5B17}"/>
                </a:ext>
              </a:extLst>
            </p:cNvPr>
            <p:cNvSpPr txBox="1"/>
            <p:nvPr/>
          </p:nvSpPr>
          <p:spPr>
            <a:xfrm>
              <a:off x="811336" y="2499818"/>
              <a:ext cx="1039772" cy="369332"/>
            </a:xfrm>
            <a:prstGeom prst="rect">
              <a:avLst/>
            </a:prstGeom>
            <a:noFill/>
          </p:spPr>
          <p:txBody>
            <a:bodyPr wrap="none" rtlCol="0">
              <a:spAutoFit/>
            </a:bodyPr>
            <a:lstStyle/>
            <a:p>
              <a:r>
                <a:rPr lang="en-GB" dirty="0"/>
                <a:t>Fat Tails</a:t>
              </a:r>
            </a:p>
          </p:txBody>
        </p:sp>
        <p:sp>
          <p:nvSpPr>
            <p:cNvPr id="3" name="Oval 2">
              <a:extLst>
                <a:ext uri="{FF2B5EF4-FFF2-40B4-BE49-F238E27FC236}">
                  <a16:creationId xmlns:a16="http://schemas.microsoft.com/office/drawing/2014/main" id="{F6620E36-03CE-4E91-FC48-55E1016289C1}"/>
                </a:ext>
              </a:extLst>
            </p:cNvPr>
            <p:cNvSpPr/>
            <p:nvPr/>
          </p:nvSpPr>
          <p:spPr>
            <a:xfrm>
              <a:off x="2880722" y="3799389"/>
              <a:ext cx="826266" cy="463334"/>
            </a:xfrm>
            <a:prstGeom prst="ellipse">
              <a:avLst/>
            </a:prstGeom>
            <a:solidFill>
              <a:srgbClr val="FF0000">
                <a:alpha val="5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 name="Oval 3">
              <a:extLst>
                <a:ext uri="{FF2B5EF4-FFF2-40B4-BE49-F238E27FC236}">
                  <a16:creationId xmlns:a16="http://schemas.microsoft.com/office/drawing/2014/main" id="{87D85E4A-31E5-A0F4-FC4F-A15BE3391AE6}"/>
                </a:ext>
              </a:extLst>
            </p:cNvPr>
            <p:cNvSpPr/>
            <p:nvPr/>
          </p:nvSpPr>
          <p:spPr>
            <a:xfrm>
              <a:off x="5269733" y="3799389"/>
              <a:ext cx="826266" cy="463334"/>
            </a:xfrm>
            <a:prstGeom prst="ellipse">
              <a:avLst/>
            </a:prstGeom>
            <a:solidFill>
              <a:srgbClr val="FF0000">
                <a:alpha val="5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cxnSp>
          <p:nvCxnSpPr>
            <p:cNvPr id="9" name="Straight Arrow Connector 8">
              <a:extLst>
                <a:ext uri="{FF2B5EF4-FFF2-40B4-BE49-F238E27FC236}">
                  <a16:creationId xmlns:a16="http://schemas.microsoft.com/office/drawing/2014/main" id="{E9A59136-BEE0-6EFF-07C5-E052ADBC4F59}"/>
                </a:ext>
              </a:extLst>
            </p:cNvPr>
            <p:cNvCxnSpPr>
              <a:stCxn id="3" idx="0"/>
            </p:cNvCxnSpPr>
            <p:nvPr/>
          </p:nvCxnSpPr>
          <p:spPr>
            <a:xfrm flipH="1" flipV="1">
              <a:off x="1553378" y="2869150"/>
              <a:ext cx="1740477" cy="93023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Straight Arrow Connector 12">
              <a:extLst>
                <a:ext uri="{FF2B5EF4-FFF2-40B4-BE49-F238E27FC236}">
                  <a16:creationId xmlns:a16="http://schemas.microsoft.com/office/drawing/2014/main" id="{D54BACE9-109C-349D-B3D0-4156C41956AC}"/>
                </a:ext>
              </a:extLst>
            </p:cNvPr>
            <p:cNvCxnSpPr>
              <a:stCxn id="4" idx="0"/>
            </p:cNvCxnSpPr>
            <p:nvPr/>
          </p:nvCxnSpPr>
          <p:spPr>
            <a:xfrm flipH="1" flipV="1">
              <a:off x="1644440" y="2869150"/>
              <a:ext cx="4038426" cy="93023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09417727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8" name="Flowchart: Document 20">
            <a:extLst>
              <a:ext uri="{FF2B5EF4-FFF2-40B4-BE49-F238E27FC236}">
                <a16:creationId xmlns:a16="http://schemas.microsoft.com/office/drawing/2014/main" id="{D12DDE76-C203-4047-9998-63900085B5E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8175" y="0"/>
            <a:ext cx="3248025" cy="3400426"/>
          </a:xfrm>
          <a:prstGeom prst="flowChartDocumen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a:extLst>
              <a:ext uri="{FF2B5EF4-FFF2-40B4-BE49-F238E27FC236}">
                <a16:creationId xmlns:a16="http://schemas.microsoft.com/office/drawing/2014/main" id="{C90A82C6-3C64-759D-735F-F2D6BEE973AD}"/>
              </a:ext>
            </a:extLst>
          </p:cNvPr>
          <p:cNvSpPr txBox="1"/>
          <p:nvPr/>
        </p:nvSpPr>
        <p:spPr>
          <a:xfrm>
            <a:off x="4206875" y="1694655"/>
            <a:ext cx="7346950" cy="428625"/>
          </a:xfrm>
          <a:prstGeom prst="rect">
            <a:avLst/>
          </a:prstGeom>
          <a:noFill/>
        </p:spPr>
        <p:txBody>
          <a:bodyPr wrap="square" rtlCol="0" anchor="t">
            <a:normAutofit/>
          </a:bodyPr>
          <a:lstStyle/>
          <a:p>
            <a:pPr defTabSz="676656">
              <a:lnSpc>
                <a:spcPct val="90000"/>
              </a:lnSpc>
              <a:spcAft>
                <a:spcPts val="600"/>
              </a:spcAft>
            </a:pPr>
            <a:r>
              <a:rPr lang="en-GB" sz="1340" i="1" dirty="0"/>
              <a:t>The discontinuous process is a Merton jump model:</a:t>
            </a: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E3BAB780-C350-B2C2-F660-B190FF0DA077}"/>
                  </a:ext>
                </a:extLst>
              </p:cNvPr>
              <p:cNvSpPr txBox="1"/>
              <p:nvPr/>
            </p:nvSpPr>
            <p:spPr>
              <a:xfrm>
                <a:off x="5400675" y="2279578"/>
                <a:ext cx="7346950" cy="525463"/>
              </a:xfrm>
              <a:prstGeom prst="rect">
                <a:avLst/>
              </a:prstGeom>
              <a:noFill/>
            </p:spPr>
            <p:txBody>
              <a:bodyPr wrap="square" lIns="0" tIns="0" rIns="0" bIns="0" rtlCol="0" anchor="t">
                <a:normAutofit/>
              </a:bodyPr>
              <a:lstStyle/>
              <a:p>
                <a:pPr defTabSz="676656">
                  <a:lnSpc>
                    <a:spcPct val="90000"/>
                  </a:lnSpc>
                  <a:spcAft>
                    <a:spcPts val="600"/>
                  </a:spcAft>
                </a:pPr>
                <a14:m>
                  <m:oMath xmlns:m="http://schemas.openxmlformats.org/officeDocument/2006/math">
                    <m:r>
                      <a:rPr lang="en-GB" sz="1340" i="1" smtClean="0">
                        <a:latin typeface="Cambria Math" panose="02040503050406030204" pitchFamily="18" charset="0"/>
                      </a:rPr>
                      <m:t>𝑑𝑙𝑛</m:t>
                    </m:r>
                    <m:sSup>
                      <m:sSupPr>
                        <m:ctrlPr>
                          <a:rPr lang="en-GB" sz="1340" i="1">
                            <a:latin typeface="Cambria Math" panose="02040503050406030204" pitchFamily="18" charset="0"/>
                          </a:rPr>
                        </m:ctrlPr>
                      </m:sSupPr>
                      <m:e>
                        <m:r>
                          <a:rPr lang="en-GB" sz="1340" i="1">
                            <a:latin typeface="Cambria Math" panose="02040503050406030204" pitchFamily="18" charset="0"/>
                          </a:rPr>
                          <m:t>𝑆</m:t>
                        </m:r>
                      </m:e>
                      <m:sup>
                        <m:r>
                          <a:rPr lang="en-GB" sz="1340" i="1">
                            <a:latin typeface="Cambria Math" panose="02040503050406030204" pitchFamily="18" charset="0"/>
                          </a:rPr>
                          <m:t>𝐽𝐷</m:t>
                        </m:r>
                      </m:sup>
                    </m:sSup>
                    <m:d>
                      <m:dPr>
                        <m:ctrlPr>
                          <a:rPr lang="en-GB" sz="1340" i="1">
                            <a:latin typeface="Cambria Math" panose="02040503050406030204" pitchFamily="18" charset="0"/>
                          </a:rPr>
                        </m:ctrlPr>
                      </m:dPr>
                      <m:e>
                        <m:r>
                          <a:rPr lang="en-GB" sz="1340" i="1">
                            <a:latin typeface="Cambria Math" panose="02040503050406030204" pitchFamily="18" charset="0"/>
                          </a:rPr>
                          <m:t>𝑡</m:t>
                        </m:r>
                      </m:e>
                    </m:d>
                    <m:r>
                      <a:rPr lang="en-GB" sz="1340" i="1">
                        <a:latin typeface="Cambria Math" panose="02040503050406030204" pitchFamily="18" charset="0"/>
                      </a:rPr>
                      <m:t>=−</m:t>
                    </m:r>
                    <m:r>
                      <a:rPr lang="en-GB" sz="1340" i="1">
                        <a:highlight>
                          <a:srgbClr val="FFFF00"/>
                        </a:highlight>
                        <a:latin typeface="Cambria Math" panose="02040503050406030204" pitchFamily="18" charset="0"/>
                      </a:rPr>
                      <m:t>𝜆</m:t>
                    </m:r>
                    <m:acc>
                      <m:accPr>
                        <m:chr m:val="̅"/>
                        <m:ctrlPr>
                          <a:rPr lang="en-GB" sz="1340" i="1">
                            <a:latin typeface="Cambria Math" panose="02040503050406030204" pitchFamily="18" charset="0"/>
                          </a:rPr>
                        </m:ctrlPr>
                      </m:accPr>
                      <m:e>
                        <m:r>
                          <a:rPr lang="en-GB" sz="1340" i="1">
                            <a:latin typeface="Cambria Math" panose="02040503050406030204" pitchFamily="18" charset="0"/>
                          </a:rPr>
                          <m:t>𝜇</m:t>
                        </m:r>
                      </m:e>
                    </m:acc>
                    <m:r>
                      <a:rPr lang="en-GB" sz="1340" i="1">
                        <a:latin typeface="Cambria Math" panose="02040503050406030204" pitchFamily="18" charset="0"/>
                      </a:rPr>
                      <m:t>𝑑𝑡</m:t>
                    </m:r>
                    <m:r>
                      <a:rPr lang="en-GB" sz="1340" i="1">
                        <a:latin typeface="Cambria Math" panose="02040503050406030204" pitchFamily="18" charset="0"/>
                      </a:rPr>
                      <m:t>+</m:t>
                    </m:r>
                    <m:r>
                      <m:rPr>
                        <m:sty m:val="p"/>
                      </m:rPr>
                      <a:rPr lang="en-GB" sz="1340">
                        <a:latin typeface="Cambria Math" panose="02040503050406030204" pitchFamily="18" charset="0"/>
                      </a:rPr>
                      <m:t>ln</m:t>
                    </m:r>
                    <m:r>
                      <a:rPr lang="en-GB" sz="1340" i="1">
                        <a:latin typeface="Cambria Math" panose="02040503050406030204" pitchFamily="18" charset="0"/>
                      </a:rPr>
                      <m:t>⁡(</m:t>
                    </m:r>
                    <m:r>
                      <a:rPr lang="en-GB" sz="1340" i="1">
                        <a:latin typeface="Cambria Math" panose="02040503050406030204" pitchFamily="18" charset="0"/>
                      </a:rPr>
                      <m:t>𝐽</m:t>
                    </m:r>
                    <m:r>
                      <a:rPr lang="en-GB" sz="1340" i="1">
                        <a:latin typeface="Cambria Math" panose="02040503050406030204" pitchFamily="18" charset="0"/>
                      </a:rPr>
                      <m:t>) </m:t>
                    </m:r>
                    <m:r>
                      <a:rPr lang="en-GB" sz="1340" i="1">
                        <a:latin typeface="Cambria Math" panose="02040503050406030204" pitchFamily="18" charset="0"/>
                      </a:rPr>
                      <m:t>𝑑𝑁</m:t>
                    </m:r>
                    <m:r>
                      <a:rPr lang="en-GB" sz="1340" i="1">
                        <a:latin typeface="Cambria Math" panose="02040503050406030204" pitchFamily="18" charset="0"/>
                      </a:rPr>
                      <m:t>(</m:t>
                    </m:r>
                    <m:r>
                      <a:rPr lang="en-GB" sz="1340" i="1">
                        <a:latin typeface="Cambria Math" panose="02040503050406030204" pitchFamily="18" charset="0"/>
                      </a:rPr>
                      <m:t>𝑡</m:t>
                    </m:r>
                    <m:r>
                      <a:rPr lang="en-GB" sz="1340" i="1">
                        <a:latin typeface="Cambria Math" panose="02040503050406030204" pitchFamily="18" charset="0"/>
                      </a:rPr>
                      <m:t>)</m:t>
                    </m:r>
                  </m:oMath>
                </a14:m>
                <a:r>
                  <a:rPr lang="en-GB" sz="1340" dirty="0"/>
                  <a:t>, where </a:t>
                </a:r>
                <a14:m>
                  <m:oMath xmlns:m="http://schemas.openxmlformats.org/officeDocument/2006/math">
                    <m:r>
                      <a:rPr lang="en-GB" sz="1340" i="1">
                        <a:latin typeface="Cambria Math" panose="02040503050406030204" pitchFamily="18" charset="0"/>
                      </a:rPr>
                      <m:t>𝑑𝑁</m:t>
                    </m:r>
                    <m:d>
                      <m:dPr>
                        <m:ctrlPr>
                          <a:rPr lang="en-GB" sz="1340" i="1">
                            <a:latin typeface="Cambria Math" panose="02040503050406030204" pitchFamily="18" charset="0"/>
                          </a:rPr>
                        </m:ctrlPr>
                      </m:dPr>
                      <m:e>
                        <m:r>
                          <a:rPr lang="en-GB" sz="1340" i="1">
                            <a:latin typeface="Cambria Math" panose="02040503050406030204" pitchFamily="18" charset="0"/>
                          </a:rPr>
                          <m:t>𝑡</m:t>
                        </m:r>
                      </m:e>
                    </m:d>
                    <m:r>
                      <a:rPr lang="en-GB" sz="1340" i="1">
                        <a:latin typeface="Cambria Math" panose="02040503050406030204" pitchFamily="18" charset="0"/>
                      </a:rPr>
                      <m:t>=</m:t>
                    </m:r>
                    <m:r>
                      <a:rPr lang="en-GB" sz="1340" i="1">
                        <a:latin typeface="Cambria Math" panose="02040503050406030204" pitchFamily="18" charset="0"/>
                      </a:rPr>
                      <m:t>𝑁</m:t>
                    </m:r>
                    <m:d>
                      <m:dPr>
                        <m:ctrlPr>
                          <a:rPr lang="en-GB" sz="1340" i="1">
                            <a:latin typeface="Cambria Math" panose="02040503050406030204" pitchFamily="18" charset="0"/>
                          </a:rPr>
                        </m:ctrlPr>
                      </m:dPr>
                      <m:e>
                        <m:r>
                          <a:rPr lang="en-GB" sz="1340" i="1">
                            <a:latin typeface="Cambria Math" panose="02040503050406030204" pitchFamily="18" charset="0"/>
                          </a:rPr>
                          <m:t>𝑡</m:t>
                        </m:r>
                        <m:r>
                          <a:rPr lang="en-GB" sz="1340" i="1">
                            <a:latin typeface="Cambria Math" panose="02040503050406030204" pitchFamily="18" charset="0"/>
                          </a:rPr>
                          <m:t>+</m:t>
                        </m:r>
                        <m:r>
                          <a:rPr lang="en-GB" sz="1340" i="1">
                            <a:latin typeface="Cambria Math" panose="02040503050406030204" pitchFamily="18" charset="0"/>
                          </a:rPr>
                          <m:t>𝑑𝑡</m:t>
                        </m:r>
                      </m:e>
                    </m:d>
                    <m:r>
                      <a:rPr lang="en-GB" sz="1340" i="1">
                        <a:latin typeface="Cambria Math" panose="02040503050406030204" pitchFamily="18" charset="0"/>
                      </a:rPr>
                      <m:t>−</m:t>
                    </m:r>
                    <m:r>
                      <a:rPr lang="en-GB" sz="1340" i="1">
                        <a:latin typeface="Cambria Math" panose="02040503050406030204" pitchFamily="18" charset="0"/>
                      </a:rPr>
                      <m:t>𝑁</m:t>
                    </m:r>
                    <m:r>
                      <a:rPr lang="en-GB" sz="1340" i="1">
                        <a:latin typeface="Cambria Math" panose="02040503050406030204" pitchFamily="18" charset="0"/>
                      </a:rPr>
                      <m:t>(</m:t>
                    </m:r>
                    <m:r>
                      <a:rPr lang="en-GB" sz="1340" i="1">
                        <a:latin typeface="Cambria Math" panose="02040503050406030204" pitchFamily="18" charset="0"/>
                      </a:rPr>
                      <m:t>𝑡</m:t>
                    </m:r>
                    <m:r>
                      <a:rPr lang="en-GB" sz="1340" i="1">
                        <a:latin typeface="Cambria Math" panose="02040503050406030204" pitchFamily="18" charset="0"/>
                      </a:rPr>
                      <m:t>)</m:t>
                    </m:r>
                  </m:oMath>
                </a14:m>
                <a:endParaRPr lang="en-GB" sz="1340" dirty="0"/>
              </a:p>
            </p:txBody>
          </p:sp>
        </mc:Choice>
        <mc:Fallback xmlns="">
          <p:sp>
            <p:nvSpPr>
              <p:cNvPr id="13" name="TextBox 12">
                <a:extLst>
                  <a:ext uri="{FF2B5EF4-FFF2-40B4-BE49-F238E27FC236}">
                    <a16:creationId xmlns:a16="http://schemas.microsoft.com/office/drawing/2014/main" id="{E3BAB780-C350-B2C2-F660-B190FF0DA077}"/>
                  </a:ext>
                </a:extLst>
              </p:cNvPr>
              <p:cNvSpPr txBox="1">
                <a:spLocks noRot="1" noChangeAspect="1" noMove="1" noResize="1" noEditPoints="1" noAdjustHandles="1" noChangeArrowheads="1" noChangeShapeType="1" noTextEdit="1"/>
              </p:cNvSpPr>
              <p:nvPr/>
            </p:nvSpPr>
            <p:spPr>
              <a:xfrm>
                <a:off x="5400675" y="2279578"/>
                <a:ext cx="7346950" cy="525463"/>
              </a:xfrm>
              <a:prstGeom prst="rect">
                <a:avLst/>
              </a:prstGeom>
              <a:blipFill>
                <a:blip r:embed="rId2"/>
                <a:stretch>
                  <a:fillRect l="-913" t="-1395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A497668D-699A-9BB5-5BE0-02DC3AE94CE1}"/>
                  </a:ext>
                </a:extLst>
              </p:cNvPr>
              <p:cNvSpPr txBox="1"/>
              <p:nvPr/>
            </p:nvSpPr>
            <p:spPr>
              <a:xfrm>
                <a:off x="4206875" y="2729803"/>
                <a:ext cx="7346950" cy="1080558"/>
              </a:xfrm>
              <a:prstGeom prst="rect">
                <a:avLst/>
              </a:prstGeom>
              <a:noFill/>
            </p:spPr>
            <p:txBody>
              <a:bodyPr wrap="square" rtlCol="0" anchor="t">
                <a:normAutofit/>
              </a:bodyPr>
              <a:lstStyle/>
              <a:p>
                <a:pPr defTabSz="676656">
                  <a:lnSpc>
                    <a:spcPct val="90000"/>
                  </a:lnSpc>
                  <a:spcAft>
                    <a:spcPts val="600"/>
                  </a:spcAft>
                </a:pPr>
                <a:r>
                  <a:rPr lang="en-GB" sz="1340" i="1" dirty="0"/>
                  <a:t>where </a:t>
                </a:r>
                <a14:m>
                  <m:oMath xmlns:m="http://schemas.openxmlformats.org/officeDocument/2006/math">
                    <m:acc>
                      <m:accPr>
                        <m:chr m:val="̅"/>
                        <m:ctrlPr>
                          <a:rPr lang="en-GB" sz="1340" i="1">
                            <a:latin typeface="Cambria Math" panose="02040503050406030204" pitchFamily="18" charset="0"/>
                          </a:rPr>
                        </m:ctrlPr>
                      </m:accPr>
                      <m:e>
                        <m:r>
                          <a:rPr lang="en-GB" sz="1340" i="1">
                            <a:latin typeface="Cambria Math" panose="02040503050406030204" pitchFamily="18" charset="0"/>
                          </a:rPr>
                          <m:t>𝜇</m:t>
                        </m:r>
                      </m:e>
                    </m:acc>
                    <m:r>
                      <a:rPr lang="en-GB" sz="1340" i="1" dirty="0">
                        <a:latin typeface="Cambria Math" panose="02040503050406030204" pitchFamily="18" charset="0"/>
                      </a:rPr>
                      <m:t>=</m:t>
                    </m:r>
                    <m:func>
                      <m:funcPr>
                        <m:ctrlPr>
                          <a:rPr lang="en-GB" sz="1340" i="1" dirty="0">
                            <a:latin typeface="Cambria Math" panose="02040503050406030204" pitchFamily="18" charset="0"/>
                          </a:rPr>
                        </m:ctrlPr>
                      </m:funcPr>
                      <m:fName>
                        <m:r>
                          <m:rPr>
                            <m:sty m:val="p"/>
                          </m:rPr>
                          <a:rPr lang="en-GB" sz="1340" dirty="0">
                            <a:latin typeface="Cambria Math" panose="02040503050406030204" pitchFamily="18" charset="0"/>
                          </a:rPr>
                          <m:t>exp</m:t>
                        </m:r>
                      </m:fName>
                      <m:e>
                        <m:d>
                          <m:dPr>
                            <m:ctrlPr>
                              <a:rPr lang="en-GB" sz="1340" i="1" dirty="0">
                                <a:latin typeface="Cambria Math" panose="02040503050406030204" pitchFamily="18" charset="0"/>
                              </a:rPr>
                            </m:ctrlPr>
                          </m:dPr>
                          <m:e>
                            <m:sSub>
                              <m:sSubPr>
                                <m:ctrlPr>
                                  <a:rPr lang="en-GB" sz="1340" i="1" dirty="0">
                                    <a:latin typeface="Cambria Math" panose="02040503050406030204" pitchFamily="18" charset="0"/>
                                  </a:rPr>
                                </m:ctrlPr>
                              </m:sSubPr>
                              <m:e>
                                <m:r>
                                  <a:rPr lang="en-GB" sz="1340" i="1" dirty="0">
                                    <a:latin typeface="Cambria Math" panose="02040503050406030204" pitchFamily="18" charset="0"/>
                                  </a:rPr>
                                  <m:t>𝜇</m:t>
                                </m:r>
                              </m:e>
                              <m:sub>
                                <m:r>
                                  <a:rPr lang="en-GB" sz="1340" i="1" dirty="0">
                                    <a:latin typeface="Cambria Math" panose="02040503050406030204" pitchFamily="18" charset="0"/>
                                  </a:rPr>
                                  <m:t>𝐽</m:t>
                                </m:r>
                              </m:sub>
                            </m:sSub>
                            <m:r>
                              <a:rPr lang="en-GB" sz="1340" i="1" dirty="0">
                                <a:latin typeface="Cambria Math" panose="02040503050406030204" pitchFamily="18" charset="0"/>
                              </a:rPr>
                              <m:t>+</m:t>
                            </m:r>
                            <m:f>
                              <m:fPr>
                                <m:ctrlPr>
                                  <a:rPr lang="en-GB" sz="1340" i="1" dirty="0">
                                    <a:latin typeface="Cambria Math" panose="02040503050406030204" pitchFamily="18" charset="0"/>
                                  </a:rPr>
                                </m:ctrlPr>
                              </m:fPr>
                              <m:num>
                                <m:r>
                                  <a:rPr lang="en-GB" sz="1340" i="1" dirty="0">
                                    <a:latin typeface="Cambria Math" panose="02040503050406030204" pitchFamily="18" charset="0"/>
                                  </a:rPr>
                                  <m:t>1</m:t>
                                </m:r>
                              </m:num>
                              <m:den>
                                <m:r>
                                  <a:rPr lang="en-GB" sz="1340" i="1" dirty="0">
                                    <a:latin typeface="Cambria Math" panose="02040503050406030204" pitchFamily="18" charset="0"/>
                                  </a:rPr>
                                  <m:t>2</m:t>
                                </m:r>
                              </m:den>
                            </m:f>
                            <m:sSubSup>
                              <m:sSubSupPr>
                                <m:ctrlPr>
                                  <a:rPr lang="en-GB" sz="1340" i="1" dirty="0">
                                    <a:latin typeface="Cambria Math" panose="02040503050406030204" pitchFamily="18" charset="0"/>
                                  </a:rPr>
                                </m:ctrlPr>
                              </m:sSubSupPr>
                              <m:e>
                                <m:r>
                                  <a:rPr lang="en-GB" sz="1340" i="1" dirty="0">
                                    <a:latin typeface="Cambria Math" panose="02040503050406030204" pitchFamily="18" charset="0"/>
                                  </a:rPr>
                                  <m:t>𝜎</m:t>
                                </m:r>
                              </m:e>
                              <m:sub>
                                <m:r>
                                  <a:rPr lang="en-GB" sz="1340" i="1" dirty="0">
                                    <a:latin typeface="Cambria Math" panose="02040503050406030204" pitchFamily="18" charset="0"/>
                                  </a:rPr>
                                  <m:t>𝐽</m:t>
                                </m:r>
                              </m:sub>
                              <m:sup>
                                <m:r>
                                  <a:rPr lang="en-GB" sz="1340" i="1" dirty="0">
                                    <a:latin typeface="Cambria Math" panose="02040503050406030204" pitchFamily="18" charset="0"/>
                                  </a:rPr>
                                  <m:t>2</m:t>
                                </m:r>
                              </m:sup>
                            </m:sSubSup>
                          </m:e>
                        </m:d>
                      </m:e>
                    </m:func>
                    <m:r>
                      <a:rPr lang="en-GB" sz="1340" i="1" dirty="0">
                        <a:latin typeface="Cambria Math" panose="02040503050406030204" pitchFamily="18" charset="0"/>
                      </a:rPr>
                      <m:t>−1</m:t>
                    </m:r>
                  </m:oMath>
                </a14:m>
                <a:r>
                  <a:rPr lang="en-GB" sz="1340" i="1" dirty="0"/>
                  <a:t> and </a:t>
                </a:r>
                <a14:m>
                  <m:oMath xmlns:m="http://schemas.openxmlformats.org/officeDocument/2006/math">
                    <m:r>
                      <a:rPr lang="en-GB" sz="1340" i="1">
                        <a:latin typeface="Cambria Math" panose="02040503050406030204" pitchFamily="18" charset="0"/>
                      </a:rPr>
                      <m:t>𝐽</m:t>
                    </m:r>
                  </m:oMath>
                </a14:m>
                <a:r>
                  <a:rPr lang="en-GB" sz="1340" i="1" dirty="0"/>
                  <a:t> is a log-normal distributed random jump value such that </a:t>
                </a:r>
                <a14:m>
                  <m:oMath xmlns:m="http://schemas.openxmlformats.org/officeDocument/2006/math">
                    <m:func>
                      <m:funcPr>
                        <m:ctrlPr>
                          <a:rPr lang="en-GB" sz="1340" i="1">
                            <a:latin typeface="Cambria Math" panose="02040503050406030204" pitchFamily="18" charset="0"/>
                          </a:rPr>
                        </m:ctrlPr>
                      </m:funcPr>
                      <m:fName>
                        <m:r>
                          <m:rPr>
                            <m:sty m:val="p"/>
                          </m:rPr>
                          <a:rPr lang="en-GB" sz="1340">
                            <a:latin typeface="Cambria Math" panose="02040503050406030204" pitchFamily="18" charset="0"/>
                          </a:rPr>
                          <m:t>ln</m:t>
                        </m:r>
                      </m:fName>
                      <m:e>
                        <m:r>
                          <a:rPr lang="en-GB" sz="1340" i="1">
                            <a:latin typeface="Cambria Math" panose="02040503050406030204" pitchFamily="18" charset="0"/>
                          </a:rPr>
                          <m:t>𝐽</m:t>
                        </m:r>
                      </m:e>
                    </m:func>
                    <m:r>
                      <a:rPr lang="en-GB" sz="1340" i="1">
                        <a:latin typeface="Cambria Math" panose="02040503050406030204" pitchFamily="18" charset="0"/>
                      </a:rPr>
                      <m:t>~ </m:t>
                    </m:r>
                    <m:r>
                      <a:rPr lang="en-GB" sz="1340" i="1">
                        <a:latin typeface="Cambria Math" panose="02040503050406030204" pitchFamily="18" charset="0"/>
                      </a:rPr>
                      <m:t>𝑁</m:t>
                    </m:r>
                    <m:d>
                      <m:dPr>
                        <m:ctrlPr>
                          <a:rPr lang="en-GB" sz="1340" i="1">
                            <a:latin typeface="Cambria Math" panose="02040503050406030204" pitchFamily="18" charset="0"/>
                          </a:rPr>
                        </m:ctrlPr>
                      </m:dPr>
                      <m:e>
                        <m:sSub>
                          <m:sSubPr>
                            <m:ctrlPr>
                              <a:rPr lang="en-GB" sz="1340" i="1">
                                <a:latin typeface="Cambria Math" panose="02040503050406030204" pitchFamily="18" charset="0"/>
                              </a:rPr>
                            </m:ctrlPr>
                          </m:sSubPr>
                          <m:e>
                            <m:r>
                              <a:rPr lang="en-GB" sz="1340" i="1">
                                <a:highlight>
                                  <a:srgbClr val="FFFF00"/>
                                </a:highlight>
                                <a:latin typeface="Cambria Math" panose="02040503050406030204" pitchFamily="18" charset="0"/>
                              </a:rPr>
                              <m:t>𝜇</m:t>
                            </m:r>
                          </m:e>
                          <m:sub>
                            <m:r>
                              <a:rPr lang="en-GB" sz="1340" i="1">
                                <a:latin typeface="Cambria Math" panose="02040503050406030204" pitchFamily="18" charset="0"/>
                              </a:rPr>
                              <m:t>𝐽</m:t>
                            </m:r>
                          </m:sub>
                        </m:sSub>
                        <m:r>
                          <a:rPr lang="en-GB" sz="1340" i="1">
                            <a:latin typeface="Cambria Math" panose="02040503050406030204" pitchFamily="18" charset="0"/>
                          </a:rPr>
                          <m:t>, </m:t>
                        </m:r>
                        <m:sSubSup>
                          <m:sSubSupPr>
                            <m:ctrlPr>
                              <a:rPr lang="en-GB" sz="1340" i="1">
                                <a:highlight>
                                  <a:srgbClr val="FFFF00"/>
                                </a:highlight>
                                <a:latin typeface="Cambria Math" panose="02040503050406030204" pitchFamily="18" charset="0"/>
                              </a:rPr>
                            </m:ctrlPr>
                          </m:sSubSupPr>
                          <m:e>
                            <m:r>
                              <a:rPr lang="en-GB" sz="1340" i="1">
                                <a:highlight>
                                  <a:srgbClr val="FFFF00"/>
                                </a:highlight>
                                <a:latin typeface="Cambria Math" panose="02040503050406030204" pitchFamily="18" charset="0"/>
                              </a:rPr>
                              <m:t>𝜎</m:t>
                            </m:r>
                          </m:e>
                          <m:sub>
                            <m:r>
                              <a:rPr lang="en-GB" sz="1340" i="1">
                                <a:highlight>
                                  <a:srgbClr val="FFFF00"/>
                                </a:highlight>
                                <a:latin typeface="Cambria Math" panose="02040503050406030204" pitchFamily="18" charset="0"/>
                              </a:rPr>
                              <m:t>𝐽</m:t>
                            </m:r>
                          </m:sub>
                          <m:sup>
                            <m:r>
                              <a:rPr lang="en-GB" sz="1340" i="1">
                                <a:highlight>
                                  <a:srgbClr val="FFFF00"/>
                                </a:highlight>
                                <a:latin typeface="Cambria Math" panose="02040503050406030204" pitchFamily="18" charset="0"/>
                              </a:rPr>
                              <m:t>2</m:t>
                            </m:r>
                          </m:sup>
                        </m:sSubSup>
                      </m:e>
                    </m:d>
                    <m:r>
                      <a:rPr lang="en-GB" sz="1340" i="1">
                        <a:latin typeface="Cambria Math" panose="02040503050406030204" pitchFamily="18" charset="0"/>
                      </a:rPr>
                      <m:t>.</m:t>
                    </m:r>
                  </m:oMath>
                </a14:m>
                <a:r>
                  <a:rPr lang="en-GB" sz="1340" i="1" dirty="0"/>
                  <a:t> The number of random jumps </a:t>
                </a:r>
                <a14:m>
                  <m:oMath xmlns:m="http://schemas.openxmlformats.org/officeDocument/2006/math">
                    <m:r>
                      <a:rPr lang="en-GB" sz="1340" i="1">
                        <a:latin typeface="Cambria Math" panose="02040503050406030204" pitchFamily="18" charset="0"/>
                      </a:rPr>
                      <m:t>𝑁</m:t>
                    </m:r>
                    <m:d>
                      <m:dPr>
                        <m:ctrlPr>
                          <a:rPr lang="en-GB" sz="1340" i="1">
                            <a:latin typeface="Cambria Math" panose="02040503050406030204" pitchFamily="18" charset="0"/>
                          </a:rPr>
                        </m:ctrlPr>
                      </m:dPr>
                      <m:e>
                        <m:r>
                          <a:rPr lang="en-GB" sz="1340" i="1">
                            <a:latin typeface="Cambria Math" panose="02040503050406030204" pitchFamily="18" charset="0"/>
                          </a:rPr>
                          <m:t>𝑡</m:t>
                        </m:r>
                      </m:e>
                    </m:d>
                  </m:oMath>
                </a14:m>
                <a:r>
                  <a:rPr lang="en-GB" sz="1340" i="1" dirty="0"/>
                  <a:t> that occur over the period </a:t>
                </a:r>
                <a14:m>
                  <m:oMath xmlns:m="http://schemas.openxmlformats.org/officeDocument/2006/math">
                    <m:r>
                      <a:rPr lang="en-GB" sz="1340" i="1">
                        <a:latin typeface="Cambria Math" panose="02040503050406030204" pitchFamily="18" charset="0"/>
                      </a:rPr>
                      <m:t>[0,</m:t>
                    </m:r>
                    <m:r>
                      <a:rPr lang="en-GB" sz="1340" i="1">
                        <a:latin typeface="Cambria Math" panose="02040503050406030204" pitchFamily="18" charset="0"/>
                      </a:rPr>
                      <m:t>𝑡</m:t>
                    </m:r>
                    <m:r>
                      <a:rPr lang="en-GB" sz="1340" i="1">
                        <a:latin typeface="Cambria Math" panose="02040503050406030204" pitchFamily="18" charset="0"/>
                      </a:rPr>
                      <m:t>]</m:t>
                    </m:r>
                  </m:oMath>
                </a14:m>
                <a:r>
                  <a:rPr lang="en-GB" sz="1340" i="1" dirty="0"/>
                  <a:t> is determined by a Poisson process with parameter </a:t>
                </a:r>
                <a14:m>
                  <m:oMath xmlns:m="http://schemas.openxmlformats.org/officeDocument/2006/math">
                    <m:r>
                      <a:rPr lang="en-GB" sz="1340" i="1">
                        <a:latin typeface="Cambria Math" panose="02040503050406030204" pitchFamily="18" charset="0"/>
                      </a:rPr>
                      <m:t>𝜆</m:t>
                    </m:r>
                    <m:r>
                      <a:rPr lang="en-GB" sz="1340" i="1">
                        <a:latin typeface="Cambria Math" panose="02040503050406030204" pitchFamily="18" charset="0"/>
                      </a:rPr>
                      <m:t>𝑡</m:t>
                    </m:r>
                  </m:oMath>
                </a14:m>
                <a:r>
                  <a:rPr lang="en-GB" sz="1340" i="1" dirty="0"/>
                  <a:t>, where </a:t>
                </a:r>
                <a14:m>
                  <m:oMath xmlns:m="http://schemas.openxmlformats.org/officeDocument/2006/math">
                    <m:r>
                      <a:rPr lang="en-GB" sz="1340" i="1">
                        <a:latin typeface="Cambria Math" panose="02040503050406030204" pitchFamily="18" charset="0"/>
                      </a:rPr>
                      <m:t>𝜆</m:t>
                    </m:r>
                  </m:oMath>
                </a14:m>
                <a:r>
                  <a:rPr lang="en-GB" sz="1340" i="1" dirty="0"/>
                  <a:t> is the jump arrival rate (the expected number of jumps per unit time). The Merton jump model can be written in the form:</a:t>
                </a:r>
              </a:p>
            </p:txBody>
          </p:sp>
        </mc:Choice>
        <mc:Fallback xmlns="">
          <p:sp>
            <p:nvSpPr>
              <p:cNvPr id="14" name="TextBox 13">
                <a:extLst>
                  <a:ext uri="{FF2B5EF4-FFF2-40B4-BE49-F238E27FC236}">
                    <a16:creationId xmlns:a16="http://schemas.microsoft.com/office/drawing/2014/main" id="{A497668D-699A-9BB5-5BE0-02DC3AE94CE1}"/>
                  </a:ext>
                </a:extLst>
              </p:cNvPr>
              <p:cNvSpPr txBox="1">
                <a:spLocks noRot="1" noChangeAspect="1" noMove="1" noResize="1" noEditPoints="1" noAdjustHandles="1" noChangeArrowheads="1" noChangeShapeType="1" noTextEdit="1"/>
              </p:cNvSpPr>
              <p:nvPr/>
            </p:nvSpPr>
            <p:spPr>
              <a:xfrm>
                <a:off x="4206875" y="2729803"/>
                <a:ext cx="7346950" cy="1080558"/>
              </a:xfrm>
              <a:prstGeom prst="rect">
                <a:avLst/>
              </a:prstGeom>
              <a:blipFill>
                <a:blip r:embed="rId3"/>
                <a:stretch>
                  <a:fillRect l="-166"/>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CA595919-BA79-7385-5A7B-D065AE5F4D49}"/>
                  </a:ext>
                </a:extLst>
              </p:cNvPr>
              <p:cNvSpPr txBox="1"/>
              <p:nvPr/>
            </p:nvSpPr>
            <p:spPr>
              <a:xfrm>
                <a:off x="6508220" y="4157892"/>
                <a:ext cx="2744259" cy="387350"/>
              </a:xfrm>
              <a:prstGeom prst="rect">
                <a:avLst/>
              </a:prstGeom>
              <a:noFill/>
            </p:spPr>
            <p:txBody>
              <a:bodyPr wrap="square" lIns="0" tIns="0" rIns="0" bIns="0" rtlCol="0" anchor="t">
                <a:normAutofit lnSpcReduction="10000"/>
              </a:bodyPr>
              <a:lstStyle/>
              <a:p>
                <a:pPr defTabSz="676656">
                  <a:lnSpc>
                    <a:spcPct val="90000"/>
                  </a:lnSpc>
                  <a:spcAft>
                    <a:spcPts val="600"/>
                  </a:spcAft>
                </a:pPr>
                <a14:m>
                  <m:oMath xmlns:m="http://schemas.openxmlformats.org/officeDocument/2006/math">
                    <m:f>
                      <m:fPr>
                        <m:ctrlPr>
                          <a:rPr lang="en-GB" sz="1340" b="0" i="1" kern="1200" smtClean="0">
                            <a:solidFill>
                              <a:schemeClr val="tx1"/>
                            </a:solidFill>
                            <a:latin typeface="Cambria Math" panose="02040503050406030204" pitchFamily="18" charset="0"/>
                          </a:rPr>
                        </m:ctrlPr>
                      </m:fPr>
                      <m:num>
                        <m:r>
                          <a:rPr lang="en-GB" sz="1340" i="1" kern="1200" smtClean="0">
                            <a:solidFill>
                              <a:schemeClr val="tx1"/>
                            </a:solidFill>
                            <a:latin typeface="Cambria Math" panose="02040503050406030204" pitchFamily="18" charset="0"/>
                          </a:rPr>
                          <m:t>𝑑</m:t>
                        </m:r>
                        <m:sSup>
                          <m:sSupPr>
                            <m:ctrlPr>
                              <a:rPr lang="en-GB" sz="1340" b="0" i="1" kern="1200" smtClean="0">
                                <a:solidFill>
                                  <a:schemeClr val="tx1"/>
                                </a:solidFill>
                                <a:latin typeface="Cambria Math" panose="02040503050406030204" pitchFamily="18" charset="0"/>
                              </a:rPr>
                            </m:ctrlPr>
                          </m:sSupPr>
                          <m:e>
                            <m:r>
                              <a:rPr lang="en-GB" sz="1340" b="0" i="1" kern="1200" smtClean="0">
                                <a:solidFill>
                                  <a:schemeClr val="tx1"/>
                                </a:solidFill>
                                <a:latin typeface="Cambria Math" panose="02040503050406030204" pitchFamily="18" charset="0"/>
                              </a:rPr>
                              <m:t>𝑆</m:t>
                            </m:r>
                          </m:e>
                          <m:sup>
                            <m:r>
                              <a:rPr lang="en-GB" sz="1340" b="0" i="1" kern="1200" smtClean="0">
                                <a:solidFill>
                                  <a:schemeClr val="tx1"/>
                                </a:solidFill>
                                <a:latin typeface="Cambria Math" panose="02040503050406030204" pitchFamily="18" charset="0"/>
                              </a:rPr>
                              <m:t>𝐽𝐷</m:t>
                            </m:r>
                          </m:sup>
                        </m:sSup>
                        <m:d>
                          <m:dPr>
                            <m:ctrlPr>
                              <a:rPr lang="en-GB" sz="1340" b="0" i="1" kern="1200" smtClean="0">
                                <a:solidFill>
                                  <a:schemeClr val="tx1"/>
                                </a:solidFill>
                                <a:latin typeface="Cambria Math" panose="02040503050406030204" pitchFamily="18" charset="0"/>
                              </a:rPr>
                            </m:ctrlPr>
                          </m:dPr>
                          <m:e>
                            <m:r>
                              <a:rPr lang="en-GB" sz="1340" b="0" i="1" kern="1200" smtClean="0">
                                <a:solidFill>
                                  <a:schemeClr val="tx1"/>
                                </a:solidFill>
                                <a:latin typeface="Cambria Math" panose="02040503050406030204" pitchFamily="18" charset="0"/>
                              </a:rPr>
                              <m:t>𝑡</m:t>
                            </m:r>
                          </m:e>
                        </m:d>
                      </m:num>
                      <m:den>
                        <m:sSup>
                          <m:sSupPr>
                            <m:ctrlPr>
                              <a:rPr lang="en-GB" sz="1340" b="0" i="1" kern="1200" smtClean="0">
                                <a:solidFill>
                                  <a:schemeClr val="tx1"/>
                                </a:solidFill>
                                <a:latin typeface="Cambria Math" panose="02040503050406030204" pitchFamily="18" charset="0"/>
                              </a:rPr>
                            </m:ctrlPr>
                          </m:sSupPr>
                          <m:e>
                            <m:r>
                              <a:rPr lang="en-GB" sz="1340" b="0" i="1" kern="1200" smtClean="0">
                                <a:solidFill>
                                  <a:schemeClr val="tx1"/>
                                </a:solidFill>
                                <a:latin typeface="Cambria Math" panose="02040503050406030204" pitchFamily="18" charset="0"/>
                              </a:rPr>
                              <m:t>𝑆</m:t>
                            </m:r>
                          </m:e>
                          <m:sup>
                            <m:r>
                              <a:rPr lang="en-GB" sz="1340" b="0" i="1" kern="1200" smtClean="0">
                                <a:solidFill>
                                  <a:schemeClr val="tx1"/>
                                </a:solidFill>
                                <a:latin typeface="Cambria Math" panose="02040503050406030204" pitchFamily="18" charset="0"/>
                              </a:rPr>
                              <m:t>𝐽𝐷</m:t>
                            </m:r>
                          </m:sup>
                        </m:sSup>
                        <m:r>
                          <a:rPr lang="en-GB" sz="1340" b="0" i="1" kern="1200" smtClean="0">
                            <a:solidFill>
                              <a:schemeClr val="tx1"/>
                            </a:solidFill>
                            <a:latin typeface="Cambria Math" panose="02040503050406030204" pitchFamily="18" charset="0"/>
                          </a:rPr>
                          <m:t>(</m:t>
                        </m:r>
                        <m:r>
                          <a:rPr lang="en-GB" sz="1340" b="0" i="1" kern="1200" smtClean="0">
                            <a:solidFill>
                              <a:schemeClr val="tx1"/>
                            </a:solidFill>
                            <a:latin typeface="Cambria Math" panose="02040503050406030204" pitchFamily="18" charset="0"/>
                          </a:rPr>
                          <m:t>𝑡</m:t>
                        </m:r>
                        <m:r>
                          <a:rPr lang="en-GB" sz="1340" b="0" i="1" kern="1200" smtClean="0">
                            <a:solidFill>
                              <a:schemeClr val="tx1"/>
                            </a:solidFill>
                            <a:latin typeface="Cambria Math" panose="02040503050406030204" pitchFamily="18" charset="0"/>
                          </a:rPr>
                          <m:t>_)</m:t>
                        </m:r>
                      </m:den>
                    </m:f>
                    <m:r>
                      <a:rPr lang="en-GB" sz="1340" i="1" kern="1200">
                        <a:solidFill>
                          <a:schemeClr val="tx1"/>
                        </a:solidFill>
                        <a:latin typeface="Cambria Math" panose="02040503050406030204" pitchFamily="18" charset="0"/>
                      </a:rPr>
                      <m:t>=</m:t>
                    </m:r>
                    <m:r>
                      <a:rPr lang="en-GB" sz="1340" b="0" i="1" kern="1200" smtClean="0">
                        <a:solidFill>
                          <a:schemeClr val="tx1"/>
                        </a:solidFill>
                        <a:latin typeface="Cambria Math" panose="02040503050406030204" pitchFamily="18" charset="0"/>
                      </a:rPr>
                      <m:t>−</m:t>
                    </m:r>
                    <m:r>
                      <a:rPr lang="en-GB" sz="1340" b="0" i="1" kern="1200" smtClean="0">
                        <a:solidFill>
                          <a:schemeClr val="tx1"/>
                        </a:solidFill>
                        <a:latin typeface="Cambria Math" panose="02040503050406030204" pitchFamily="18" charset="0"/>
                      </a:rPr>
                      <m:t>𝜆</m:t>
                    </m:r>
                    <m:acc>
                      <m:accPr>
                        <m:chr m:val="̅"/>
                        <m:ctrlPr>
                          <a:rPr lang="en-GB" sz="1340" b="0" i="1" kern="1200" smtClean="0">
                            <a:solidFill>
                              <a:schemeClr val="tx1"/>
                            </a:solidFill>
                            <a:latin typeface="Cambria Math" panose="02040503050406030204" pitchFamily="18" charset="0"/>
                          </a:rPr>
                        </m:ctrlPr>
                      </m:accPr>
                      <m:e>
                        <m:r>
                          <a:rPr lang="en-GB" sz="1340" b="0" i="1" kern="1200" smtClean="0">
                            <a:solidFill>
                              <a:schemeClr val="tx1"/>
                            </a:solidFill>
                            <a:latin typeface="Cambria Math" panose="02040503050406030204" pitchFamily="18" charset="0"/>
                          </a:rPr>
                          <m:t>𝜇</m:t>
                        </m:r>
                      </m:e>
                    </m:acc>
                    <m:r>
                      <a:rPr lang="en-GB" sz="1340" i="1" kern="1200">
                        <a:solidFill>
                          <a:schemeClr val="tx1"/>
                        </a:solidFill>
                        <a:latin typeface="Cambria Math" panose="02040503050406030204" pitchFamily="18" charset="0"/>
                      </a:rPr>
                      <m:t>𝑑𝑡</m:t>
                    </m:r>
                    <m:r>
                      <a:rPr lang="en-GB" sz="1340" i="1" kern="1200">
                        <a:solidFill>
                          <a:schemeClr val="tx1"/>
                        </a:solidFill>
                        <a:latin typeface="Cambria Math" panose="02040503050406030204" pitchFamily="18" charset="0"/>
                      </a:rPr>
                      <m:t>+(</m:t>
                    </m:r>
                    <m:r>
                      <a:rPr lang="en-GB" sz="1340" b="0" i="1" kern="1200" smtClean="0">
                        <a:solidFill>
                          <a:schemeClr val="tx1"/>
                        </a:solidFill>
                        <a:latin typeface="Cambria Math" panose="02040503050406030204" pitchFamily="18" charset="0"/>
                      </a:rPr>
                      <m:t>𝐽</m:t>
                    </m:r>
                    <m:r>
                      <a:rPr lang="en-GB" sz="1340" b="0" i="1" kern="1200" smtClean="0">
                        <a:solidFill>
                          <a:schemeClr val="tx1"/>
                        </a:solidFill>
                        <a:latin typeface="Cambria Math" panose="02040503050406030204" pitchFamily="18" charset="0"/>
                      </a:rPr>
                      <m:t> −1) </m:t>
                    </m:r>
                    <m:r>
                      <a:rPr lang="en-GB" sz="1340" i="1" kern="1200">
                        <a:solidFill>
                          <a:schemeClr val="tx1"/>
                        </a:solidFill>
                        <a:latin typeface="Cambria Math" panose="02040503050406030204" pitchFamily="18" charset="0"/>
                      </a:rPr>
                      <m:t>𝑑𝑁</m:t>
                    </m:r>
                    <m:r>
                      <a:rPr lang="en-GB" sz="1340" b="0" i="1" kern="1200" smtClean="0">
                        <a:solidFill>
                          <a:schemeClr val="tx1"/>
                        </a:solidFill>
                        <a:latin typeface="Cambria Math" panose="02040503050406030204" pitchFamily="18" charset="0"/>
                      </a:rPr>
                      <m:t>(</m:t>
                    </m:r>
                    <m:r>
                      <a:rPr lang="en-GB" sz="1340" b="0" i="1" kern="1200" smtClean="0">
                        <a:solidFill>
                          <a:schemeClr val="tx1"/>
                        </a:solidFill>
                        <a:latin typeface="Cambria Math" panose="02040503050406030204" pitchFamily="18" charset="0"/>
                      </a:rPr>
                      <m:t>𝑡</m:t>
                    </m:r>
                    <m:r>
                      <a:rPr lang="en-GB" sz="1340" b="0" i="1" kern="1200" smtClean="0">
                        <a:solidFill>
                          <a:schemeClr val="tx1"/>
                        </a:solidFill>
                        <a:latin typeface="Cambria Math" panose="02040503050406030204" pitchFamily="18" charset="0"/>
                      </a:rPr>
                      <m:t>)</m:t>
                    </m:r>
                  </m:oMath>
                </a14:m>
                <a:r>
                  <a:rPr lang="en-GB" sz="1340" kern="1200" dirty="0">
                    <a:solidFill>
                      <a:schemeClr val="tx1"/>
                    </a:solidFill>
                  </a:rPr>
                  <a:t>,</a:t>
                </a:r>
                <a:endParaRPr lang="en-GB" sz="1340" dirty="0"/>
              </a:p>
              <a:p>
                <a:pPr defTabSz="676656">
                  <a:lnSpc>
                    <a:spcPct val="90000"/>
                  </a:lnSpc>
                  <a:spcAft>
                    <a:spcPts val="600"/>
                  </a:spcAft>
                </a:pPr>
                <a:endParaRPr lang="en-GB" sz="1300" dirty="0"/>
              </a:p>
            </p:txBody>
          </p:sp>
        </mc:Choice>
        <mc:Fallback xmlns="">
          <p:sp>
            <p:nvSpPr>
              <p:cNvPr id="15" name="TextBox 14">
                <a:extLst>
                  <a:ext uri="{FF2B5EF4-FFF2-40B4-BE49-F238E27FC236}">
                    <a16:creationId xmlns:a16="http://schemas.microsoft.com/office/drawing/2014/main" id="{CA595919-BA79-7385-5A7B-D065AE5F4D49}"/>
                  </a:ext>
                </a:extLst>
              </p:cNvPr>
              <p:cNvSpPr txBox="1">
                <a:spLocks noRot="1" noChangeAspect="1" noMove="1" noResize="1" noEditPoints="1" noAdjustHandles="1" noChangeArrowheads="1" noChangeShapeType="1" noTextEdit="1"/>
              </p:cNvSpPr>
              <p:nvPr/>
            </p:nvSpPr>
            <p:spPr>
              <a:xfrm>
                <a:off x="6508220" y="4157892"/>
                <a:ext cx="2744259" cy="387350"/>
              </a:xfrm>
              <a:prstGeom prst="rect">
                <a:avLst/>
              </a:prstGeom>
              <a:blipFill>
                <a:blip r:embed="rId4"/>
                <a:stretch>
                  <a:fillRect l="-1556" t="-1250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DC169156-D1DE-7051-C671-E324498943AA}"/>
                  </a:ext>
                </a:extLst>
              </p:cNvPr>
              <p:cNvSpPr txBox="1"/>
              <p:nvPr/>
            </p:nvSpPr>
            <p:spPr>
              <a:xfrm>
                <a:off x="4206875" y="4844257"/>
                <a:ext cx="7346950" cy="319088"/>
              </a:xfrm>
              <a:prstGeom prst="rect">
                <a:avLst/>
              </a:prstGeom>
              <a:noFill/>
            </p:spPr>
            <p:txBody>
              <a:bodyPr wrap="square" rtlCol="0" anchor="t">
                <a:noAutofit/>
              </a:bodyPr>
              <a:lstStyle/>
              <a:p>
                <a:pPr defTabSz="676656">
                  <a:lnSpc>
                    <a:spcPct val="90000"/>
                  </a:lnSpc>
                  <a:spcAft>
                    <a:spcPts val="600"/>
                  </a:spcAft>
                </a:pPr>
                <a:r>
                  <a:rPr lang="en-GB" sz="1340" i="1" dirty="0"/>
                  <a:t>where </a:t>
                </a:r>
                <a14:m>
                  <m:oMath xmlns:m="http://schemas.openxmlformats.org/officeDocument/2006/math">
                    <m:sSup>
                      <m:sSupPr>
                        <m:ctrlPr>
                          <a:rPr lang="en-GB" sz="1340" i="1">
                            <a:latin typeface="Cambria Math" panose="02040503050406030204" pitchFamily="18" charset="0"/>
                          </a:rPr>
                        </m:ctrlPr>
                      </m:sSupPr>
                      <m:e>
                        <m:r>
                          <a:rPr lang="en-GB" sz="1340" i="1">
                            <a:latin typeface="Cambria Math" panose="02040503050406030204" pitchFamily="18" charset="0"/>
                          </a:rPr>
                          <m:t>𝑆</m:t>
                        </m:r>
                      </m:e>
                      <m:sup>
                        <m:r>
                          <a:rPr lang="en-GB" sz="1340" i="1">
                            <a:latin typeface="Cambria Math" panose="02040503050406030204" pitchFamily="18" charset="0"/>
                          </a:rPr>
                          <m:t>𝐽𝐷</m:t>
                        </m:r>
                      </m:sup>
                    </m:sSup>
                    <m:d>
                      <m:dPr>
                        <m:ctrlPr>
                          <a:rPr lang="en-GB" sz="1340" i="1">
                            <a:latin typeface="Cambria Math" panose="02040503050406030204" pitchFamily="18" charset="0"/>
                          </a:rPr>
                        </m:ctrlPr>
                      </m:dPr>
                      <m:e>
                        <m:r>
                          <a:rPr lang="en-GB" sz="1340" i="1">
                            <a:latin typeface="Cambria Math" panose="02040503050406030204" pitchFamily="18" charset="0"/>
                          </a:rPr>
                          <m:t>𝑡</m:t>
                        </m:r>
                        <m:r>
                          <a:rPr lang="en-GB" sz="1340" i="1">
                            <a:latin typeface="Cambria Math" panose="02040503050406030204" pitchFamily="18" charset="0"/>
                          </a:rPr>
                          <m:t>_</m:t>
                        </m:r>
                      </m:e>
                    </m:d>
                    <m:r>
                      <a:rPr lang="en-GB" sz="1340" i="1">
                        <a:latin typeface="Cambria Math" panose="02040503050406030204" pitchFamily="18" charset="0"/>
                      </a:rPr>
                      <m:t>=</m:t>
                    </m:r>
                    <m:func>
                      <m:funcPr>
                        <m:ctrlPr>
                          <a:rPr lang="en-GB" sz="1340" i="1">
                            <a:latin typeface="Cambria Math" panose="02040503050406030204" pitchFamily="18" charset="0"/>
                          </a:rPr>
                        </m:ctrlPr>
                      </m:funcPr>
                      <m:fName>
                        <m:limLow>
                          <m:limLowPr>
                            <m:ctrlPr>
                              <a:rPr lang="en-GB" sz="1340" i="1">
                                <a:latin typeface="Cambria Math" panose="02040503050406030204" pitchFamily="18" charset="0"/>
                              </a:rPr>
                            </m:ctrlPr>
                          </m:limLowPr>
                          <m:e>
                            <m:r>
                              <m:rPr>
                                <m:sty m:val="p"/>
                              </m:rPr>
                              <a:rPr lang="en-GB" sz="1340">
                                <a:latin typeface="Cambria Math" panose="02040503050406030204" pitchFamily="18" charset="0"/>
                              </a:rPr>
                              <m:t>lim</m:t>
                            </m:r>
                          </m:e>
                          <m:lim>
                            <m:r>
                              <a:rPr lang="en-GB" sz="1340" i="1">
                                <a:latin typeface="Cambria Math" panose="02040503050406030204" pitchFamily="18" charset="0"/>
                              </a:rPr>
                              <m:t>𝑡</m:t>
                            </m:r>
                            <m:r>
                              <a:rPr lang="en-GB" sz="1340" i="1">
                                <a:latin typeface="Cambria Math" panose="02040503050406030204" pitchFamily="18" charset="0"/>
                              </a:rPr>
                              <m:t>→</m:t>
                            </m:r>
                            <m:r>
                              <a:rPr lang="en-GB" sz="1340" i="1">
                                <a:latin typeface="Cambria Math" panose="02040503050406030204" pitchFamily="18" charset="0"/>
                              </a:rPr>
                              <m:t>𝑡</m:t>
                            </m:r>
                            <m:r>
                              <a:rPr lang="en-GB" sz="1340" i="1">
                                <a:latin typeface="Cambria Math" panose="02040503050406030204" pitchFamily="18" charset="0"/>
                              </a:rPr>
                              <m:t>_</m:t>
                            </m:r>
                          </m:lim>
                        </m:limLow>
                      </m:fName>
                      <m:e>
                        <m:sSup>
                          <m:sSupPr>
                            <m:ctrlPr>
                              <a:rPr lang="en-GB" sz="1340" i="1">
                                <a:latin typeface="Cambria Math" panose="02040503050406030204" pitchFamily="18" charset="0"/>
                              </a:rPr>
                            </m:ctrlPr>
                          </m:sSupPr>
                          <m:e>
                            <m:r>
                              <a:rPr lang="en-GB" sz="1340" i="1">
                                <a:latin typeface="Cambria Math" panose="02040503050406030204" pitchFamily="18" charset="0"/>
                              </a:rPr>
                              <m:t>𝑆</m:t>
                            </m:r>
                          </m:e>
                          <m:sup>
                            <m:r>
                              <a:rPr lang="en-GB" sz="1340" i="1">
                                <a:latin typeface="Cambria Math" panose="02040503050406030204" pitchFamily="18" charset="0"/>
                              </a:rPr>
                              <m:t>𝐽𝐷</m:t>
                            </m:r>
                          </m:sup>
                        </m:sSup>
                        <m:r>
                          <a:rPr lang="en-GB" sz="1340" i="1">
                            <a:latin typeface="Cambria Math" panose="02040503050406030204" pitchFamily="18" charset="0"/>
                          </a:rPr>
                          <m:t>(</m:t>
                        </m:r>
                        <m:r>
                          <a:rPr lang="en-GB" sz="1340" i="1">
                            <a:latin typeface="Cambria Math" panose="02040503050406030204" pitchFamily="18" charset="0"/>
                          </a:rPr>
                          <m:t>𝑡</m:t>
                        </m:r>
                        <m:r>
                          <a:rPr lang="en-GB" sz="1340" i="1">
                            <a:latin typeface="Cambria Math" panose="02040503050406030204" pitchFamily="18" charset="0"/>
                          </a:rPr>
                          <m:t>)</m:t>
                        </m:r>
                      </m:e>
                    </m:func>
                  </m:oMath>
                </a14:m>
                <a:r>
                  <a:rPr lang="en-GB" sz="1340" i="1" dirty="0"/>
                  <a:t>. </a:t>
                </a:r>
              </a:p>
            </p:txBody>
          </p:sp>
        </mc:Choice>
        <mc:Fallback xmlns="">
          <p:sp>
            <p:nvSpPr>
              <p:cNvPr id="16" name="TextBox 15">
                <a:extLst>
                  <a:ext uri="{FF2B5EF4-FFF2-40B4-BE49-F238E27FC236}">
                    <a16:creationId xmlns:a16="http://schemas.microsoft.com/office/drawing/2014/main" id="{DC169156-D1DE-7051-C671-E324498943AA}"/>
                  </a:ext>
                </a:extLst>
              </p:cNvPr>
              <p:cNvSpPr txBox="1">
                <a:spLocks noRot="1" noChangeAspect="1" noMove="1" noResize="1" noEditPoints="1" noAdjustHandles="1" noChangeArrowheads="1" noChangeShapeType="1" noTextEdit="1"/>
              </p:cNvSpPr>
              <p:nvPr/>
            </p:nvSpPr>
            <p:spPr>
              <a:xfrm>
                <a:off x="4206875" y="4844257"/>
                <a:ext cx="7346950" cy="319088"/>
              </a:xfrm>
              <a:prstGeom prst="rect">
                <a:avLst/>
              </a:prstGeom>
              <a:blipFill>
                <a:blip r:embed="rId5"/>
                <a:stretch>
                  <a:fillRect l="-166" t="-9615" b="-7692"/>
                </a:stretch>
              </a:blipFill>
            </p:spPr>
            <p:txBody>
              <a:bodyPr/>
              <a:lstStyle/>
              <a:p>
                <a:r>
                  <a:rPr lang="en-GB">
                    <a:noFill/>
                  </a:rPr>
                  <a:t> </a:t>
                </a:r>
              </a:p>
            </p:txBody>
          </p:sp>
        </mc:Fallback>
      </mc:AlternateContent>
      <p:sp>
        <p:nvSpPr>
          <p:cNvPr id="11" name="Turton | Placeholder | SlideID: 366 | ID: 6">
            <a:extLst>
              <a:ext uri="{FF2B5EF4-FFF2-40B4-BE49-F238E27FC236}">
                <a16:creationId xmlns:a16="http://schemas.microsoft.com/office/drawing/2014/main" id="{1B2168CD-E8F9-0790-FCBD-D9F7CD00238B}"/>
              </a:ext>
            </a:extLst>
          </p:cNvPr>
          <p:cNvSpPr>
            <a:spLocks noGrp="1"/>
          </p:cNvSpPr>
          <p:nvPr>
            <p:ph type="title"/>
          </p:nvPr>
        </p:nvSpPr>
        <p:spPr>
          <a:xfrm>
            <a:off x="838200" y="171162"/>
            <a:ext cx="2840182" cy="2371148"/>
          </a:xfrm>
        </p:spPr>
        <p:txBody>
          <a:bodyPr vert="horz" lIns="91440" tIns="45720" rIns="91440" bIns="45720" rtlCol="0" anchor="ctr">
            <a:normAutofit/>
          </a:bodyPr>
          <a:lstStyle/>
          <a:p>
            <a:r>
              <a:rPr lang="en-US" sz="3200" kern="1200">
                <a:solidFill>
                  <a:srgbClr val="FFFFFF"/>
                </a:solidFill>
                <a:latin typeface="+mj-lt"/>
                <a:ea typeface="+mj-ea"/>
                <a:cs typeface="+mj-cs"/>
              </a:rPr>
              <a:t>Merton Jump Stochastic Differential equations</a:t>
            </a:r>
          </a:p>
        </p:txBody>
      </p:sp>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FF6B0B0E-AF28-75A0-F525-B3D8480947D0}"/>
                  </a:ext>
                </a:extLst>
              </p:cNvPr>
              <p:cNvSpPr txBox="1"/>
              <p:nvPr/>
            </p:nvSpPr>
            <p:spPr>
              <a:xfrm>
                <a:off x="634278" y="4077395"/>
                <a:ext cx="3248026" cy="681918"/>
              </a:xfrm>
              <a:prstGeom prst="rect">
                <a:avLst/>
              </a:prstGeom>
              <a:noFill/>
            </p:spPr>
            <p:txBody>
              <a:bodyPr wrap="square" rtlCol="0">
                <a:spAutoFit/>
              </a:bodyPr>
              <a:lstStyle/>
              <a:p>
                <a:pPr marL="285750" indent="-285750">
                  <a:buFont typeface="Arial" panose="020B0604020202020204" pitchFamily="34" charset="0"/>
                  <a:buChar char="•"/>
                </a:pPr>
                <a14:m>
                  <m:oMath xmlns:m="http://schemas.openxmlformats.org/officeDocument/2006/math">
                    <m:r>
                      <a:rPr lang="en-GB" sz="1200" b="0" i="1" smtClean="0">
                        <a:latin typeface="Cambria Math" panose="02040503050406030204" pitchFamily="18" charset="0"/>
                        <a:cs typeface="Arial" panose="020B0604020202020204" pitchFamily="34" charset="0"/>
                      </a:rPr>
                      <m:t>𝜆</m:t>
                    </m:r>
                  </m:oMath>
                </a14:m>
                <a:r>
                  <a:rPr lang="en-GB" sz="1200" i="1" dirty="0">
                    <a:latin typeface="Arial" panose="020B0604020202020204" pitchFamily="34" charset="0"/>
                    <a:cs typeface="Arial" panose="020B0604020202020204" pitchFamily="34" charset="0"/>
                  </a:rPr>
                  <a:t> is the jump arrival rate,</a:t>
                </a:r>
              </a:p>
              <a:p>
                <a:pPr marL="285750" indent="-285750">
                  <a:buFont typeface="Arial" panose="020B0604020202020204" pitchFamily="34" charset="0"/>
                  <a:buChar char="•"/>
                </a:pPr>
                <a14:m>
                  <m:oMath xmlns:m="http://schemas.openxmlformats.org/officeDocument/2006/math">
                    <m:sSub>
                      <m:sSubPr>
                        <m:ctrlPr>
                          <a:rPr lang="en-GB" sz="1200" b="0" i="1" smtClean="0">
                            <a:latin typeface="Cambria Math" panose="02040503050406030204" pitchFamily="18" charset="0"/>
                          </a:rPr>
                        </m:ctrlPr>
                      </m:sSubPr>
                      <m:e>
                        <m:r>
                          <a:rPr lang="en-GB" sz="1200" b="0" i="1" smtClean="0">
                            <a:latin typeface="Cambria Math" panose="02040503050406030204" pitchFamily="18" charset="0"/>
                          </a:rPr>
                          <m:t>𝜇</m:t>
                        </m:r>
                      </m:e>
                      <m:sub>
                        <m:r>
                          <a:rPr lang="en-GB" sz="1200" b="0" i="1" smtClean="0">
                            <a:latin typeface="Cambria Math" panose="02040503050406030204" pitchFamily="18" charset="0"/>
                          </a:rPr>
                          <m:t>𝐽</m:t>
                        </m:r>
                      </m:sub>
                    </m:sSub>
                    <m:r>
                      <a:rPr lang="en-GB" sz="1200" b="0" i="1" smtClean="0">
                        <a:latin typeface="Cambria Math" panose="02040503050406030204" pitchFamily="18" charset="0"/>
                      </a:rPr>
                      <m:t> </m:t>
                    </m:r>
                  </m:oMath>
                </a14:m>
                <a:r>
                  <a:rPr lang="en-GB" sz="1200" b="0" i="1" dirty="0"/>
                  <a:t>is the jump mean,</a:t>
                </a:r>
              </a:p>
              <a:p>
                <a:pPr marL="285750" indent="-285750">
                  <a:buFont typeface="Arial" panose="020B0604020202020204" pitchFamily="34" charset="0"/>
                  <a:buChar char="•"/>
                </a:pPr>
                <a14:m>
                  <m:oMath xmlns:m="http://schemas.openxmlformats.org/officeDocument/2006/math">
                    <m:sSubSup>
                      <m:sSubSupPr>
                        <m:ctrlPr>
                          <a:rPr lang="en-GB" sz="1200" b="0" i="1" smtClean="0">
                            <a:latin typeface="Cambria Math" panose="02040503050406030204" pitchFamily="18" charset="0"/>
                          </a:rPr>
                        </m:ctrlPr>
                      </m:sSubSupPr>
                      <m:e>
                        <m:r>
                          <a:rPr lang="en-GB" sz="1200" b="0" i="1" smtClean="0">
                            <a:latin typeface="Cambria Math" panose="02040503050406030204" pitchFamily="18" charset="0"/>
                          </a:rPr>
                          <m:t>𝜎</m:t>
                        </m:r>
                      </m:e>
                      <m:sub>
                        <m:r>
                          <a:rPr lang="en-GB" sz="1200" b="0" i="1" smtClean="0">
                            <a:latin typeface="Cambria Math" panose="02040503050406030204" pitchFamily="18" charset="0"/>
                          </a:rPr>
                          <m:t>𝐽</m:t>
                        </m:r>
                      </m:sub>
                      <m:sup>
                        <m:r>
                          <a:rPr lang="en-GB" sz="1200" b="0" i="1" smtClean="0">
                            <a:latin typeface="Cambria Math" panose="02040503050406030204" pitchFamily="18" charset="0"/>
                          </a:rPr>
                          <m:t>2</m:t>
                        </m:r>
                      </m:sup>
                    </m:sSubSup>
                    <m:r>
                      <a:rPr lang="en-GB" sz="1200" b="0" i="1" smtClean="0">
                        <a:latin typeface="Cambria Math" panose="02040503050406030204" pitchFamily="18" charset="0"/>
                      </a:rPr>
                      <m:t> </m:t>
                    </m:r>
                  </m:oMath>
                </a14:m>
                <a:r>
                  <a:rPr lang="en-GB" sz="1200" i="1" dirty="0">
                    <a:cs typeface="Arial" panose="020B0604020202020204" pitchFamily="34" charset="0"/>
                  </a:rPr>
                  <a:t>is the jump variance.</a:t>
                </a:r>
              </a:p>
            </p:txBody>
          </p:sp>
        </mc:Choice>
        <mc:Fallback xmlns="">
          <p:sp>
            <p:nvSpPr>
              <p:cNvPr id="19" name="TextBox 18">
                <a:extLst>
                  <a:ext uri="{FF2B5EF4-FFF2-40B4-BE49-F238E27FC236}">
                    <a16:creationId xmlns:a16="http://schemas.microsoft.com/office/drawing/2014/main" id="{FF6B0B0E-AF28-75A0-F525-B3D8480947D0}"/>
                  </a:ext>
                </a:extLst>
              </p:cNvPr>
              <p:cNvSpPr txBox="1">
                <a:spLocks noRot="1" noChangeAspect="1" noMove="1" noResize="1" noEditPoints="1" noAdjustHandles="1" noChangeArrowheads="1" noChangeShapeType="1" noTextEdit="1"/>
              </p:cNvSpPr>
              <p:nvPr/>
            </p:nvSpPr>
            <p:spPr>
              <a:xfrm>
                <a:off x="634278" y="4077395"/>
                <a:ext cx="3248026" cy="681918"/>
              </a:xfrm>
              <a:prstGeom prst="rect">
                <a:avLst/>
              </a:prstGeom>
              <a:blipFill>
                <a:blip r:embed="rId6"/>
                <a:stretch>
                  <a:fillRect t="-1786" b="-2679"/>
                </a:stretch>
              </a:blipFill>
            </p:spPr>
            <p:txBody>
              <a:bodyPr/>
              <a:lstStyle/>
              <a:p>
                <a:r>
                  <a:rPr lang="en-GB">
                    <a:noFill/>
                  </a:rPr>
                  <a:t> </a:t>
                </a:r>
              </a:p>
            </p:txBody>
          </p:sp>
        </mc:Fallback>
      </mc:AlternateContent>
      <p:grpSp>
        <p:nvGrpSpPr>
          <p:cNvPr id="20" name="Group_45200.7089351852030194">
            <a:extLst>
              <a:ext uri="{FF2B5EF4-FFF2-40B4-BE49-F238E27FC236}">
                <a16:creationId xmlns:a16="http://schemas.microsoft.com/office/drawing/2014/main" id="{DDF4786B-D72F-A659-293F-774CD2D9997D}"/>
              </a:ext>
            </a:extLst>
          </p:cNvPr>
          <p:cNvGrpSpPr/>
          <p:nvPr/>
        </p:nvGrpSpPr>
        <p:grpSpPr>
          <a:xfrm>
            <a:off x="838200" y="3660135"/>
            <a:ext cx="370206" cy="425961"/>
            <a:chOff x="4540460" y="2116349"/>
            <a:chExt cx="3351203" cy="4005403"/>
          </a:xfrm>
        </p:grpSpPr>
        <p:sp>
          <p:nvSpPr>
            <p:cNvPr id="22" name="Turton | Freeform | ID: 401_0">
              <a:extLst>
                <a:ext uri="{FF2B5EF4-FFF2-40B4-BE49-F238E27FC236}">
                  <a16:creationId xmlns:a16="http://schemas.microsoft.com/office/drawing/2014/main" id="{C6F2FC37-5319-4C75-0188-F8EDD7A99747}"/>
                </a:ext>
              </a:extLst>
            </p:cNvPr>
            <p:cNvSpPr>
              <a:spLocks noChangeAspect="1"/>
            </p:cNvSpPr>
            <p:nvPr/>
          </p:nvSpPr>
          <p:spPr>
            <a:xfrm rot="18900000">
              <a:off x="7318079" y="4239773"/>
              <a:ext cx="573584" cy="1881979"/>
            </a:xfrm>
            <a:custGeom>
              <a:avLst/>
              <a:gdLst>
                <a:gd name="connsiteX0" fmla="*/ 161926 w 638175"/>
                <a:gd name="connsiteY0" fmla="*/ 0 h 2093910"/>
                <a:gd name="connsiteX1" fmla="*/ 319090 w 638175"/>
                <a:gd name="connsiteY1" fmla="*/ 7936 h 2093910"/>
                <a:gd name="connsiteX2" fmla="*/ 476251 w 638175"/>
                <a:gd name="connsiteY2" fmla="*/ 0 h 2093910"/>
                <a:gd name="connsiteX3" fmla="*/ 476251 w 638175"/>
                <a:gd name="connsiteY3" fmla="*/ 703260 h 2093910"/>
                <a:gd name="connsiteX4" fmla="*/ 636095 w 638175"/>
                <a:gd name="connsiteY4" fmla="*/ 703260 h 2093910"/>
                <a:gd name="connsiteX5" fmla="*/ 638175 w 638175"/>
                <a:gd name="connsiteY5" fmla="*/ 723897 h 2093910"/>
                <a:gd name="connsiteX6" fmla="*/ 638175 w 638175"/>
                <a:gd name="connsiteY6" fmla="*/ 1892298 h 2093910"/>
                <a:gd name="connsiteX7" fmla="*/ 436563 w 638175"/>
                <a:gd name="connsiteY7" fmla="*/ 2093910 h 2093910"/>
                <a:gd name="connsiteX8" fmla="*/ 201612 w 638175"/>
                <a:gd name="connsiteY8" fmla="*/ 2093910 h 2093910"/>
                <a:gd name="connsiteX9" fmla="*/ 0 w 638175"/>
                <a:gd name="connsiteY9" fmla="*/ 1892298 h 2093910"/>
                <a:gd name="connsiteX10" fmla="*/ 0 w 638175"/>
                <a:gd name="connsiteY10" fmla="*/ 723897 h 2093910"/>
                <a:gd name="connsiteX11" fmla="*/ 2081 w 638175"/>
                <a:gd name="connsiteY11" fmla="*/ 703260 h 2093910"/>
                <a:gd name="connsiteX12" fmla="*/ 161926 w 638175"/>
                <a:gd name="connsiteY12" fmla="*/ 703260 h 2093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38175" h="2093910">
                  <a:moveTo>
                    <a:pt x="161926" y="0"/>
                  </a:moveTo>
                  <a:lnTo>
                    <a:pt x="319090" y="7936"/>
                  </a:lnTo>
                  <a:lnTo>
                    <a:pt x="476251" y="0"/>
                  </a:lnTo>
                  <a:lnTo>
                    <a:pt x="476251" y="703260"/>
                  </a:lnTo>
                  <a:lnTo>
                    <a:pt x="636095" y="703260"/>
                  </a:lnTo>
                  <a:lnTo>
                    <a:pt x="638175" y="723897"/>
                  </a:lnTo>
                  <a:lnTo>
                    <a:pt x="638175" y="1892298"/>
                  </a:lnTo>
                  <a:cubicBezTo>
                    <a:pt x="638175" y="2003645"/>
                    <a:pt x="547910" y="2093910"/>
                    <a:pt x="436563" y="2093910"/>
                  </a:cubicBezTo>
                  <a:lnTo>
                    <a:pt x="201612" y="2093910"/>
                  </a:lnTo>
                  <a:cubicBezTo>
                    <a:pt x="90265" y="2093910"/>
                    <a:pt x="0" y="2003645"/>
                    <a:pt x="0" y="1892298"/>
                  </a:cubicBezTo>
                  <a:lnTo>
                    <a:pt x="0" y="723897"/>
                  </a:lnTo>
                  <a:lnTo>
                    <a:pt x="2081" y="703260"/>
                  </a:lnTo>
                  <a:lnTo>
                    <a:pt x="161926" y="703260"/>
                  </a:lnTo>
                  <a:close/>
                </a:path>
              </a:pathLst>
            </a:cu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05" dirty="0"/>
            </a:p>
          </p:txBody>
        </p:sp>
        <p:sp>
          <p:nvSpPr>
            <p:cNvPr id="23" name="Turton | Autoshape | ID: 401_1">
              <a:extLst>
                <a:ext uri="{FF2B5EF4-FFF2-40B4-BE49-F238E27FC236}">
                  <a16:creationId xmlns:a16="http://schemas.microsoft.com/office/drawing/2014/main" id="{D751E725-50D9-6634-731E-5F7B4A18CEDB}"/>
                </a:ext>
              </a:extLst>
            </p:cNvPr>
            <p:cNvSpPr>
              <a:spLocks noChangeAspect="1"/>
            </p:cNvSpPr>
            <p:nvPr/>
          </p:nvSpPr>
          <p:spPr>
            <a:xfrm>
              <a:off x="4540460" y="2116349"/>
              <a:ext cx="2816548" cy="2816550"/>
            </a:xfrm>
            <a:prstGeom prst="ellipse">
              <a:avLst/>
            </a:prstGeom>
            <a:noFill/>
            <a:ln w="76200">
              <a:solidFill>
                <a:schemeClr val="accent4"/>
              </a:solidFill>
            </a:ln>
            <a:extLst>
              <a:ext uri="{909E8E84-426E-40DD-AFC4-6F175D3DCCD1}">
                <a14:hiddenFill xmlns:a14="http://schemas.microsoft.com/office/drawing/2010/main">
                  <a:solidFill>
                    <a:schemeClr val="bg1"/>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05" dirty="0"/>
            </a:p>
          </p:txBody>
        </p:sp>
      </p:grpSp>
    </p:spTree>
    <p:extLst>
      <p:ext uri="{BB962C8B-B14F-4D97-AF65-F5344CB8AC3E}">
        <p14:creationId xmlns:p14="http://schemas.microsoft.com/office/powerpoint/2010/main" val="261394655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8" name="Flowchart: Document 20">
            <a:extLst>
              <a:ext uri="{FF2B5EF4-FFF2-40B4-BE49-F238E27FC236}">
                <a16:creationId xmlns:a16="http://schemas.microsoft.com/office/drawing/2014/main" id="{D12DDE76-C203-4047-9998-63900085B5E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8175" y="0"/>
            <a:ext cx="3248025" cy="3400426"/>
          </a:xfrm>
          <a:prstGeom prst="flowChartDocumen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2" name="TextBox 11">
            <a:extLst>
              <a:ext uri="{FF2B5EF4-FFF2-40B4-BE49-F238E27FC236}">
                <a16:creationId xmlns:a16="http://schemas.microsoft.com/office/drawing/2014/main" id="{C90A82C6-3C64-759D-735F-F2D6BEE973AD}"/>
              </a:ext>
            </a:extLst>
          </p:cNvPr>
          <p:cNvSpPr txBox="1"/>
          <p:nvPr/>
        </p:nvSpPr>
        <p:spPr>
          <a:xfrm>
            <a:off x="4206875" y="1694655"/>
            <a:ext cx="7346950" cy="428625"/>
          </a:xfrm>
          <a:prstGeom prst="rect">
            <a:avLst/>
          </a:prstGeom>
          <a:noFill/>
        </p:spPr>
        <p:txBody>
          <a:bodyPr wrap="square"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The model equation:</a:t>
            </a: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E3BAB780-C350-B2C2-F660-B190FF0DA077}"/>
                  </a:ext>
                </a:extLst>
              </p:cNvPr>
              <p:cNvSpPr txBox="1"/>
              <p:nvPr/>
            </p:nvSpPr>
            <p:spPr>
              <a:xfrm>
                <a:off x="4578350" y="2123280"/>
                <a:ext cx="6604000" cy="428625"/>
              </a:xfrm>
              <a:prstGeom prst="rect">
                <a:avLst/>
              </a:prstGeom>
              <a:noFill/>
            </p:spPr>
            <p:txBody>
              <a:bodyPr wrap="square" lIns="0" tIns="0" rIns="0" bIns="0"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14:m>
                  <m:oMath xmlns:m="http://schemas.openxmlformats.org/officeDocument/2006/math">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𝑙𝑛</m:t>
                    </m:r>
                    <m:sSubSup>
                      <m:sSub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Sup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𝑆</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Δ</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𝑆𝑉</m:t>
                        </m:r>
                      </m:sup>
                    </m:sSub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𝑙𝑛</m:t>
                    </m:r>
                    <m:sSubSup>
                      <m:sSub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Sup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𝑆</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Δ</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up>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𝐽𝐷</m:t>
                        </m:r>
                      </m:sup>
                    </m:sSubSup>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𝑙𝑛</m:t>
                    </m:r>
                    <m:sSubSup>
                      <m:sSub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Sup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𝑆</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𝑆𝑉</m:t>
                        </m:r>
                      </m:sup>
                    </m:sSub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d>
                      <m:d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d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𝜇</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f>
                          <m:f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fPr>
                          <m:num>
                            <m:sSub>
                              <m:sSub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𝜈</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Sub>
                          </m:num>
                          <m:den>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2</m:t>
                            </m:r>
                          </m:den>
                        </m:f>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e>
                    </m:d>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Δ</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ad>
                      <m:radPr>
                        <m:degHide m:val="on"/>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radPr>
                      <m:deg/>
                      <m:e>
                        <m:sSub>
                          <m:sSub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𝜈</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Sub>
                      </m:e>
                    </m:rad>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rad>
                      <m:radPr>
                        <m:degHide m:val="on"/>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radPr>
                      <m:deg/>
                      <m:e>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Δ</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e>
                    </m:rad>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sSup>
                      <m:s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p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𝑊</m:t>
                        </m:r>
                      </m:e>
                      <m: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1</m:t>
                        </m:r>
                      </m:sup>
                    </m:s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𝑙𝑛</m:t>
                    </m:r>
                    <m:sSubSup>
                      <m:sSub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Sup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𝑆</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𝐽𝐷</m:t>
                        </m:r>
                      </m:sup>
                    </m:sSub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𝜆</m:t>
                    </m:r>
                    <m:acc>
                      <m:accPr>
                        <m:chr m:val="̅"/>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acc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𝜇</m:t>
                        </m:r>
                      </m:e>
                    </m:acc>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Δ</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oMath>
                </a14:m>
                <a:r>
                  <a:rPr kumimoji="0" lang="en-GB" sz="1340" b="0" i="0" u="none" strike="noStrike" kern="1200" cap="none" spc="0" normalizeH="0" baseline="0" noProof="0" dirty="0">
                    <a:ln>
                      <a:noFill/>
                    </a:ln>
                    <a:solidFill>
                      <a:prstClr val="black"/>
                    </a:solidFill>
                    <a:effectLst/>
                    <a:uLnTx/>
                    <a:uFillTx/>
                    <a:latin typeface="Arial" panose="020B0604020202020204"/>
                    <a:ea typeface="+mn-ea"/>
                    <a:cs typeface="+mn-cs"/>
                  </a:rPr>
                  <a:t> </a:t>
                </a:r>
                <a14:m>
                  <m:oMath xmlns:m="http://schemas.openxmlformats.org/officeDocument/2006/math">
                    <m:nary>
                      <m:naryPr>
                        <m:chr m:val="∑"/>
                        <m:ctrlP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ctrlPr>
                      </m:naryPr>
                      <m:sub>
                        <m:r>
                          <m:rPr>
                            <m:brk m:alnAt="23"/>
                          </m:rP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𝑢</m:t>
                        </m:r>
                        <m: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1</m:t>
                        </m:r>
                      </m:sub>
                      <m:sup>
                        <m: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𝑁</m:t>
                        </m:r>
                        <m: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m:t>
                        </m:r>
                        <m:r>
                          <m:rPr>
                            <m:sty m:val="p"/>
                          </m:rPr>
                          <a:rPr kumimoji="0" lang="en-GB" sz="1340" b="0" i="0"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Δ</m:t>
                        </m:r>
                        <m: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m:t>
                        </m:r>
                      </m:sup>
                      <m:e>
                        <m: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𝑙𝑛</m:t>
                        </m:r>
                        <m:sSub>
                          <m:sSubPr>
                            <m:ctrlP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ctrlPr>
                          </m:sSubPr>
                          <m:e>
                            <m: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𝐽</m:t>
                            </m:r>
                          </m:e>
                          <m:sub>
                            <m:r>
                              <a:rPr kumimoji="0" lang="en-GB" sz="134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𝑢</m:t>
                            </m:r>
                          </m:sub>
                        </m:sSub>
                      </m:e>
                    </m:nary>
                  </m:oMath>
                </a14:m>
                <a:r>
                  <a:rPr kumimoji="0" lang="en-GB" sz="1340" b="0" i="0" u="none" strike="noStrike" kern="1200" cap="none" spc="0" normalizeH="0" baseline="0" noProof="0" dirty="0">
                    <a:ln>
                      <a:noFill/>
                    </a:ln>
                    <a:solidFill>
                      <a:prstClr val="black"/>
                    </a:solidFill>
                    <a:effectLst/>
                    <a:uLnTx/>
                    <a:uFillTx/>
                    <a:latin typeface="Arial" panose="020B0604020202020204"/>
                    <a:ea typeface="+mn-ea"/>
                    <a:cs typeface="+mn-cs"/>
                  </a:rPr>
                  <a:t>,</a:t>
                </a:r>
              </a:p>
            </p:txBody>
          </p:sp>
        </mc:Choice>
        <mc:Fallback xmlns="">
          <p:sp>
            <p:nvSpPr>
              <p:cNvPr id="13" name="TextBox 12">
                <a:extLst>
                  <a:ext uri="{FF2B5EF4-FFF2-40B4-BE49-F238E27FC236}">
                    <a16:creationId xmlns:a16="http://schemas.microsoft.com/office/drawing/2014/main" id="{E3BAB780-C350-B2C2-F660-B190FF0DA077}"/>
                  </a:ext>
                </a:extLst>
              </p:cNvPr>
              <p:cNvSpPr txBox="1">
                <a:spLocks noRot="1" noChangeAspect="1" noMove="1" noResize="1" noEditPoints="1" noAdjustHandles="1" noChangeArrowheads="1" noChangeShapeType="1" noTextEdit="1"/>
              </p:cNvSpPr>
              <p:nvPr/>
            </p:nvSpPr>
            <p:spPr>
              <a:xfrm>
                <a:off x="4578350" y="2123280"/>
                <a:ext cx="6604000" cy="428625"/>
              </a:xfrm>
              <a:prstGeom prst="rect">
                <a:avLst/>
              </a:prstGeom>
              <a:blipFill>
                <a:blip r:embed="rId2"/>
                <a:stretch>
                  <a:fillRect l="-923" t="-77465" b="-80282"/>
                </a:stretch>
              </a:blipFill>
            </p:spPr>
            <p:txBody>
              <a:bodyPr/>
              <a:lstStyle/>
              <a:p>
                <a:r>
                  <a:rPr lang="en-GB">
                    <a:noFill/>
                  </a:rPr>
                  <a:t> </a:t>
                </a:r>
              </a:p>
            </p:txBody>
          </p:sp>
        </mc:Fallback>
      </mc:AlternateContent>
      <p:sp>
        <p:nvSpPr>
          <p:cNvPr id="11" name="Turton | Placeholder | SlideID: 366 | ID: 6">
            <a:extLst>
              <a:ext uri="{FF2B5EF4-FFF2-40B4-BE49-F238E27FC236}">
                <a16:creationId xmlns:a16="http://schemas.microsoft.com/office/drawing/2014/main" id="{1B2168CD-E8F9-0790-FCBD-D9F7CD00238B}"/>
              </a:ext>
            </a:extLst>
          </p:cNvPr>
          <p:cNvSpPr>
            <a:spLocks noGrp="1"/>
          </p:cNvSpPr>
          <p:nvPr>
            <p:ph type="title"/>
          </p:nvPr>
        </p:nvSpPr>
        <p:spPr>
          <a:xfrm>
            <a:off x="838200" y="393474"/>
            <a:ext cx="2840182" cy="1952118"/>
          </a:xfrm>
        </p:spPr>
        <p:txBody>
          <a:bodyPr vert="horz" lIns="91440" tIns="45720" rIns="91440" bIns="45720" rtlCol="0" anchor="ctr">
            <a:normAutofit fontScale="90000"/>
          </a:bodyPr>
          <a:lstStyle/>
          <a:p>
            <a:r>
              <a:rPr lang="en-US" sz="3200" kern="1200" dirty="0">
                <a:solidFill>
                  <a:srgbClr val="FFFFFF"/>
                </a:solidFill>
                <a:latin typeface="+mj-lt"/>
                <a:ea typeface="+mj-ea"/>
                <a:cs typeface="+mj-cs"/>
              </a:rPr>
              <a:t>Stochastic Volatility Jump Diffusion Model</a:t>
            </a:r>
            <a:br>
              <a:rPr lang="en-US" sz="3200" kern="1200" dirty="0">
                <a:solidFill>
                  <a:srgbClr val="FFFFFF"/>
                </a:solidFill>
                <a:latin typeface="+mj-lt"/>
                <a:ea typeface="+mj-ea"/>
                <a:cs typeface="+mj-cs"/>
              </a:rPr>
            </a:br>
            <a:endParaRPr lang="en-US" sz="3200" kern="1200" dirty="0">
              <a:solidFill>
                <a:srgbClr val="FFFFFF"/>
              </a:solidFill>
              <a:latin typeface="+mj-lt"/>
              <a:ea typeface="+mj-ea"/>
              <a:cs typeface="+mj-cs"/>
            </a:endParaRPr>
          </a:p>
        </p:txBody>
      </p:sp>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FF6B0B0E-AF28-75A0-F525-B3D8480947D0}"/>
                  </a:ext>
                </a:extLst>
              </p:cNvPr>
              <p:cNvSpPr txBox="1"/>
              <p:nvPr/>
            </p:nvSpPr>
            <p:spPr>
              <a:xfrm>
                <a:off x="634278" y="4077395"/>
                <a:ext cx="3248026" cy="2528577"/>
              </a:xfrm>
              <a:prstGeom prst="rect">
                <a:avLst/>
              </a:prstGeom>
              <a:noFill/>
            </p:spPr>
            <p:txBody>
              <a:bodyPr wrap="square" rtlCol="0">
                <a:spAutoFit/>
              </a:bodyPr>
              <a:lstStyle/>
              <a:p>
                <a:pPr marL="285750" indent="-285750">
                  <a:buFont typeface="Arial" panose="020B0604020202020204" pitchFamily="34" charset="0"/>
                  <a:buChar char="•"/>
                </a:pPr>
                <a14:m>
                  <m:oMath xmlns:m="http://schemas.openxmlformats.org/officeDocument/2006/math">
                    <m:r>
                      <a:rPr lang="en-GB" sz="1200" i="1">
                        <a:latin typeface="Cambria Math" panose="02040503050406030204" pitchFamily="18" charset="0"/>
                      </a:rPr>
                      <m:t>𝜃</m:t>
                    </m:r>
                  </m:oMath>
                </a14:m>
                <a:r>
                  <a:rPr lang="en-GB" sz="1200" i="1" dirty="0">
                    <a:latin typeface="Arial" panose="020B0604020202020204" pitchFamily="34" charset="0"/>
                    <a:cs typeface="Arial" panose="020B0604020202020204" pitchFamily="34" charset="0"/>
                  </a:rPr>
                  <a:t> is the mean reversion level of the volatility process,</a:t>
                </a:r>
              </a:p>
              <a:p>
                <a:pPr marL="285750" indent="-285750">
                  <a:buFont typeface="Arial" panose="020B0604020202020204" pitchFamily="34" charset="0"/>
                  <a:buChar char="•"/>
                </a:pPr>
                <a14:m>
                  <m:oMath xmlns:m="http://schemas.openxmlformats.org/officeDocument/2006/math">
                    <m:r>
                      <a:rPr lang="en-GB" sz="1200" i="1">
                        <a:latin typeface="Cambria Math" panose="02040503050406030204" pitchFamily="18" charset="0"/>
                      </a:rPr>
                      <m:t>𝛼</m:t>
                    </m:r>
                    <m:r>
                      <a:rPr lang="en-GB" sz="1200" i="1">
                        <a:latin typeface="Cambria Math" panose="02040503050406030204" pitchFamily="18" charset="0"/>
                      </a:rPr>
                      <m:t> </m:t>
                    </m:r>
                  </m:oMath>
                </a14:m>
                <a:r>
                  <a:rPr lang="en-GB" sz="1200" i="1" dirty="0"/>
                  <a:t>is the speed of mean reversion of the volatility process,</a:t>
                </a:r>
              </a:p>
              <a:p>
                <a:pPr marL="285750" indent="-285750">
                  <a:buFont typeface="Arial" panose="020B0604020202020204" pitchFamily="34" charset="0"/>
                  <a:buChar char="•"/>
                </a:pPr>
                <a14:m>
                  <m:oMath xmlns:m="http://schemas.openxmlformats.org/officeDocument/2006/math">
                    <m:r>
                      <a:rPr lang="en-GB" sz="1200" i="1">
                        <a:latin typeface="Cambria Math" panose="02040503050406030204" pitchFamily="18" charset="0"/>
                      </a:rPr>
                      <m:t>𝜉</m:t>
                    </m:r>
                    <m:r>
                      <a:rPr lang="en-GB" sz="1200" i="1">
                        <a:latin typeface="Cambria Math" panose="02040503050406030204" pitchFamily="18" charset="0"/>
                      </a:rPr>
                      <m:t> </m:t>
                    </m:r>
                  </m:oMath>
                </a14:m>
                <a:r>
                  <a:rPr lang="en-GB" sz="1200" i="1" dirty="0">
                    <a:cs typeface="Arial" panose="020B0604020202020204" pitchFamily="34" charset="0"/>
                  </a:rPr>
                  <a:t>is the volatility of variance of the volatility process,</a:t>
                </a:r>
              </a:p>
              <a:p>
                <a:pPr marL="285750" indent="-285750">
                  <a:buFont typeface="Arial" panose="020B0604020202020204" pitchFamily="34" charset="0"/>
                  <a:buChar char="•"/>
                </a:pPr>
                <a14:m>
                  <m:oMath xmlns:m="http://schemas.openxmlformats.org/officeDocument/2006/math">
                    <m:r>
                      <a:rPr lang="en-GB" sz="1200" i="1">
                        <a:latin typeface="Cambria Math" panose="02040503050406030204" pitchFamily="18" charset="0"/>
                        <a:cs typeface="Arial" panose="020B0604020202020204" pitchFamily="34" charset="0"/>
                      </a:rPr>
                      <m:t>𝜌</m:t>
                    </m:r>
                  </m:oMath>
                </a14:m>
                <a:r>
                  <a:rPr lang="en-GB" sz="1200" i="1" dirty="0">
                    <a:cs typeface="Arial" panose="020B0604020202020204" pitchFamily="34" charset="0"/>
                  </a:rPr>
                  <a:t> is the correlation of two Wiener processes,</a:t>
                </a:r>
              </a:p>
              <a:p>
                <a:pPr marL="285750" indent="-285750">
                  <a:buFont typeface="Arial" panose="020B0604020202020204" pitchFamily="34" charset="0"/>
                  <a:buChar char="•"/>
                </a:pPr>
                <a14:m>
                  <m:oMath xmlns:m="http://schemas.openxmlformats.org/officeDocument/2006/math">
                    <m:sSub>
                      <m:sSubPr>
                        <m:ctrlPr>
                          <a:rPr lang="en-GB" sz="1200" i="1">
                            <a:latin typeface="Cambria Math" panose="02040503050406030204" pitchFamily="18" charset="0"/>
                            <a:cs typeface="Arial" panose="020B0604020202020204" pitchFamily="34" charset="0"/>
                          </a:rPr>
                        </m:ctrlPr>
                      </m:sSubPr>
                      <m:e>
                        <m:r>
                          <a:rPr lang="en-GB" sz="1200" i="1">
                            <a:latin typeface="Cambria Math" panose="02040503050406030204" pitchFamily="18" charset="0"/>
                            <a:cs typeface="Arial" panose="020B0604020202020204" pitchFamily="34" charset="0"/>
                          </a:rPr>
                          <m:t>𝜈</m:t>
                        </m:r>
                      </m:e>
                      <m:sub>
                        <m:r>
                          <a:rPr lang="en-GB" sz="1200" i="1">
                            <a:latin typeface="Cambria Math" panose="02040503050406030204" pitchFamily="18" charset="0"/>
                            <a:cs typeface="Arial" panose="020B0604020202020204" pitchFamily="34" charset="0"/>
                          </a:rPr>
                          <m:t>0</m:t>
                        </m:r>
                      </m:sub>
                    </m:sSub>
                  </m:oMath>
                </a14:m>
                <a:r>
                  <a:rPr lang="en-GB" sz="1200" i="1" dirty="0">
                    <a:cs typeface="Arial" panose="020B0604020202020204" pitchFamily="34" charset="0"/>
                  </a:rPr>
                  <a:t> is the initial value of the volatility process,</a:t>
                </a:r>
              </a:p>
              <a:p>
                <a:pPr marL="285750" indent="-285750">
                  <a:buFont typeface="Arial" panose="020B0604020202020204" pitchFamily="34" charset="0"/>
                  <a:buChar char="•"/>
                </a:pPr>
                <a14:m>
                  <m:oMath xmlns:m="http://schemas.openxmlformats.org/officeDocument/2006/math">
                    <m:r>
                      <a:rPr lang="en-GB" sz="1200" b="0" i="1" smtClean="0">
                        <a:latin typeface="Cambria Math" panose="02040503050406030204" pitchFamily="18" charset="0"/>
                        <a:cs typeface="Arial" panose="020B0604020202020204" pitchFamily="34" charset="0"/>
                      </a:rPr>
                      <m:t>𝜆</m:t>
                    </m:r>
                  </m:oMath>
                </a14:m>
                <a:r>
                  <a:rPr lang="en-GB" sz="1200" i="1" dirty="0">
                    <a:latin typeface="Arial" panose="020B0604020202020204" pitchFamily="34" charset="0"/>
                    <a:cs typeface="Arial" panose="020B0604020202020204" pitchFamily="34" charset="0"/>
                  </a:rPr>
                  <a:t> is the jump arrival rate,</a:t>
                </a:r>
              </a:p>
              <a:p>
                <a:pPr marL="285750" indent="-285750">
                  <a:buFont typeface="Arial" panose="020B0604020202020204" pitchFamily="34" charset="0"/>
                  <a:buChar char="•"/>
                </a:pPr>
                <a14:m>
                  <m:oMath xmlns:m="http://schemas.openxmlformats.org/officeDocument/2006/math">
                    <m:sSub>
                      <m:sSubPr>
                        <m:ctrlPr>
                          <a:rPr lang="en-GB" sz="1200" b="0" i="1" smtClean="0">
                            <a:latin typeface="Cambria Math" panose="02040503050406030204" pitchFamily="18" charset="0"/>
                          </a:rPr>
                        </m:ctrlPr>
                      </m:sSubPr>
                      <m:e>
                        <m:r>
                          <a:rPr lang="en-GB" sz="1200" b="0" i="1" smtClean="0">
                            <a:latin typeface="Cambria Math" panose="02040503050406030204" pitchFamily="18" charset="0"/>
                          </a:rPr>
                          <m:t>𝜇</m:t>
                        </m:r>
                      </m:e>
                      <m:sub>
                        <m:r>
                          <a:rPr lang="en-GB" sz="1200" b="0" i="1" smtClean="0">
                            <a:latin typeface="Cambria Math" panose="02040503050406030204" pitchFamily="18" charset="0"/>
                          </a:rPr>
                          <m:t>𝐽</m:t>
                        </m:r>
                      </m:sub>
                    </m:sSub>
                    <m:r>
                      <a:rPr lang="en-GB" sz="1200" b="0" i="1" smtClean="0">
                        <a:latin typeface="Cambria Math" panose="02040503050406030204" pitchFamily="18" charset="0"/>
                      </a:rPr>
                      <m:t> </m:t>
                    </m:r>
                  </m:oMath>
                </a14:m>
                <a:r>
                  <a:rPr lang="en-GB" sz="1200" b="0" i="1" dirty="0"/>
                  <a:t>is the jump mean,</a:t>
                </a:r>
              </a:p>
              <a:p>
                <a:pPr marL="285750" indent="-285750">
                  <a:buFont typeface="Arial" panose="020B0604020202020204" pitchFamily="34" charset="0"/>
                  <a:buChar char="•"/>
                </a:pPr>
                <a14:m>
                  <m:oMath xmlns:m="http://schemas.openxmlformats.org/officeDocument/2006/math">
                    <m:sSubSup>
                      <m:sSubSupPr>
                        <m:ctrlPr>
                          <a:rPr lang="en-GB" sz="1200" b="0" i="1" smtClean="0">
                            <a:latin typeface="Cambria Math" panose="02040503050406030204" pitchFamily="18" charset="0"/>
                          </a:rPr>
                        </m:ctrlPr>
                      </m:sSubSupPr>
                      <m:e>
                        <m:r>
                          <a:rPr lang="en-GB" sz="1200" b="0" i="1" smtClean="0">
                            <a:latin typeface="Cambria Math" panose="02040503050406030204" pitchFamily="18" charset="0"/>
                          </a:rPr>
                          <m:t>𝜎</m:t>
                        </m:r>
                      </m:e>
                      <m:sub>
                        <m:r>
                          <a:rPr lang="en-GB" sz="1200" b="0" i="1" smtClean="0">
                            <a:latin typeface="Cambria Math" panose="02040503050406030204" pitchFamily="18" charset="0"/>
                          </a:rPr>
                          <m:t>𝐽</m:t>
                        </m:r>
                      </m:sub>
                      <m:sup>
                        <m:r>
                          <a:rPr lang="en-GB" sz="1200" b="0" i="1" smtClean="0">
                            <a:latin typeface="Cambria Math" panose="02040503050406030204" pitchFamily="18" charset="0"/>
                          </a:rPr>
                          <m:t>2</m:t>
                        </m:r>
                      </m:sup>
                    </m:sSubSup>
                    <m:r>
                      <a:rPr lang="en-GB" sz="1200" b="0" i="1" smtClean="0">
                        <a:latin typeface="Cambria Math" panose="02040503050406030204" pitchFamily="18" charset="0"/>
                      </a:rPr>
                      <m:t> </m:t>
                    </m:r>
                  </m:oMath>
                </a14:m>
                <a:r>
                  <a:rPr lang="en-GB" sz="1200" i="1" dirty="0">
                    <a:cs typeface="Arial" panose="020B0604020202020204" pitchFamily="34" charset="0"/>
                  </a:rPr>
                  <a:t>is the jump variance.</a:t>
                </a:r>
              </a:p>
            </p:txBody>
          </p:sp>
        </mc:Choice>
        <mc:Fallback xmlns="">
          <p:sp>
            <p:nvSpPr>
              <p:cNvPr id="19" name="TextBox 18">
                <a:extLst>
                  <a:ext uri="{FF2B5EF4-FFF2-40B4-BE49-F238E27FC236}">
                    <a16:creationId xmlns:a16="http://schemas.microsoft.com/office/drawing/2014/main" id="{FF6B0B0E-AF28-75A0-F525-B3D8480947D0}"/>
                  </a:ext>
                </a:extLst>
              </p:cNvPr>
              <p:cNvSpPr txBox="1">
                <a:spLocks noRot="1" noChangeAspect="1" noMove="1" noResize="1" noEditPoints="1" noAdjustHandles="1" noChangeArrowheads="1" noChangeShapeType="1" noTextEdit="1"/>
              </p:cNvSpPr>
              <p:nvPr/>
            </p:nvSpPr>
            <p:spPr>
              <a:xfrm>
                <a:off x="634278" y="4077395"/>
                <a:ext cx="3248026" cy="2528577"/>
              </a:xfrm>
              <a:prstGeom prst="rect">
                <a:avLst/>
              </a:prstGeom>
              <a:blipFill>
                <a:blip r:embed="rId3"/>
                <a:stretch>
                  <a:fillRect t="-482"/>
                </a:stretch>
              </a:blipFill>
            </p:spPr>
            <p:txBody>
              <a:bodyPr/>
              <a:lstStyle/>
              <a:p>
                <a:r>
                  <a:rPr lang="en-GB">
                    <a:noFill/>
                  </a:rPr>
                  <a:t> </a:t>
                </a:r>
              </a:p>
            </p:txBody>
          </p:sp>
        </mc:Fallback>
      </mc:AlternateContent>
      <p:grpSp>
        <p:nvGrpSpPr>
          <p:cNvPr id="20" name="Group_45200.7089351852030194">
            <a:extLst>
              <a:ext uri="{FF2B5EF4-FFF2-40B4-BE49-F238E27FC236}">
                <a16:creationId xmlns:a16="http://schemas.microsoft.com/office/drawing/2014/main" id="{DDF4786B-D72F-A659-293F-774CD2D9997D}"/>
              </a:ext>
            </a:extLst>
          </p:cNvPr>
          <p:cNvGrpSpPr/>
          <p:nvPr/>
        </p:nvGrpSpPr>
        <p:grpSpPr>
          <a:xfrm>
            <a:off x="838200" y="3660135"/>
            <a:ext cx="370206" cy="425961"/>
            <a:chOff x="4540460" y="2116349"/>
            <a:chExt cx="3351203" cy="4005403"/>
          </a:xfrm>
        </p:grpSpPr>
        <p:sp>
          <p:nvSpPr>
            <p:cNvPr id="22" name="Turton | Freeform | ID: 401_0">
              <a:extLst>
                <a:ext uri="{FF2B5EF4-FFF2-40B4-BE49-F238E27FC236}">
                  <a16:creationId xmlns:a16="http://schemas.microsoft.com/office/drawing/2014/main" id="{C6F2FC37-5319-4C75-0188-F8EDD7A99747}"/>
                </a:ext>
              </a:extLst>
            </p:cNvPr>
            <p:cNvSpPr>
              <a:spLocks noChangeAspect="1"/>
            </p:cNvSpPr>
            <p:nvPr/>
          </p:nvSpPr>
          <p:spPr>
            <a:xfrm rot="18900000">
              <a:off x="7318079" y="4239773"/>
              <a:ext cx="573584" cy="1881979"/>
            </a:xfrm>
            <a:custGeom>
              <a:avLst/>
              <a:gdLst>
                <a:gd name="connsiteX0" fmla="*/ 161926 w 638175"/>
                <a:gd name="connsiteY0" fmla="*/ 0 h 2093910"/>
                <a:gd name="connsiteX1" fmla="*/ 319090 w 638175"/>
                <a:gd name="connsiteY1" fmla="*/ 7936 h 2093910"/>
                <a:gd name="connsiteX2" fmla="*/ 476251 w 638175"/>
                <a:gd name="connsiteY2" fmla="*/ 0 h 2093910"/>
                <a:gd name="connsiteX3" fmla="*/ 476251 w 638175"/>
                <a:gd name="connsiteY3" fmla="*/ 703260 h 2093910"/>
                <a:gd name="connsiteX4" fmla="*/ 636095 w 638175"/>
                <a:gd name="connsiteY4" fmla="*/ 703260 h 2093910"/>
                <a:gd name="connsiteX5" fmla="*/ 638175 w 638175"/>
                <a:gd name="connsiteY5" fmla="*/ 723897 h 2093910"/>
                <a:gd name="connsiteX6" fmla="*/ 638175 w 638175"/>
                <a:gd name="connsiteY6" fmla="*/ 1892298 h 2093910"/>
                <a:gd name="connsiteX7" fmla="*/ 436563 w 638175"/>
                <a:gd name="connsiteY7" fmla="*/ 2093910 h 2093910"/>
                <a:gd name="connsiteX8" fmla="*/ 201612 w 638175"/>
                <a:gd name="connsiteY8" fmla="*/ 2093910 h 2093910"/>
                <a:gd name="connsiteX9" fmla="*/ 0 w 638175"/>
                <a:gd name="connsiteY9" fmla="*/ 1892298 h 2093910"/>
                <a:gd name="connsiteX10" fmla="*/ 0 w 638175"/>
                <a:gd name="connsiteY10" fmla="*/ 723897 h 2093910"/>
                <a:gd name="connsiteX11" fmla="*/ 2081 w 638175"/>
                <a:gd name="connsiteY11" fmla="*/ 703260 h 2093910"/>
                <a:gd name="connsiteX12" fmla="*/ 161926 w 638175"/>
                <a:gd name="connsiteY12" fmla="*/ 703260 h 2093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38175" h="2093910">
                  <a:moveTo>
                    <a:pt x="161926" y="0"/>
                  </a:moveTo>
                  <a:lnTo>
                    <a:pt x="319090" y="7936"/>
                  </a:lnTo>
                  <a:lnTo>
                    <a:pt x="476251" y="0"/>
                  </a:lnTo>
                  <a:lnTo>
                    <a:pt x="476251" y="703260"/>
                  </a:lnTo>
                  <a:lnTo>
                    <a:pt x="636095" y="703260"/>
                  </a:lnTo>
                  <a:lnTo>
                    <a:pt x="638175" y="723897"/>
                  </a:lnTo>
                  <a:lnTo>
                    <a:pt x="638175" y="1892298"/>
                  </a:lnTo>
                  <a:cubicBezTo>
                    <a:pt x="638175" y="2003645"/>
                    <a:pt x="547910" y="2093910"/>
                    <a:pt x="436563" y="2093910"/>
                  </a:cubicBezTo>
                  <a:lnTo>
                    <a:pt x="201612" y="2093910"/>
                  </a:lnTo>
                  <a:cubicBezTo>
                    <a:pt x="90265" y="2093910"/>
                    <a:pt x="0" y="2003645"/>
                    <a:pt x="0" y="1892298"/>
                  </a:cubicBezTo>
                  <a:lnTo>
                    <a:pt x="0" y="723897"/>
                  </a:lnTo>
                  <a:lnTo>
                    <a:pt x="2081" y="703260"/>
                  </a:lnTo>
                  <a:lnTo>
                    <a:pt x="161926" y="703260"/>
                  </a:lnTo>
                  <a:close/>
                </a:path>
              </a:pathLst>
            </a:cu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105"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23" name="Turton | Autoshape | ID: 401_1">
              <a:extLst>
                <a:ext uri="{FF2B5EF4-FFF2-40B4-BE49-F238E27FC236}">
                  <a16:creationId xmlns:a16="http://schemas.microsoft.com/office/drawing/2014/main" id="{D751E725-50D9-6634-731E-5F7B4A18CEDB}"/>
                </a:ext>
              </a:extLst>
            </p:cNvPr>
            <p:cNvSpPr>
              <a:spLocks noChangeAspect="1"/>
            </p:cNvSpPr>
            <p:nvPr/>
          </p:nvSpPr>
          <p:spPr>
            <a:xfrm>
              <a:off x="4540460" y="2116349"/>
              <a:ext cx="2816548" cy="2816550"/>
            </a:xfrm>
            <a:prstGeom prst="ellipse">
              <a:avLst/>
            </a:prstGeom>
            <a:noFill/>
            <a:ln w="76200">
              <a:solidFill>
                <a:schemeClr val="accent4"/>
              </a:solidFill>
            </a:ln>
            <a:extLst>
              <a:ext uri="{909E8E84-426E-40DD-AFC4-6F175D3DCCD1}">
                <a14:hiddenFill xmlns:a14="http://schemas.microsoft.com/office/drawing/2010/main">
                  <a:solidFill>
                    <a:schemeClr val="bg1"/>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105"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gr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6320274D-B080-3325-5CCE-B8345EC37F21}"/>
                  </a:ext>
                </a:extLst>
              </p:cNvPr>
              <p:cNvSpPr txBox="1"/>
              <p:nvPr/>
            </p:nvSpPr>
            <p:spPr>
              <a:xfrm>
                <a:off x="5862998" y="3192838"/>
                <a:ext cx="4034704" cy="525463"/>
              </a:xfrm>
              <a:prstGeom prst="rect">
                <a:avLst/>
              </a:prstGeom>
              <a:noFill/>
            </p:spPr>
            <p:txBody>
              <a:bodyPr wrap="square" lIns="0" tIns="0" rIns="0" bIns="0"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14:m>
                  <m:oMathPara xmlns:m="http://schemas.openxmlformats.org/officeDocument/2006/math">
                    <m:oMathParaPr>
                      <m:jc m:val="centerGroup"/>
                    </m:oMathParaPr>
                    <m:oMath xmlns:m="http://schemas.openxmlformats.org/officeDocument/2006/math">
                      <m:sSub>
                        <m:sSub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𝜈</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Δ</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sSub>
                        <m:sSub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𝜈</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𝛼</m:t>
                      </m:r>
                      <m:d>
                        <m:d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d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𝜃</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sSub>
                            <m:sSub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Pr>
                            <m:e>
                              <m:d>
                                <m:d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dPr>
                                <m:e>
                                  <m:sSub>
                                    <m:sSub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𝜈</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Sub>
                                </m:e>
                              </m:d>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sub>
                          </m:sSub>
                        </m:e>
                      </m:d>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Δ</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𝜉</m:t>
                      </m:r>
                      <m:rad>
                        <m:radPr>
                          <m:degHide m:val="on"/>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radPr>
                        <m:deg/>
                        <m:e>
                          <m:sSub>
                            <m:sSub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Pr>
                            <m:e>
                              <m:d>
                                <m:d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dPr>
                                <m:e>
                                  <m:sSub>
                                    <m:sSub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𝜈</m:t>
                                      </m:r>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sub>
                                  </m:sSub>
                                </m:e>
                              </m:d>
                            </m:e>
                            <m:sub>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sub>
                          </m:sSub>
                        </m:e>
                      </m:rad>
                      <m:rad>
                        <m:radPr>
                          <m:degHide m:val="on"/>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radPr>
                        <m:deg/>
                        <m:e>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Δ</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e>
                      </m:rad>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sSup>
                        <m:s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p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𝑊</m:t>
                          </m:r>
                        </m:e>
                        <m: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2</m:t>
                          </m:r>
                        </m:sup>
                      </m:sSup>
                      <m: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oMath>
                  </m:oMathPara>
                </a14:m>
                <a:endParaRPr kumimoji="0" lang="en-GB" sz="134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mc:Choice>
        <mc:Fallback xmlns="">
          <p:sp>
            <p:nvSpPr>
              <p:cNvPr id="2" name="TextBox 1">
                <a:extLst>
                  <a:ext uri="{FF2B5EF4-FFF2-40B4-BE49-F238E27FC236}">
                    <a16:creationId xmlns:a16="http://schemas.microsoft.com/office/drawing/2014/main" id="{6320274D-B080-3325-5CCE-B8345EC37F21}"/>
                  </a:ext>
                </a:extLst>
              </p:cNvPr>
              <p:cNvSpPr txBox="1">
                <a:spLocks noRot="1" noChangeAspect="1" noMove="1" noResize="1" noEditPoints="1" noAdjustHandles="1" noChangeArrowheads="1" noChangeShapeType="1" noTextEdit="1"/>
              </p:cNvSpPr>
              <p:nvPr/>
            </p:nvSpPr>
            <p:spPr>
              <a:xfrm>
                <a:off x="5862998" y="3192838"/>
                <a:ext cx="4034704" cy="525463"/>
              </a:xfrm>
              <a:prstGeom prst="rect">
                <a:avLst/>
              </a:prstGeom>
              <a:blipFill>
                <a:blip r:embed="rId4"/>
                <a:stretch>
                  <a:fillRect/>
                </a:stretch>
              </a:blipFill>
            </p:spPr>
            <p:txBody>
              <a:bodyPr/>
              <a:lstStyle/>
              <a:p>
                <a:r>
                  <a:rPr lang="en-GB">
                    <a:noFill/>
                  </a:rPr>
                  <a:t> </a:t>
                </a:r>
              </a:p>
            </p:txBody>
          </p:sp>
        </mc:Fallback>
      </mc:AlternateContent>
      <p:sp>
        <p:nvSpPr>
          <p:cNvPr id="3" name="TextBox 2">
            <a:extLst>
              <a:ext uri="{FF2B5EF4-FFF2-40B4-BE49-F238E27FC236}">
                <a16:creationId xmlns:a16="http://schemas.microsoft.com/office/drawing/2014/main" id="{4938BA57-A1BC-201D-9ADC-65972DE3E238}"/>
              </a:ext>
            </a:extLst>
          </p:cNvPr>
          <p:cNvSpPr txBox="1"/>
          <p:nvPr/>
        </p:nvSpPr>
        <p:spPr>
          <a:xfrm>
            <a:off x="4213225" y="2658059"/>
            <a:ext cx="7346950" cy="428625"/>
          </a:xfrm>
          <a:prstGeom prst="rect">
            <a:avLst/>
          </a:prstGeom>
          <a:noFill/>
        </p:spPr>
        <p:txBody>
          <a:bodyPr wrap="square"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r>
              <a:rPr lang="en-GB" sz="1340" i="1" dirty="0">
                <a:solidFill>
                  <a:prstClr val="black"/>
                </a:solidFill>
                <a:latin typeface="Arial" panose="020B0604020202020204"/>
              </a:rPr>
              <a:t>a</a:t>
            </a:r>
            <a:r>
              <a:rPr kumimoji="0" lang="en-GB" sz="1340" b="0" i="1" u="none" strike="noStrike" kern="1200" cap="none" spc="0" normalizeH="0" baseline="0" noProof="0" dirty="0" err="1">
                <a:ln>
                  <a:noFill/>
                </a:ln>
                <a:solidFill>
                  <a:prstClr val="black"/>
                </a:solidFill>
                <a:effectLst/>
                <a:uLnTx/>
                <a:uFillTx/>
                <a:latin typeface="Arial" panose="020B0604020202020204"/>
                <a:ea typeface="+mn-ea"/>
                <a:cs typeface="+mn-cs"/>
              </a:rPr>
              <a:t>nd</a:t>
            </a:r>
            <a:endPar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endParaRPr>
          </a:p>
        </p:txBody>
      </p:sp>
      <p:sp>
        <p:nvSpPr>
          <p:cNvPr id="4" name="TextBox 3">
            <a:extLst>
              <a:ext uri="{FF2B5EF4-FFF2-40B4-BE49-F238E27FC236}">
                <a16:creationId xmlns:a16="http://schemas.microsoft.com/office/drawing/2014/main" id="{F86D318A-612E-37FF-4E70-ADC335753F96}"/>
              </a:ext>
            </a:extLst>
          </p:cNvPr>
          <p:cNvSpPr txBox="1"/>
          <p:nvPr/>
        </p:nvSpPr>
        <p:spPr>
          <a:xfrm>
            <a:off x="4213225" y="3824455"/>
            <a:ext cx="7346950" cy="340472"/>
          </a:xfrm>
          <a:prstGeom prst="rect">
            <a:avLst/>
          </a:prstGeom>
          <a:noFill/>
        </p:spPr>
        <p:txBody>
          <a:bodyPr wrap="square"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with</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1DCD8BC7-F379-8DDB-DA10-14B6D9BD1868}"/>
                  </a:ext>
                </a:extLst>
              </p:cNvPr>
              <p:cNvSpPr txBox="1"/>
              <p:nvPr/>
            </p:nvSpPr>
            <p:spPr>
              <a:xfrm>
                <a:off x="6755257" y="4271081"/>
                <a:ext cx="2262885" cy="525463"/>
              </a:xfrm>
              <a:prstGeom prst="rect">
                <a:avLst/>
              </a:prstGeom>
              <a:noFill/>
            </p:spPr>
            <p:txBody>
              <a:bodyPr wrap="square" lIns="0" tIns="0" rIns="0" bIns="0"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14:m>
                  <m:oMath xmlns:m="http://schemas.openxmlformats.org/officeDocument/2006/math">
                    <m:d>
                      <m:d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dPr>
                      <m:e>
                        <m:m>
                          <m:mPr>
                            <m:mcs>
                              <m:mc>
                                <m:mcPr>
                                  <m:count m:val="1"/>
                                  <m:mcJc m:val="center"/>
                                </m:mcPr>
                              </m:mc>
                            </m:mcs>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mPr>
                          <m:mr>
                            <m:e>
                              <m:sSup>
                                <m:s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pPr>
                                <m:e>
                                  <m:r>
                                    <m:rPr>
                                      <m:brk m:alnAt="7"/>
                                    </m:r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𝑊</m:t>
                                  </m:r>
                                </m:e>
                                <m:sup>
                                  <m:r>
                                    <m:rPr>
                                      <m:brk m:alnAt="7"/>
                                    </m:r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1</m:t>
                                  </m:r>
                                </m:sup>
                              </m:sSup>
                            </m:e>
                          </m:mr>
                          <m:mr>
                            <m:e>
                              <m:sSup>
                                <m:s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p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𝑊</m:t>
                                  </m:r>
                                </m:e>
                                <m: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2</m:t>
                                  </m:r>
                                </m:sup>
                              </m:sSup>
                            </m:e>
                          </m:mr>
                        </m:m>
                      </m:e>
                    </m:d>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𝑁</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d>
                      <m:d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dPr>
                      <m:e>
                        <m:m>
                          <m:mPr>
                            <m:mcs>
                              <m:mc>
                                <m:mcPr>
                                  <m:count m:val="1"/>
                                  <m:mcJc m:val="center"/>
                                </m:mcPr>
                              </m:mc>
                            </m:mcs>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mPr>
                          <m:mr>
                            <m:e>
                              <m:d>
                                <m:d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dPr>
                                <m:e>
                                  <m:m>
                                    <m:mPr>
                                      <m:mcs>
                                        <m:mc>
                                          <m:mcPr>
                                            <m:count m:val="1"/>
                                            <m:mcJc m:val="center"/>
                                          </m:mcPr>
                                        </m:mc>
                                      </m:mcs>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mPr>
                                    <m:mr>
                                      <m:e>
                                        <m:r>
                                          <m:rPr>
                                            <m:brk m:alnAt="7"/>
                                          </m:r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0</m:t>
                                        </m:r>
                                      </m:e>
                                    </m:mr>
                                    <m:m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0</m:t>
                                        </m:r>
                                      </m:e>
                                    </m:mr>
                                  </m:m>
                                </m:e>
                              </m:d>
                              <m:r>
                                <m:rPr>
                                  <m:brk m:alnAt="7"/>
                                </m:r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d>
                                <m:d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dPr>
                                <m:e>
                                  <m:m>
                                    <m:mPr>
                                      <m:mcs>
                                        <m:mc>
                                          <m:mcPr>
                                            <m:count m:val="2"/>
                                            <m:mcJc m:val="center"/>
                                          </m:mcPr>
                                        </m:mc>
                                      </m:mcs>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mPr>
                                    <m:mr>
                                      <m:e>
                                        <m:r>
                                          <m:rPr>
                                            <m:brk m:alnAt="7"/>
                                          </m:r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1</m:t>
                                        </m:r>
                                      </m:e>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𝜌</m:t>
                                        </m:r>
                                      </m:e>
                                    </m:mr>
                                    <m:m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𝜌</m:t>
                                        </m:r>
                                      </m:e>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1</m:t>
                                        </m:r>
                                      </m:e>
                                    </m:mr>
                                  </m:m>
                                </m:e>
                              </m:d>
                            </m:e>
                          </m:mr>
                        </m:m>
                      </m:e>
                    </m:d>
                  </m:oMath>
                </a14:m>
                <a:r>
                  <a:rPr kumimoji="0" lang="en-GB" sz="1340" b="0" i="0" u="none" strike="noStrike" kern="1200" cap="none" spc="0" normalizeH="0" baseline="0" noProof="0" dirty="0">
                    <a:ln>
                      <a:noFill/>
                    </a:ln>
                    <a:solidFill>
                      <a:prstClr val="black"/>
                    </a:solidFill>
                    <a:effectLst/>
                    <a:uLnTx/>
                    <a:uFillTx/>
                    <a:latin typeface="Arial" panose="020B0604020202020204"/>
                    <a:ea typeface="+mn-ea"/>
                    <a:cs typeface="+mn-cs"/>
                  </a:rPr>
                  <a:t>.</a:t>
                </a:r>
              </a:p>
            </p:txBody>
          </p:sp>
        </mc:Choice>
        <mc:Fallback xmlns="">
          <p:sp>
            <p:nvSpPr>
              <p:cNvPr id="5" name="TextBox 4">
                <a:extLst>
                  <a:ext uri="{FF2B5EF4-FFF2-40B4-BE49-F238E27FC236}">
                    <a16:creationId xmlns:a16="http://schemas.microsoft.com/office/drawing/2014/main" id="{1DCD8BC7-F379-8DDB-DA10-14B6D9BD1868}"/>
                  </a:ext>
                </a:extLst>
              </p:cNvPr>
              <p:cNvSpPr txBox="1">
                <a:spLocks noRot="1" noChangeAspect="1" noMove="1" noResize="1" noEditPoints="1" noAdjustHandles="1" noChangeArrowheads="1" noChangeShapeType="1" noTextEdit="1"/>
              </p:cNvSpPr>
              <p:nvPr/>
            </p:nvSpPr>
            <p:spPr>
              <a:xfrm>
                <a:off x="6755257" y="4271081"/>
                <a:ext cx="2262885" cy="525463"/>
              </a:xfrm>
              <a:prstGeom prst="rect">
                <a:avLst/>
              </a:prstGeom>
              <a:blipFill>
                <a:blip r:embed="rId5"/>
                <a:stretch>
                  <a:fillRect t="-6977"/>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F4F07927-165F-04F2-7AE6-C52C9F83CE41}"/>
                  </a:ext>
                </a:extLst>
              </p:cNvPr>
              <p:cNvSpPr txBox="1"/>
              <p:nvPr/>
            </p:nvSpPr>
            <p:spPr>
              <a:xfrm>
                <a:off x="4206875" y="4902698"/>
                <a:ext cx="7346950" cy="340472"/>
              </a:xfrm>
              <a:prstGeom prst="rect">
                <a:avLst/>
              </a:prstGeom>
              <a:noFill/>
            </p:spPr>
            <p:txBody>
              <a:bodyPr wrap="square"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r>
                  <a:rPr lang="en-GB" sz="1340" i="1" dirty="0">
                    <a:solidFill>
                      <a:prstClr val="black"/>
                    </a:solidFill>
                    <a:latin typeface="Arial" panose="020B0604020202020204"/>
                  </a:rPr>
                  <a:t>Finally, let </a:t>
                </a:r>
                <a14:m>
                  <m:oMath xmlns:m="http://schemas.openxmlformats.org/officeDocument/2006/math">
                    <m:sSubSup>
                      <m:sSubSupPr>
                        <m:ctrlPr>
                          <a:rPr lang="en-GB" sz="1340" b="0" i="1" smtClean="0">
                            <a:solidFill>
                              <a:prstClr val="black"/>
                            </a:solidFill>
                            <a:latin typeface="Cambria Math" panose="02040503050406030204" pitchFamily="18" charset="0"/>
                          </a:rPr>
                        </m:ctrlPr>
                      </m:sSubSupPr>
                      <m:e>
                        <m:r>
                          <a:rPr lang="en-GB" sz="1340" b="0" i="1" smtClean="0">
                            <a:solidFill>
                              <a:prstClr val="black"/>
                            </a:solidFill>
                            <a:latin typeface="Cambria Math" panose="02040503050406030204" pitchFamily="18" charset="0"/>
                          </a:rPr>
                          <m:t>𝑆</m:t>
                        </m:r>
                      </m:e>
                      <m:sub>
                        <m:r>
                          <a:rPr lang="en-GB" sz="1340" b="0" i="1" smtClean="0">
                            <a:solidFill>
                              <a:prstClr val="black"/>
                            </a:solidFill>
                            <a:latin typeface="Cambria Math" panose="02040503050406030204" pitchFamily="18" charset="0"/>
                          </a:rPr>
                          <m:t>𝑡</m:t>
                        </m:r>
                      </m:sub>
                      <m:sup>
                        <m:r>
                          <a:rPr lang="en-GB" sz="1340" b="0" i="1" smtClean="0">
                            <a:solidFill>
                              <a:prstClr val="black"/>
                            </a:solidFill>
                            <a:latin typeface="Cambria Math" panose="02040503050406030204" pitchFamily="18" charset="0"/>
                          </a:rPr>
                          <m:t>𝑋𝑆</m:t>
                        </m:r>
                      </m:sup>
                    </m:sSubSup>
                  </m:oMath>
                </a14:m>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 be the combined process, we have:</a:t>
                </a:r>
              </a:p>
            </p:txBody>
          </p:sp>
        </mc:Choice>
        <mc:Fallback xmlns="">
          <p:sp>
            <p:nvSpPr>
              <p:cNvPr id="6" name="TextBox 5">
                <a:extLst>
                  <a:ext uri="{FF2B5EF4-FFF2-40B4-BE49-F238E27FC236}">
                    <a16:creationId xmlns:a16="http://schemas.microsoft.com/office/drawing/2014/main" id="{F4F07927-165F-04F2-7AE6-C52C9F83CE41}"/>
                  </a:ext>
                </a:extLst>
              </p:cNvPr>
              <p:cNvSpPr txBox="1">
                <a:spLocks noRot="1" noChangeAspect="1" noMove="1" noResize="1" noEditPoints="1" noAdjustHandles="1" noChangeArrowheads="1" noChangeShapeType="1" noTextEdit="1"/>
              </p:cNvSpPr>
              <p:nvPr/>
            </p:nvSpPr>
            <p:spPr>
              <a:xfrm>
                <a:off x="4206875" y="4902698"/>
                <a:ext cx="7346950" cy="340472"/>
              </a:xfrm>
              <a:prstGeom prst="rect">
                <a:avLst/>
              </a:prstGeom>
              <a:blipFill>
                <a:blip r:embed="rId6"/>
                <a:stretch>
                  <a:fillRect l="-166" t="-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FAA6005A-EB61-E3B9-2662-76222F835F22}"/>
                  </a:ext>
                </a:extLst>
              </p:cNvPr>
              <p:cNvSpPr txBox="1"/>
              <p:nvPr/>
            </p:nvSpPr>
            <p:spPr>
              <a:xfrm>
                <a:off x="7309824" y="5349324"/>
                <a:ext cx="1141052" cy="525463"/>
              </a:xfrm>
              <a:prstGeom prst="rect">
                <a:avLst/>
              </a:prstGeom>
              <a:noFill/>
            </p:spPr>
            <p:txBody>
              <a:bodyPr wrap="square" lIns="0" tIns="0" rIns="0" bIns="0"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14:m>
                  <m:oMath xmlns:m="http://schemas.openxmlformats.org/officeDocument/2006/math">
                    <m:sSubSup>
                      <m:sSub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SupPr>
                      <m:e>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S</m:t>
                        </m:r>
                      </m:e>
                      <m:sub>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t</m:t>
                        </m:r>
                      </m:sub>
                      <m:sup>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XS</m:t>
                        </m:r>
                      </m:sup>
                    </m:sSubSup>
                    <m: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sSubSup>
                      <m:sSub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SupPr>
                      <m:e>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S</m:t>
                        </m:r>
                      </m:e>
                      <m:sub>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t</m:t>
                        </m:r>
                      </m:sub>
                      <m:sup>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SV</m:t>
                        </m:r>
                      </m:sup>
                    </m:sSubSup>
                    <m:sSubSup>
                      <m:sSub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SupPr>
                      <m:e>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S</m:t>
                        </m:r>
                      </m:e>
                      <m:sub>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t</m:t>
                        </m:r>
                      </m:sub>
                      <m:sup>
                        <m:r>
                          <m:rPr>
                            <m:sty m:val="p"/>
                          </m:rPr>
                          <a:rPr kumimoji="0" lang="en-GB" sz="1340" b="0" i="0"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JD</m:t>
                        </m:r>
                      </m:sup>
                    </m:sSubSup>
                  </m:oMath>
                </a14:m>
                <a:r>
                  <a:rPr kumimoji="0" lang="en-GB" sz="1340" b="0" i="0" u="none" strike="noStrike" kern="1200" cap="none" spc="0" normalizeH="0" baseline="0" noProof="0" dirty="0">
                    <a:ln>
                      <a:noFill/>
                    </a:ln>
                    <a:solidFill>
                      <a:prstClr val="black"/>
                    </a:solidFill>
                    <a:effectLst/>
                    <a:uLnTx/>
                    <a:uFillTx/>
                    <a:latin typeface="Arial" panose="020B0604020202020204"/>
                    <a:ea typeface="+mn-ea"/>
                    <a:cs typeface="+mn-cs"/>
                  </a:rPr>
                  <a:t>.</a:t>
                </a:r>
              </a:p>
            </p:txBody>
          </p:sp>
        </mc:Choice>
        <mc:Fallback xmlns="">
          <p:sp>
            <p:nvSpPr>
              <p:cNvPr id="7" name="TextBox 6">
                <a:extLst>
                  <a:ext uri="{FF2B5EF4-FFF2-40B4-BE49-F238E27FC236}">
                    <a16:creationId xmlns:a16="http://schemas.microsoft.com/office/drawing/2014/main" id="{FAA6005A-EB61-E3B9-2662-76222F835F22}"/>
                  </a:ext>
                </a:extLst>
              </p:cNvPr>
              <p:cNvSpPr txBox="1">
                <a:spLocks noRot="1" noChangeAspect="1" noMove="1" noResize="1" noEditPoints="1" noAdjustHandles="1" noChangeArrowheads="1" noChangeShapeType="1" noTextEdit="1"/>
              </p:cNvSpPr>
              <p:nvPr/>
            </p:nvSpPr>
            <p:spPr>
              <a:xfrm>
                <a:off x="7309824" y="5349324"/>
                <a:ext cx="1141052" cy="525463"/>
              </a:xfrm>
              <a:prstGeom prst="rect">
                <a:avLst/>
              </a:prstGeom>
              <a:blipFill>
                <a:blip r:embed="rId7"/>
                <a:stretch>
                  <a:fillRect l="-5348" t="-9302"/>
                </a:stretch>
              </a:blipFill>
            </p:spPr>
            <p:txBody>
              <a:bodyPr/>
              <a:lstStyle/>
              <a:p>
                <a:r>
                  <a:rPr lang="en-GB">
                    <a:noFill/>
                  </a:rPr>
                  <a:t> </a:t>
                </a:r>
              </a:p>
            </p:txBody>
          </p:sp>
        </mc:Fallback>
      </mc:AlternateContent>
    </p:spTree>
    <p:extLst>
      <p:ext uri="{BB962C8B-B14F-4D97-AF65-F5344CB8AC3E}">
        <p14:creationId xmlns:p14="http://schemas.microsoft.com/office/powerpoint/2010/main" val="74557486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urton | Placeholder | SlideID: 695 | ID: 2">
            <a:extLst>
              <a:ext uri="{FF2B5EF4-FFF2-40B4-BE49-F238E27FC236}">
                <a16:creationId xmlns:a16="http://schemas.microsoft.com/office/drawing/2014/main" id="{CBA7B5B9-95EE-401F-8F3E-07F15AA82ACE}"/>
              </a:ext>
            </a:extLst>
          </p:cNvPr>
          <p:cNvSpPr>
            <a:spLocks noGrp="1"/>
          </p:cNvSpPr>
          <p:nvPr>
            <p:ph type="body" sz="quarter" idx="13"/>
          </p:nvPr>
        </p:nvSpPr>
        <p:spPr/>
        <p:txBody>
          <a:bodyPr>
            <a:normAutofit/>
          </a:bodyPr>
          <a:lstStyle/>
          <a:p>
            <a:r>
              <a:rPr lang="en-GB" sz="2800" dirty="0"/>
              <a:t>Market Consistent Calibration (MC)</a:t>
            </a:r>
          </a:p>
        </p:txBody>
      </p:sp>
      <p:cxnSp>
        <p:nvCxnSpPr>
          <p:cNvPr id="5" name="Turton | Line | SlideID: 695 | ID: 3"/>
          <p:cNvCxnSpPr>
            <a:cxnSpLocks/>
          </p:cNvCxnSpPr>
          <p:nvPr/>
        </p:nvCxnSpPr>
        <p:spPr>
          <a:xfrm flipV="1">
            <a:off x="3551934" y="3509895"/>
            <a:ext cx="1686735" cy="0"/>
          </a:xfrm>
          <a:prstGeom prst="line">
            <a:avLst/>
          </a:prstGeom>
          <a:ln w="38100" cap="rnd">
            <a:solidFill>
              <a:schemeClr val="bg2"/>
            </a:solidFill>
            <a:headEnd type="oval"/>
          </a:ln>
        </p:spPr>
        <p:style>
          <a:lnRef idx="1">
            <a:schemeClr val="accent1"/>
          </a:lnRef>
          <a:fillRef idx="0">
            <a:schemeClr val="accent1"/>
          </a:fillRef>
          <a:effectRef idx="0">
            <a:schemeClr val="accent1"/>
          </a:effectRef>
          <a:fontRef idx="minor">
            <a:schemeClr val="tx1"/>
          </a:fontRef>
        </p:style>
      </p:cxnSp>
      <p:cxnSp>
        <p:nvCxnSpPr>
          <p:cNvPr id="6" name="Turton | Line | SlideID: 695 | ID: 4"/>
          <p:cNvCxnSpPr>
            <a:cxnSpLocks/>
          </p:cNvCxnSpPr>
          <p:nvPr/>
        </p:nvCxnSpPr>
        <p:spPr>
          <a:xfrm flipV="1">
            <a:off x="5238669" y="3509895"/>
            <a:ext cx="1686735" cy="0"/>
          </a:xfrm>
          <a:prstGeom prst="line">
            <a:avLst/>
          </a:prstGeom>
          <a:ln w="38100" cap="rnd">
            <a:solidFill>
              <a:schemeClr val="bg2"/>
            </a:solidFill>
            <a:headEnd type="oval"/>
          </a:ln>
        </p:spPr>
        <p:style>
          <a:lnRef idx="1">
            <a:schemeClr val="accent1"/>
          </a:lnRef>
          <a:fillRef idx="0">
            <a:schemeClr val="accent1"/>
          </a:fillRef>
          <a:effectRef idx="0">
            <a:schemeClr val="accent1"/>
          </a:effectRef>
          <a:fontRef idx="minor">
            <a:schemeClr val="tx1"/>
          </a:fontRef>
        </p:style>
      </p:cxnSp>
      <p:cxnSp>
        <p:nvCxnSpPr>
          <p:cNvPr id="7" name="Turton | Line | SlideID: 695 | ID: 5"/>
          <p:cNvCxnSpPr>
            <a:cxnSpLocks/>
          </p:cNvCxnSpPr>
          <p:nvPr/>
        </p:nvCxnSpPr>
        <p:spPr>
          <a:xfrm flipV="1">
            <a:off x="6927693" y="3509895"/>
            <a:ext cx="1686735" cy="0"/>
          </a:xfrm>
          <a:prstGeom prst="line">
            <a:avLst/>
          </a:prstGeom>
          <a:ln w="38100" cap="rnd">
            <a:solidFill>
              <a:schemeClr val="bg2"/>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10" name="Turton | Autoshape | SlideID: 695 | ID: 8"/>
          <p:cNvSpPr>
            <a:spLocks/>
          </p:cNvSpPr>
          <p:nvPr/>
        </p:nvSpPr>
        <p:spPr>
          <a:xfrm>
            <a:off x="6429429" y="2115901"/>
            <a:ext cx="940664" cy="940664"/>
          </a:xfrm>
          <a:prstGeom prst="ellipse">
            <a:avLst/>
          </a:prstGeom>
          <a:solidFill>
            <a:schemeClr val="accent2"/>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dirty="0">
                <a:solidFill>
                  <a:schemeClr val="bg1"/>
                </a:solidFill>
                <a:latin typeface="Arial" panose="020B0604020202020204" pitchFamily="34" charset="0"/>
              </a:rPr>
              <a:t>3</a:t>
            </a:r>
          </a:p>
        </p:txBody>
      </p:sp>
      <p:sp>
        <p:nvSpPr>
          <p:cNvPr id="3" name="Turton | Autoshape | SlideID: 695 | ID: 8">
            <a:extLst>
              <a:ext uri="{FF2B5EF4-FFF2-40B4-BE49-F238E27FC236}">
                <a16:creationId xmlns:a16="http://schemas.microsoft.com/office/drawing/2014/main" id="{9A015661-163A-81FF-606F-8D144053169E}"/>
              </a:ext>
            </a:extLst>
          </p:cNvPr>
          <p:cNvSpPr>
            <a:spLocks/>
          </p:cNvSpPr>
          <p:nvPr/>
        </p:nvSpPr>
        <p:spPr>
          <a:xfrm>
            <a:off x="8181674" y="2115901"/>
            <a:ext cx="940664" cy="940664"/>
          </a:xfrm>
          <a:prstGeom prst="ellipse">
            <a:avLst/>
          </a:prstGeom>
          <a:solidFill>
            <a:schemeClr val="bg1"/>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dirty="0">
                <a:solidFill>
                  <a:srgbClr val="C9CAC8"/>
                </a:solidFill>
                <a:latin typeface="Arial" panose="020B0604020202020204" pitchFamily="34" charset="0"/>
              </a:rPr>
              <a:t>4</a:t>
            </a:r>
          </a:p>
        </p:txBody>
      </p:sp>
      <p:sp>
        <p:nvSpPr>
          <p:cNvPr id="12" name="Turton | Autoshape | SlideID: 699 | ID: 6">
            <a:extLst>
              <a:ext uri="{FF2B5EF4-FFF2-40B4-BE49-F238E27FC236}">
                <a16:creationId xmlns:a16="http://schemas.microsoft.com/office/drawing/2014/main" id="{EAF434E5-47E2-2EDD-4F79-ED3527A7EA3C}"/>
              </a:ext>
            </a:extLst>
          </p:cNvPr>
          <p:cNvSpPr>
            <a:spLocks/>
          </p:cNvSpPr>
          <p:nvPr/>
        </p:nvSpPr>
        <p:spPr>
          <a:xfrm>
            <a:off x="3081602" y="2151148"/>
            <a:ext cx="940664" cy="940664"/>
          </a:xfrm>
          <a:prstGeom prst="ellipse">
            <a:avLst/>
          </a:prstGeom>
          <a:solidFill>
            <a:schemeClr val="accent6"/>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524" dirty="0">
              <a:solidFill>
                <a:schemeClr val="tx1"/>
              </a:solidFill>
            </a:endParaRPr>
          </a:p>
        </p:txBody>
      </p:sp>
      <p:sp>
        <p:nvSpPr>
          <p:cNvPr id="13" name="Turton | Autoshape | SlideID: 699 | ID: 7">
            <a:extLst>
              <a:ext uri="{FF2B5EF4-FFF2-40B4-BE49-F238E27FC236}">
                <a16:creationId xmlns:a16="http://schemas.microsoft.com/office/drawing/2014/main" id="{4C75E940-261A-950F-0ED5-8FB15F5AA671}"/>
              </a:ext>
            </a:extLst>
          </p:cNvPr>
          <p:cNvSpPr>
            <a:spLocks/>
          </p:cNvSpPr>
          <p:nvPr/>
        </p:nvSpPr>
        <p:spPr>
          <a:xfrm rot="19005742">
            <a:off x="3280156" y="2446092"/>
            <a:ext cx="543556" cy="292683"/>
          </a:xfrm>
          <a:prstGeom prst="corner">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909" dirty="0"/>
          </a:p>
        </p:txBody>
      </p:sp>
      <p:sp>
        <p:nvSpPr>
          <p:cNvPr id="8" name="Turton | Autoshape | SlideID: 699 | ID: 6">
            <a:extLst>
              <a:ext uri="{FF2B5EF4-FFF2-40B4-BE49-F238E27FC236}">
                <a16:creationId xmlns:a16="http://schemas.microsoft.com/office/drawing/2014/main" id="{5C643BD1-FA95-3F87-5DC3-D156CB849CFD}"/>
              </a:ext>
            </a:extLst>
          </p:cNvPr>
          <p:cNvSpPr>
            <a:spLocks/>
          </p:cNvSpPr>
          <p:nvPr/>
        </p:nvSpPr>
        <p:spPr>
          <a:xfrm>
            <a:off x="4768337" y="2151148"/>
            <a:ext cx="940664" cy="940664"/>
          </a:xfrm>
          <a:prstGeom prst="ellipse">
            <a:avLst/>
          </a:prstGeom>
          <a:solidFill>
            <a:schemeClr val="accent6"/>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524" dirty="0">
              <a:solidFill>
                <a:schemeClr val="tx1"/>
              </a:solidFill>
            </a:endParaRPr>
          </a:p>
        </p:txBody>
      </p:sp>
      <p:sp>
        <p:nvSpPr>
          <p:cNvPr id="9" name="Turton | Autoshape | SlideID: 699 | ID: 7">
            <a:extLst>
              <a:ext uri="{FF2B5EF4-FFF2-40B4-BE49-F238E27FC236}">
                <a16:creationId xmlns:a16="http://schemas.microsoft.com/office/drawing/2014/main" id="{3BE0881B-3594-BDAE-3BD8-66EDE8B32B83}"/>
              </a:ext>
            </a:extLst>
          </p:cNvPr>
          <p:cNvSpPr>
            <a:spLocks/>
          </p:cNvSpPr>
          <p:nvPr/>
        </p:nvSpPr>
        <p:spPr>
          <a:xfrm rot="19005742">
            <a:off x="4966891" y="2446092"/>
            <a:ext cx="543556" cy="292683"/>
          </a:xfrm>
          <a:prstGeom prst="corner">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909" dirty="0"/>
          </a:p>
        </p:txBody>
      </p:sp>
    </p:spTree>
    <p:custDataLst>
      <p:tags r:id="rId1"/>
    </p:custDataLst>
    <p:extLst>
      <p:ext uri="{BB962C8B-B14F-4D97-AF65-F5344CB8AC3E}">
        <p14:creationId xmlns:p14="http://schemas.microsoft.com/office/powerpoint/2010/main" val="21678541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Picture 5">
            <a:extLst>
              <a:ext uri="{FF2B5EF4-FFF2-40B4-BE49-F238E27FC236}">
                <a16:creationId xmlns:a16="http://schemas.microsoft.com/office/drawing/2014/main" id="{81064068-CEE1-0F81-D703-E271204A7C1D}"/>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320848" y="5506984"/>
            <a:ext cx="1061740" cy="1061740"/>
          </a:xfrm>
          <a:prstGeom prst="rect">
            <a:avLst/>
          </a:prstGeom>
        </p:spPr>
      </p:pic>
      <p:graphicFrame>
        <p:nvGraphicFramePr>
          <p:cNvPr id="22" name="Table 21">
            <a:extLst>
              <a:ext uri="{FF2B5EF4-FFF2-40B4-BE49-F238E27FC236}">
                <a16:creationId xmlns:a16="http://schemas.microsoft.com/office/drawing/2014/main" id="{CEB023D9-7857-6FBE-F7E1-3B82AED49389}"/>
              </a:ext>
            </a:extLst>
          </p:cNvPr>
          <p:cNvGraphicFramePr>
            <a:graphicFrameLocks noGrp="1"/>
          </p:cNvGraphicFramePr>
          <p:nvPr>
            <p:extLst>
              <p:ext uri="{D42A27DB-BD31-4B8C-83A1-F6EECF244321}">
                <p14:modId xmlns:p14="http://schemas.microsoft.com/office/powerpoint/2010/main" val="3827173991"/>
              </p:ext>
            </p:extLst>
          </p:nvPr>
        </p:nvGraphicFramePr>
        <p:xfrm>
          <a:off x="335420" y="5506983"/>
          <a:ext cx="8059285" cy="1160880"/>
        </p:xfrm>
        <a:graphic>
          <a:graphicData uri="http://schemas.openxmlformats.org/drawingml/2006/table">
            <a:tbl>
              <a:tblPr>
                <a:tableStyleId>{5C22544A-7EE6-4342-B048-85BDC9FD1C3A}</a:tableStyleId>
              </a:tblPr>
              <a:tblGrid>
                <a:gridCol w="895285">
                  <a:extLst>
                    <a:ext uri="{9D8B030D-6E8A-4147-A177-3AD203B41FA5}">
                      <a16:colId xmlns:a16="http://schemas.microsoft.com/office/drawing/2014/main" val="2617723339"/>
                    </a:ext>
                  </a:extLst>
                </a:gridCol>
                <a:gridCol w="7164000">
                  <a:extLst>
                    <a:ext uri="{9D8B030D-6E8A-4147-A177-3AD203B41FA5}">
                      <a16:colId xmlns:a16="http://schemas.microsoft.com/office/drawing/2014/main" val="399197410"/>
                    </a:ext>
                  </a:extLst>
                </a:gridCol>
              </a:tblGrid>
              <a:tr h="1080000">
                <a:tc>
                  <a:txBody>
                    <a:bodyPr/>
                    <a:lstStyle/>
                    <a:p>
                      <a:pPr>
                        <a:buClr>
                          <a:schemeClr val="tx1"/>
                        </a:buClr>
                      </a:pPr>
                      <a:endParaRPr lang="en-GB" sz="1600" b="0" dirty="0">
                        <a:solidFill>
                          <a:schemeClr val="accent1"/>
                        </a:solidFill>
                      </a:endParaRPr>
                    </a:p>
                  </a:txBody>
                  <a:tcPr marL="108000" marR="108000" marT="108000" marB="108000" anchor="b">
                    <a:lnL w="38100" cap="flat" cmpd="sng" algn="ctr">
                      <a:solidFill>
                        <a:schemeClr val="accent1"/>
                      </a:solidFill>
                      <a:prstDash val="solid"/>
                      <a:round/>
                      <a:headEnd type="none" w="med" len="med"/>
                      <a:tailEnd type="none" w="med" len="med"/>
                    </a:lnL>
                    <a:lnR w="12700" cap="flat" cmpd="sng" algn="ctr">
                      <a:solidFill>
                        <a:schemeClr val="lt1">
                          <a:alpha val="0"/>
                        </a:schemeClr>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accent1">
                          <a:alpha val="0"/>
                        </a:schemeClr>
                      </a:solidFill>
                      <a:prstDash val="solid"/>
                      <a:round/>
                      <a:headEnd type="none" w="med" len="med"/>
                      <a:tailEnd type="none" w="med" len="med"/>
                    </a:lnB>
                    <a:solidFill>
                      <a:schemeClr val="accent1">
                        <a:lumMod val="100000"/>
                        <a:alpha val="0"/>
                      </a:schemeClr>
                    </a:solidFill>
                  </a:tcPr>
                </a:tc>
                <a:tc>
                  <a:txBody>
                    <a:bodyPr/>
                    <a:lstStyle/>
                    <a:p>
                      <a:pPr>
                        <a:buClr>
                          <a:schemeClr val="dk1"/>
                        </a:buClr>
                      </a:pPr>
                      <a:r>
                        <a:rPr lang="en-GB" altLang="en-US" sz="2000" b="0" dirty="0">
                          <a:solidFill>
                            <a:schemeClr val="accent1"/>
                          </a:solidFill>
                          <a:latin typeface="Arial" panose="020B0604020202020204" pitchFamily="34" charset="0"/>
                        </a:rPr>
                        <a:t>Market Consistent Calibration</a:t>
                      </a:r>
                    </a:p>
                    <a:p>
                      <a:pPr>
                        <a:buClr>
                          <a:schemeClr val="dk1"/>
                        </a:buClr>
                      </a:pPr>
                      <a:r>
                        <a:rPr lang="en-GB" altLang="en-US" sz="1400" dirty="0">
                          <a:solidFill>
                            <a:schemeClr val="tx1">
                              <a:lumMod val="100000"/>
                            </a:schemeClr>
                          </a:solidFill>
                          <a:latin typeface="Arial" panose="020B0604020202020204" pitchFamily="34" charset="0"/>
                        </a:rPr>
                        <a:t>It is defined as finding a unique set of model parameters that provide a good description of the system behaviour. In the project, the optimised parameters will help us to generate the model produced data to be as similar as the one we see in the real market.</a:t>
                      </a:r>
                    </a:p>
                  </a:txBody>
                  <a:tcPr marL="108000" marR="108000" marT="108000" marB="108000" anchor="ctr">
                    <a:lnL w="12700" cap="flat" cmpd="sng" algn="ctr">
                      <a:solidFill>
                        <a:schemeClr val="lt1">
                          <a:alpha val="0"/>
                        </a:schemeClr>
                      </a:solidFill>
                      <a:prstDash val="solid"/>
                      <a:round/>
                      <a:headEnd type="none" w="med" len="med"/>
                      <a:tailEnd type="none" w="med" len="med"/>
                    </a:lnL>
                    <a:lnR w="12700" cap="flat" cmpd="sng" algn="ctr">
                      <a:solidFill>
                        <a:schemeClr val="lt1">
                          <a:alpha val="0"/>
                        </a:schemeClr>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solidFill>
                      <a:schemeClr val="accent1">
                        <a:lumMod val="100000"/>
                        <a:alpha val="0"/>
                      </a:schemeClr>
                    </a:solidFill>
                  </a:tcPr>
                </a:tc>
                <a:extLst>
                  <a:ext uri="{0D108BD9-81ED-4DB2-BD59-A6C34878D82A}">
                    <a16:rowId xmlns:a16="http://schemas.microsoft.com/office/drawing/2014/main" val="4195242164"/>
                  </a:ext>
                </a:extLst>
              </a:tr>
            </a:tbl>
          </a:graphicData>
        </a:graphic>
      </p:graphicFrame>
      <p:sp>
        <p:nvSpPr>
          <p:cNvPr id="71" name="Turton | Autoshape | SlideID: 2013 | ID: 0">
            <a:extLst>
              <a:ext uri="{FF2B5EF4-FFF2-40B4-BE49-F238E27FC236}">
                <a16:creationId xmlns:a16="http://schemas.microsoft.com/office/drawing/2014/main" id="{CDD3AD5F-8B35-7380-E829-37F797A6A959}"/>
              </a:ext>
            </a:extLst>
          </p:cNvPr>
          <p:cNvSpPr/>
          <p:nvPr/>
        </p:nvSpPr>
        <p:spPr bwMode="auto">
          <a:xfrm>
            <a:off x="5059696" y="657160"/>
            <a:ext cx="2272131" cy="942407"/>
          </a:xfrm>
          <a:prstGeom prst="roundRect">
            <a:avLst>
              <a:gd name="adj" fmla="val 5329"/>
            </a:avLst>
          </a:prstGeom>
          <a:solidFill>
            <a:schemeClr val="accent1"/>
          </a:solidFill>
          <a:ln w="12700" cap="flat" cmpd="sng" algn="ctr">
            <a:noFill/>
            <a:prstDash val="solid"/>
            <a:miter lim="400000"/>
            <a:headEnd type="none" w="med" len="med"/>
            <a:tailEnd type="none" w="med" len="med"/>
          </a:ln>
          <a:effectLst/>
        </p:spPr>
        <p:txBody>
          <a:bodyPr vert="horz" wrap="square" lIns="16697" tIns="16697" rIns="16697" bIns="16697" numCol="1" rtlCol="0" anchor="ctr" anchorCtr="0" compatLnSpc="1">
            <a:prstTxWarp prst="textNoShape">
              <a:avLst/>
            </a:prstTxWarp>
            <a:noAutofit/>
          </a:bodyPr>
          <a:lstStyle/>
          <a:p>
            <a:pPr defTabSz="361754"/>
            <a:endParaRPr lang="en-GB" sz="863" dirty="0">
              <a:solidFill>
                <a:srgbClr val="74808C"/>
              </a:solidFill>
              <a:latin typeface=""/>
              <a:ea typeface="Poppins" charset="0"/>
              <a:cs typeface="Poppins" charset="0"/>
              <a:sym typeface="Poppins" charset="0"/>
            </a:endParaRPr>
          </a:p>
        </p:txBody>
      </p:sp>
      <p:sp>
        <p:nvSpPr>
          <p:cNvPr id="72" name="Turton | Autoshape | SlideID: 2013 | ID: 1">
            <a:extLst>
              <a:ext uri="{FF2B5EF4-FFF2-40B4-BE49-F238E27FC236}">
                <a16:creationId xmlns:a16="http://schemas.microsoft.com/office/drawing/2014/main" id="{FE5F60B7-F067-9667-D857-AB269403E7FD}"/>
              </a:ext>
            </a:extLst>
          </p:cNvPr>
          <p:cNvSpPr/>
          <p:nvPr/>
        </p:nvSpPr>
        <p:spPr bwMode="auto">
          <a:xfrm>
            <a:off x="2280626" y="2202821"/>
            <a:ext cx="1861678" cy="725739"/>
          </a:xfrm>
          <a:prstGeom prst="roundRect">
            <a:avLst>
              <a:gd name="adj" fmla="val 5329"/>
            </a:avLst>
          </a:prstGeom>
          <a:solidFill>
            <a:schemeClr val="accent2"/>
          </a:solidFill>
          <a:ln w="12700" cap="flat" cmpd="sng" algn="ctr">
            <a:noFill/>
            <a:prstDash val="solid"/>
            <a:miter lim="400000"/>
            <a:headEnd type="none" w="med" len="med"/>
            <a:tailEnd type="none" w="med" len="med"/>
          </a:ln>
          <a:effectLst/>
        </p:spPr>
        <p:txBody>
          <a:bodyPr vert="horz" wrap="square" lIns="16697" tIns="16697" rIns="16697" bIns="16697" numCol="1" rtlCol="0" anchor="ctr" anchorCtr="0" compatLnSpc="1">
            <a:prstTxWarp prst="textNoShape">
              <a:avLst/>
            </a:prstTxWarp>
            <a:noAutofit/>
          </a:bodyPr>
          <a:lstStyle/>
          <a:p>
            <a:pPr defTabSz="361754"/>
            <a:endParaRPr lang="en-GB" sz="863" dirty="0">
              <a:solidFill>
                <a:srgbClr val="74808C"/>
              </a:solidFill>
              <a:latin typeface=""/>
              <a:ea typeface="Poppins" charset="0"/>
              <a:cs typeface="Poppins" charset="0"/>
              <a:sym typeface="Poppins" charset="0"/>
            </a:endParaRPr>
          </a:p>
        </p:txBody>
      </p:sp>
      <p:cxnSp>
        <p:nvCxnSpPr>
          <p:cNvPr id="73" name="Turton | Autoshape | SlideID: 2013 | ID: 2">
            <a:extLst>
              <a:ext uri="{FF2B5EF4-FFF2-40B4-BE49-F238E27FC236}">
                <a16:creationId xmlns:a16="http://schemas.microsoft.com/office/drawing/2014/main" id="{FFFB5E27-99B0-EAE0-7BD2-0F3F743362F5}"/>
              </a:ext>
            </a:extLst>
          </p:cNvPr>
          <p:cNvCxnSpPr>
            <a:cxnSpLocks/>
          </p:cNvCxnSpPr>
          <p:nvPr/>
        </p:nvCxnSpPr>
        <p:spPr bwMode="auto">
          <a:xfrm rot="5400000">
            <a:off x="4401986" y="409046"/>
            <a:ext cx="603254" cy="2984297"/>
          </a:xfrm>
          <a:prstGeom prst="bentConnector3">
            <a:avLst>
              <a:gd name="adj1" fmla="val 50000"/>
            </a:avLst>
          </a:prstGeom>
          <a:blipFill dpi="0" rotWithShape="0">
            <a:blip r:embed="rId6"/>
            <a:srcRect/>
            <a:tile tx="0" ty="0" sx="100000" sy="100000" flip="none" algn="tl"/>
          </a:blipFill>
          <a:ln w="12700" cap="flat" cmpd="sng" algn="ctr">
            <a:solidFill>
              <a:schemeClr val="bg2">
                <a:lumMod val="100000"/>
              </a:schemeClr>
            </a:solidFill>
            <a:prstDash val="solid"/>
            <a:miter lim="400000"/>
            <a:headEnd type="none" w="med" len="med"/>
            <a:tailEnd type="arrow" w="med" len="med"/>
          </a:ln>
          <a:effectLst/>
        </p:spPr>
      </p:cxnSp>
      <p:sp>
        <p:nvSpPr>
          <p:cNvPr id="74" name="Turton | Autoshape | SlideID: 2013 | ID: 3">
            <a:extLst>
              <a:ext uri="{FF2B5EF4-FFF2-40B4-BE49-F238E27FC236}">
                <a16:creationId xmlns:a16="http://schemas.microsoft.com/office/drawing/2014/main" id="{036A4866-7158-390C-12ED-96D029920390}"/>
              </a:ext>
            </a:extLst>
          </p:cNvPr>
          <p:cNvSpPr/>
          <p:nvPr/>
        </p:nvSpPr>
        <p:spPr bwMode="auto">
          <a:xfrm>
            <a:off x="5264922" y="2202821"/>
            <a:ext cx="1861678" cy="725739"/>
          </a:xfrm>
          <a:prstGeom prst="roundRect">
            <a:avLst>
              <a:gd name="adj" fmla="val 5329"/>
            </a:avLst>
          </a:prstGeom>
          <a:solidFill>
            <a:schemeClr val="accent2"/>
          </a:solidFill>
          <a:ln w="12700" cap="flat" cmpd="sng" algn="ctr">
            <a:noFill/>
            <a:prstDash val="solid"/>
            <a:miter lim="400000"/>
            <a:headEnd type="none" w="med" len="med"/>
            <a:tailEnd type="none" w="med" len="med"/>
          </a:ln>
          <a:effectLst/>
        </p:spPr>
        <p:txBody>
          <a:bodyPr vert="horz" wrap="square" lIns="16697" tIns="16697" rIns="16697" bIns="16697" numCol="1" rtlCol="0" anchor="ctr" anchorCtr="0" compatLnSpc="1">
            <a:prstTxWarp prst="textNoShape">
              <a:avLst/>
            </a:prstTxWarp>
            <a:noAutofit/>
          </a:bodyPr>
          <a:lstStyle/>
          <a:p>
            <a:pPr defTabSz="361754"/>
            <a:endParaRPr lang="en-GB" sz="863" dirty="0">
              <a:solidFill>
                <a:srgbClr val="74808C"/>
              </a:solidFill>
              <a:latin typeface=""/>
              <a:ea typeface="Poppins" charset="0"/>
              <a:cs typeface="Poppins" charset="0"/>
              <a:sym typeface="Poppins" charset="0"/>
            </a:endParaRPr>
          </a:p>
        </p:txBody>
      </p:sp>
      <p:sp>
        <p:nvSpPr>
          <p:cNvPr id="75" name="Turton | Autoshape | SlideID: 2013 | ID: 4">
            <a:extLst>
              <a:ext uri="{FF2B5EF4-FFF2-40B4-BE49-F238E27FC236}">
                <a16:creationId xmlns:a16="http://schemas.microsoft.com/office/drawing/2014/main" id="{C9D619EA-BBD8-8ECA-2690-2DA1F8595692}"/>
              </a:ext>
            </a:extLst>
          </p:cNvPr>
          <p:cNvSpPr/>
          <p:nvPr/>
        </p:nvSpPr>
        <p:spPr bwMode="auto">
          <a:xfrm>
            <a:off x="8250984" y="2202821"/>
            <a:ext cx="1861678" cy="725739"/>
          </a:xfrm>
          <a:prstGeom prst="roundRect">
            <a:avLst>
              <a:gd name="adj" fmla="val 5329"/>
            </a:avLst>
          </a:prstGeom>
          <a:solidFill>
            <a:schemeClr val="accent2"/>
          </a:solidFill>
          <a:ln w="12700" cap="flat" cmpd="sng" algn="ctr">
            <a:noFill/>
            <a:prstDash val="solid"/>
            <a:miter lim="400000"/>
            <a:headEnd type="none" w="med" len="med"/>
            <a:tailEnd type="none" w="med" len="med"/>
          </a:ln>
          <a:effectLst/>
        </p:spPr>
        <p:txBody>
          <a:bodyPr vert="horz" wrap="square" lIns="16697" tIns="16697" rIns="16697" bIns="16697" numCol="1" rtlCol="0" anchor="ctr" anchorCtr="0" compatLnSpc="1">
            <a:prstTxWarp prst="textNoShape">
              <a:avLst/>
            </a:prstTxWarp>
            <a:noAutofit/>
          </a:bodyPr>
          <a:lstStyle/>
          <a:p>
            <a:pPr defTabSz="361754"/>
            <a:endParaRPr lang="en-GB" sz="863" dirty="0">
              <a:solidFill>
                <a:srgbClr val="74808C"/>
              </a:solidFill>
              <a:latin typeface=""/>
              <a:ea typeface="Poppins" charset="0"/>
              <a:cs typeface="Poppins" charset="0"/>
              <a:sym typeface="Poppins" charset="0"/>
            </a:endParaRPr>
          </a:p>
        </p:txBody>
      </p:sp>
      <p:cxnSp>
        <p:nvCxnSpPr>
          <p:cNvPr id="76" name="Turton | Autoshape | SlideID: 2013 | ID: 5">
            <a:extLst>
              <a:ext uri="{FF2B5EF4-FFF2-40B4-BE49-F238E27FC236}">
                <a16:creationId xmlns:a16="http://schemas.microsoft.com/office/drawing/2014/main" id="{A7B18063-7570-853B-F1F6-CF3B54F89DEE}"/>
              </a:ext>
            </a:extLst>
          </p:cNvPr>
          <p:cNvCxnSpPr>
            <a:cxnSpLocks/>
          </p:cNvCxnSpPr>
          <p:nvPr/>
        </p:nvCxnSpPr>
        <p:spPr bwMode="auto">
          <a:xfrm rot="16200000" flipH="1">
            <a:off x="7387166" y="408163"/>
            <a:ext cx="603254" cy="2986062"/>
          </a:xfrm>
          <a:prstGeom prst="bentConnector3">
            <a:avLst>
              <a:gd name="adj1" fmla="val 50000"/>
            </a:avLst>
          </a:prstGeom>
          <a:blipFill dpi="0" rotWithShape="0">
            <a:blip r:embed="rId6"/>
            <a:srcRect/>
            <a:tile tx="0" ty="0" sx="100000" sy="100000" flip="none" algn="tl"/>
          </a:blipFill>
          <a:ln w="12700" cap="flat" cmpd="sng" algn="ctr">
            <a:solidFill>
              <a:schemeClr val="bg2">
                <a:lumMod val="100000"/>
              </a:schemeClr>
            </a:solidFill>
            <a:prstDash val="solid"/>
            <a:miter lim="400000"/>
            <a:headEnd type="none" w="med" len="med"/>
            <a:tailEnd type="arrow" w="med" len="med"/>
          </a:ln>
          <a:effectLst/>
        </p:spPr>
      </p:cxnSp>
      <p:sp>
        <p:nvSpPr>
          <p:cNvPr id="77" name="Turton | Autoshape | SlideID: 2013 | ID: 6">
            <a:extLst>
              <a:ext uri="{FF2B5EF4-FFF2-40B4-BE49-F238E27FC236}">
                <a16:creationId xmlns:a16="http://schemas.microsoft.com/office/drawing/2014/main" id="{D52011B5-C443-E5B7-1A3E-B68632B23091}"/>
              </a:ext>
            </a:extLst>
          </p:cNvPr>
          <p:cNvSpPr/>
          <p:nvPr/>
        </p:nvSpPr>
        <p:spPr bwMode="auto">
          <a:xfrm>
            <a:off x="2284428" y="3258203"/>
            <a:ext cx="1861678" cy="662631"/>
          </a:xfrm>
          <a:prstGeom prst="roundRect">
            <a:avLst>
              <a:gd name="adj" fmla="val 5329"/>
            </a:avLst>
          </a:prstGeom>
          <a:solidFill>
            <a:schemeClr val="accent3"/>
          </a:solidFill>
          <a:ln w="12700" cap="flat" cmpd="sng" algn="ctr">
            <a:noFill/>
            <a:prstDash val="solid"/>
            <a:miter lim="400000"/>
            <a:headEnd type="none" w="med" len="med"/>
            <a:tailEnd type="none" w="med" len="med"/>
          </a:ln>
          <a:effectLst/>
        </p:spPr>
        <p:txBody>
          <a:bodyPr vert="horz" wrap="square" lIns="16697" tIns="16697" rIns="16697" bIns="16697" numCol="1" rtlCol="0" anchor="ctr" anchorCtr="0" compatLnSpc="1">
            <a:prstTxWarp prst="textNoShape">
              <a:avLst/>
            </a:prstTxWarp>
            <a:noAutofit/>
          </a:bodyPr>
          <a:lstStyle/>
          <a:p>
            <a:pPr defTabSz="361754"/>
            <a:endParaRPr lang="en-GB" sz="863" dirty="0">
              <a:solidFill>
                <a:srgbClr val="74808C"/>
              </a:solidFill>
              <a:latin typeface=""/>
              <a:ea typeface="Poppins" charset="0"/>
              <a:cs typeface="Poppins" charset="0"/>
              <a:sym typeface="Poppins" charset="0"/>
            </a:endParaRPr>
          </a:p>
        </p:txBody>
      </p:sp>
      <p:sp>
        <p:nvSpPr>
          <p:cNvPr id="79" name="Turton | Autoshape | SlideID: 2013 | ID: 8">
            <a:extLst>
              <a:ext uri="{FF2B5EF4-FFF2-40B4-BE49-F238E27FC236}">
                <a16:creationId xmlns:a16="http://schemas.microsoft.com/office/drawing/2014/main" id="{B97C0278-9D80-7073-523E-525712A5C04A}"/>
              </a:ext>
            </a:extLst>
          </p:cNvPr>
          <p:cNvSpPr/>
          <p:nvPr/>
        </p:nvSpPr>
        <p:spPr bwMode="auto">
          <a:xfrm>
            <a:off x="5264922" y="3045509"/>
            <a:ext cx="2307730" cy="875326"/>
          </a:xfrm>
          <a:prstGeom prst="roundRect">
            <a:avLst>
              <a:gd name="adj" fmla="val 5329"/>
            </a:avLst>
          </a:prstGeom>
          <a:solidFill>
            <a:schemeClr val="accent3"/>
          </a:solidFill>
          <a:ln w="12700" cap="flat" cmpd="sng" algn="ctr">
            <a:noFill/>
            <a:prstDash val="solid"/>
            <a:miter lim="400000"/>
            <a:headEnd type="none" w="med" len="med"/>
            <a:tailEnd type="none" w="med" len="med"/>
          </a:ln>
          <a:effectLst/>
        </p:spPr>
        <p:txBody>
          <a:bodyPr vert="horz" wrap="square" lIns="16697" tIns="16697" rIns="16697" bIns="16697" numCol="1" rtlCol="0" anchor="ctr" anchorCtr="0" compatLnSpc="1">
            <a:prstTxWarp prst="textNoShape">
              <a:avLst/>
            </a:prstTxWarp>
            <a:noAutofit/>
          </a:bodyPr>
          <a:lstStyle/>
          <a:p>
            <a:pPr defTabSz="361754"/>
            <a:endParaRPr lang="en-GB" sz="863" dirty="0">
              <a:solidFill>
                <a:srgbClr val="74808C"/>
              </a:solidFill>
              <a:latin typeface=""/>
              <a:ea typeface="Poppins" charset="0"/>
              <a:cs typeface="Poppins" charset="0"/>
              <a:sym typeface="Poppins" charset="0"/>
            </a:endParaRPr>
          </a:p>
        </p:txBody>
      </p:sp>
      <p:sp>
        <p:nvSpPr>
          <p:cNvPr id="80" name="Turton | Autoshape | SlideID: 2013 | ID: 9">
            <a:extLst>
              <a:ext uri="{FF2B5EF4-FFF2-40B4-BE49-F238E27FC236}">
                <a16:creationId xmlns:a16="http://schemas.microsoft.com/office/drawing/2014/main" id="{04D4EED7-D3FF-A359-E728-EBB2A122145A}"/>
              </a:ext>
            </a:extLst>
          </p:cNvPr>
          <p:cNvSpPr/>
          <p:nvPr/>
        </p:nvSpPr>
        <p:spPr bwMode="auto">
          <a:xfrm>
            <a:off x="5267706" y="5175666"/>
            <a:ext cx="1861678" cy="662631"/>
          </a:xfrm>
          <a:prstGeom prst="roundRect">
            <a:avLst>
              <a:gd name="adj" fmla="val 5329"/>
            </a:avLst>
          </a:prstGeom>
          <a:solidFill>
            <a:schemeClr val="accent3"/>
          </a:solidFill>
          <a:ln w="12700" cap="flat" cmpd="sng" algn="ctr">
            <a:noFill/>
            <a:prstDash val="solid"/>
            <a:miter lim="400000"/>
            <a:headEnd type="none" w="med" len="med"/>
            <a:tailEnd type="none" w="med" len="med"/>
          </a:ln>
          <a:effectLst/>
        </p:spPr>
        <p:txBody>
          <a:bodyPr vert="horz" wrap="square" lIns="16697" tIns="16697" rIns="16697" bIns="16697" numCol="1" rtlCol="0" anchor="ctr" anchorCtr="0" compatLnSpc="1">
            <a:prstTxWarp prst="textNoShape">
              <a:avLst/>
            </a:prstTxWarp>
            <a:noAutofit/>
          </a:bodyPr>
          <a:lstStyle/>
          <a:p>
            <a:pPr defTabSz="361754"/>
            <a:endParaRPr lang="en-GB" sz="863" dirty="0">
              <a:solidFill>
                <a:srgbClr val="74808C"/>
              </a:solidFill>
              <a:latin typeface=""/>
              <a:ea typeface="Poppins" charset="0"/>
              <a:cs typeface="Poppins" charset="0"/>
              <a:sym typeface="Poppins" charset="0"/>
            </a:endParaRPr>
          </a:p>
        </p:txBody>
      </p:sp>
      <p:sp>
        <p:nvSpPr>
          <p:cNvPr id="81" name="Turton | Autoshape | SlideID: 2013 | ID: 10">
            <a:extLst>
              <a:ext uri="{FF2B5EF4-FFF2-40B4-BE49-F238E27FC236}">
                <a16:creationId xmlns:a16="http://schemas.microsoft.com/office/drawing/2014/main" id="{A223F9A8-444C-85FA-DF45-89BF9CE2C09A}"/>
              </a:ext>
            </a:extLst>
          </p:cNvPr>
          <p:cNvSpPr/>
          <p:nvPr/>
        </p:nvSpPr>
        <p:spPr bwMode="auto">
          <a:xfrm>
            <a:off x="8297525" y="3134600"/>
            <a:ext cx="3810687" cy="3422848"/>
          </a:xfrm>
          <a:prstGeom prst="roundRect">
            <a:avLst>
              <a:gd name="adj" fmla="val 5329"/>
            </a:avLst>
          </a:prstGeom>
          <a:solidFill>
            <a:schemeClr val="accent3"/>
          </a:solidFill>
          <a:ln w="12700" cap="flat" cmpd="sng" algn="ctr">
            <a:noFill/>
            <a:prstDash val="solid"/>
            <a:miter lim="400000"/>
            <a:headEnd type="none" w="med" len="med"/>
            <a:tailEnd type="none" w="med" len="med"/>
          </a:ln>
          <a:effectLst/>
        </p:spPr>
        <p:txBody>
          <a:bodyPr vert="horz" wrap="square" lIns="16697" tIns="16697" rIns="16697" bIns="16697" numCol="1" rtlCol="0" anchor="ctr" anchorCtr="0" compatLnSpc="1">
            <a:prstTxWarp prst="textNoShape">
              <a:avLst/>
            </a:prstTxWarp>
            <a:noAutofit/>
          </a:bodyPr>
          <a:lstStyle/>
          <a:p>
            <a:pPr defTabSz="361754"/>
            <a:endParaRPr lang="en-GB" sz="863" dirty="0">
              <a:solidFill>
                <a:srgbClr val="74808C"/>
              </a:solidFill>
              <a:latin typeface=""/>
              <a:ea typeface="Poppins" charset="0"/>
              <a:cs typeface="Poppins" charset="0"/>
              <a:sym typeface="Poppins" charset="0"/>
            </a:endParaRPr>
          </a:p>
        </p:txBody>
      </p:sp>
      <p:cxnSp>
        <p:nvCxnSpPr>
          <p:cNvPr id="83" name="Turton | Autoshape | SlideID: 2013 | ID: 12">
            <a:extLst>
              <a:ext uri="{FF2B5EF4-FFF2-40B4-BE49-F238E27FC236}">
                <a16:creationId xmlns:a16="http://schemas.microsoft.com/office/drawing/2014/main" id="{42E9663D-5961-11C0-1621-1B4D1EF7C2E2}"/>
              </a:ext>
            </a:extLst>
          </p:cNvPr>
          <p:cNvCxnSpPr>
            <a:cxnSpLocks/>
          </p:cNvCxnSpPr>
          <p:nvPr/>
        </p:nvCxnSpPr>
        <p:spPr bwMode="auto">
          <a:xfrm rot="10800000" flipH="1" flipV="1">
            <a:off x="2280626" y="2565690"/>
            <a:ext cx="3801" cy="1023829"/>
          </a:xfrm>
          <a:prstGeom prst="bentConnector3">
            <a:avLst>
              <a:gd name="adj1" fmla="val -2636070"/>
            </a:avLst>
          </a:prstGeom>
          <a:blipFill dpi="0" rotWithShape="0">
            <a:blip r:embed="rId6"/>
            <a:srcRect/>
            <a:tile tx="0" ty="0" sx="100000" sy="100000" flip="none" algn="tl"/>
          </a:blipFill>
          <a:ln w="12700" cap="flat" cmpd="sng" algn="ctr">
            <a:solidFill>
              <a:schemeClr val="bg2">
                <a:lumMod val="100000"/>
              </a:schemeClr>
            </a:solidFill>
            <a:prstDash val="solid"/>
            <a:miter lim="400000"/>
            <a:headEnd type="none" w="med" len="med"/>
            <a:tailEnd type="arrow" w="med" len="med"/>
          </a:ln>
          <a:effectLst/>
        </p:spPr>
      </p:cxnSp>
      <p:cxnSp>
        <p:nvCxnSpPr>
          <p:cNvPr id="85" name="Turton | Autoshape | SlideID: 2013 | ID: 14">
            <a:extLst>
              <a:ext uri="{FF2B5EF4-FFF2-40B4-BE49-F238E27FC236}">
                <a16:creationId xmlns:a16="http://schemas.microsoft.com/office/drawing/2014/main" id="{C50EFFF3-E413-891A-B835-C5D0B83B5E41}"/>
              </a:ext>
            </a:extLst>
          </p:cNvPr>
          <p:cNvCxnSpPr>
            <a:cxnSpLocks/>
            <a:endCxn id="79" idx="1"/>
          </p:cNvCxnSpPr>
          <p:nvPr/>
        </p:nvCxnSpPr>
        <p:spPr bwMode="auto">
          <a:xfrm rot="5400000">
            <a:off x="4808965" y="3021646"/>
            <a:ext cx="917484" cy="5569"/>
          </a:xfrm>
          <a:prstGeom prst="bentConnector4">
            <a:avLst>
              <a:gd name="adj1" fmla="val 477"/>
              <a:gd name="adj2" fmla="val 1841426"/>
            </a:avLst>
          </a:prstGeom>
          <a:blipFill dpi="0" rotWithShape="0">
            <a:blip r:embed="rId6"/>
            <a:srcRect/>
            <a:tile tx="0" ty="0" sx="100000" sy="100000" flip="none" algn="tl"/>
          </a:blipFill>
          <a:ln w="12700" cap="flat" cmpd="sng" algn="ctr">
            <a:solidFill>
              <a:schemeClr val="bg2">
                <a:lumMod val="100000"/>
              </a:schemeClr>
            </a:solidFill>
            <a:prstDash val="solid"/>
            <a:miter lim="400000"/>
            <a:headEnd type="none" w="med" len="med"/>
            <a:tailEnd type="arrow" w="med" len="med"/>
          </a:ln>
          <a:effectLst/>
        </p:spPr>
      </p:cxnSp>
      <p:cxnSp>
        <p:nvCxnSpPr>
          <p:cNvPr id="86" name="Turton | Autoshape | SlideID: 2013 | ID: 15">
            <a:extLst>
              <a:ext uri="{FF2B5EF4-FFF2-40B4-BE49-F238E27FC236}">
                <a16:creationId xmlns:a16="http://schemas.microsoft.com/office/drawing/2014/main" id="{8E72392A-B977-3FEB-AC46-A733BFA80DA9}"/>
              </a:ext>
            </a:extLst>
          </p:cNvPr>
          <p:cNvCxnSpPr>
            <a:cxnSpLocks/>
            <a:endCxn id="80" idx="1"/>
          </p:cNvCxnSpPr>
          <p:nvPr/>
        </p:nvCxnSpPr>
        <p:spPr bwMode="auto">
          <a:xfrm rot="16200000" flipH="1">
            <a:off x="3427665" y="3666941"/>
            <a:ext cx="3576096" cy="103985"/>
          </a:xfrm>
          <a:prstGeom prst="bentConnector2">
            <a:avLst/>
          </a:prstGeom>
          <a:blipFill dpi="0" rotWithShape="0">
            <a:blip r:embed="rId6"/>
            <a:srcRect/>
            <a:tile tx="0" ty="0" sx="100000" sy="100000" flip="none" algn="tl"/>
          </a:blipFill>
          <a:ln w="12700" cap="flat" cmpd="sng" algn="ctr">
            <a:solidFill>
              <a:schemeClr val="bg2">
                <a:lumMod val="100000"/>
              </a:schemeClr>
            </a:solidFill>
            <a:prstDash val="solid"/>
            <a:miter lim="400000"/>
            <a:headEnd type="none" w="med" len="med"/>
            <a:tailEnd type="arrow" w="med" len="med"/>
          </a:ln>
          <a:effectLst/>
        </p:spPr>
      </p:cxnSp>
      <p:cxnSp>
        <p:nvCxnSpPr>
          <p:cNvPr id="88" name="Turton | Autoshape | SlideID: 2013 | ID: 17">
            <a:extLst>
              <a:ext uri="{FF2B5EF4-FFF2-40B4-BE49-F238E27FC236}">
                <a16:creationId xmlns:a16="http://schemas.microsoft.com/office/drawing/2014/main" id="{A526C2AF-79C8-DF2A-A64A-5D3FC608447F}"/>
              </a:ext>
            </a:extLst>
          </p:cNvPr>
          <p:cNvCxnSpPr>
            <a:cxnSpLocks/>
          </p:cNvCxnSpPr>
          <p:nvPr/>
        </p:nvCxnSpPr>
        <p:spPr bwMode="auto">
          <a:xfrm rot="10800000" flipV="1">
            <a:off x="8250984" y="2565690"/>
            <a:ext cx="5568" cy="1023829"/>
          </a:xfrm>
          <a:prstGeom prst="bentConnector3">
            <a:avLst>
              <a:gd name="adj1" fmla="val 1800000"/>
            </a:avLst>
          </a:prstGeom>
          <a:blipFill dpi="0" rotWithShape="0">
            <a:blip r:embed="rId6"/>
            <a:srcRect/>
            <a:tile tx="0" ty="0" sx="100000" sy="100000" flip="none" algn="tl"/>
          </a:blipFill>
          <a:ln w="12700" cap="flat" cmpd="sng" algn="ctr">
            <a:solidFill>
              <a:schemeClr val="bg2">
                <a:lumMod val="100000"/>
              </a:schemeClr>
            </a:solidFill>
            <a:prstDash val="solid"/>
            <a:miter lim="400000"/>
            <a:headEnd type="none" w="med" len="med"/>
            <a:tailEnd type="arrow" w="med" len="med"/>
          </a:ln>
          <a:effectLst/>
        </p:spPr>
      </p:cxnSp>
      <p:sp>
        <p:nvSpPr>
          <p:cNvPr id="89" name="Turton | Text box | SlideID: 2013 | ID: 18">
            <a:extLst>
              <a:ext uri="{FF2B5EF4-FFF2-40B4-BE49-F238E27FC236}">
                <a16:creationId xmlns:a16="http://schemas.microsoft.com/office/drawing/2014/main" id="{F5E0C551-08CC-807C-FEF8-219ED380CE18}"/>
              </a:ext>
            </a:extLst>
          </p:cNvPr>
          <p:cNvSpPr txBox="1"/>
          <p:nvPr/>
        </p:nvSpPr>
        <p:spPr>
          <a:xfrm>
            <a:off x="5451040" y="897829"/>
            <a:ext cx="1468222" cy="400110"/>
          </a:xfrm>
          <a:prstGeom prst="rect">
            <a:avLst/>
          </a:prstGeom>
          <a:noFill/>
        </p:spPr>
        <p:txBody>
          <a:bodyPr wrap="square" rtlCol="0" anchor="ctr" anchorCtr="0">
            <a:spAutoFit/>
          </a:bodyPr>
          <a:lstStyle/>
          <a:p>
            <a:pPr algn="ctr"/>
            <a:r>
              <a:rPr lang="en-GB" sz="2000" dirty="0">
                <a:solidFill>
                  <a:schemeClr val="bg1"/>
                </a:solidFill>
                <a:latin typeface="Arial" panose="020B0604020202020204" pitchFamily="34" charset="0"/>
                <a:ea typeface="League Spartan" charset="0"/>
                <a:cs typeface="Poppins" pitchFamily="2" charset="77"/>
              </a:rPr>
              <a:t>Calibration</a:t>
            </a:r>
            <a:endParaRPr lang="en-GB" sz="1600" dirty="0">
              <a:solidFill>
                <a:schemeClr val="bg1"/>
              </a:solidFill>
              <a:latin typeface="Arial" panose="020B0604020202020204" pitchFamily="34" charset="0"/>
              <a:ea typeface="League Spartan" charset="0"/>
              <a:cs typeface="Poppins" pitchFamily="2" charset="77"/>
            </a:endParaRPr>
          </a:p>
        </p:txBody>
      </p:sp>
      <p:sp>
        <p:nvSpPr>
          <p:cNvPr id="91" name="Turton | Text box | SlideID: 2013 | ID: 20">
            <a:extLst>
              <a:ext uri="{FF2B5EF4-FFF2-40B4-BE49-F238E27FC236}">
                <a16:creationId xmlns:a16="http://schemas.microsoft.com/office/drawing/2014/main" id="{1DE1DBED-6606-E923-EE91-0948AB4B2040}"/>
              </a:ext>
            </a:extLst>
          </p:cNvPr>
          <p:cNvSpPr txBox="1"/>
          <p:nvPr/>
        </p:nvSpPr>
        <p:spPr>
          <a:xfrm>
            <a:off x="2365135" y="2263638"/>
            <a:ext cx="1694693" cy="584775"/>
          </a:xfrm>
          <a:prstGeom prst="rect">
            <a:avLst/>
          </a:prstGeom>
          <a:noFill/>
        </p:spPr>
        <p:txBody>
          <a:bodyPr wrap="square" rtlCol="0" anchor="ctr" anchorCtr="0">
            <a:spAutoFit/>
          </a:bodyPr>
          <a:lstStyle/>
          <a:p>
            <a:pPr algn="ctr"/>
            <a:r>
              <a:rPr lang="en-GB" sz="1600" dirty="0">
                <a:solidFill>
                  <a:schemeClr val="bg1"/>
                </a:solidFill>
                <a:latin typeface="Arial" panose="020B0604020202020204" pitchFamily="34" charset="0"/>
                <a:ea typeface="League Spartan" charset="0"/>
                <a:cs typeface="Poppins" pitchFamily="2" charset="77"/>
              </a:rPr>
              <a:t>1. Pseudo Market Prices</a:t>
            </a:r>
          </a:p>
        </p:txBody>
      </p:sp>
      <p:sp>
        <p:nvSpPr>
          <p:cNvPr id="93" name="Turton | Text box | SlideID: 2013 | ID: 22">
            <a:extLst>
              <a:ext uri="{FF2B5EF4-FFF2-40B4-BE49-F238E27FC236}">
                <a16:creationId xmlns:a16="http://schemas.microsoft.com/office/drawing/2014/main" id="{98F1A671-9FFF-6A93-1924-A7522A263B46}"/>
              </a:ext>
            </a:extLst>
          </p:cNvPr>
          <p:cNvSpPr txBox="1"/>
          <p:nvPr/>
        </p:nvSpPr>
        <p:spPr>
          <a:xfrm>
            <a:off x="5344271" y="2137719"/>
            <a:ext cx="1696050" cy="830997"/>
          </a:xfrm>
          <a:prstGeom prst="rect">
            <a:avLst/>
          </a:prstGeom>
          <a:noFill/>
        </p:spPr>
        <p:txBody>
          <a:bodyPr wrap="square" rtlCol="0" anchor="ctr" anchorCtr="0">
            <a:spAutoFit/>
          </a:bodyPr>
          <a:lstStyle/>
          <a:p>
            <a:pPr algn="ctr"/>
            <a:r>
              <a:rPr lang="en-GB" sz="1600" dirty="0">
                <a:solidFill>
                  <a:schemeClr val="bg1"/>
                </a:solidFill>
                <a:latin typeface="Arial" panose="020B0604020202020204" pitchFamily="34" charset="0"/>
                <a:ea typeface="League Spartan" charset="0"/>
                <a:cs typeface="Poppins" pitchFamily="2" charset="77"/>
              </a:rPr>
              <a:t>2. Levenberg-Marquardt Optimiser</a:t>
            </a:r>
          </a:p>
        </p:txBody>
      </p:sp>
      <p:sp>
        <p:nvSpPr>
          <p:cNvPr id="95" name="Turton | Text box | SlideID: 2013 | ID: 24">
            <a:extLst>
              <a:ext uri="{FF2B5EF4-FFF2-40B4-BE49-F238E27FC236}">
                <a16:creationId xmlns:a16="http://schemas.microsoft.com/office/drawing/2014/main" id="{01955A70-1D2E-F594-B664-936CA02EFBA3}"/>
              </a:ext>
            </a:extLst>
          </p:cNvPr>
          <p:cNvSpPr txBox="1"/>
          <p:nvPr/>
        </p:nvSpPr>
        <p:spPr>
          <a:xfrm>
            <a:off x="8145238" y="2259411"/>
            <a:ext cx="2042419" cy="584775"/>
          </a:xfrm>
          <a:prstGeom prst="rect">
            <a:avLst/>
          </a:prstGeom>
          <a:noFill/>
        </p:spPr>
        <p:txBody>
          <a:bodyPr wrap="none" rtlCol="0" anchor="ctr" anchorCtr="0">
            <a:spAutoFit/>
          </a:bodyPr>
          <a:lstStyle/>
          <a:p>
            <a:pPr algn="ctr"/>
            <a:r>
              <a:rPr lang="en-GB" sz="1600" dirty="0">
                <a:solidFill>
                  <a:schemeClr val="bg1"/>
                </a:solidFill>
                <a:latin typeface="Arial" panose="020B0604020202020204" pitchFamily="34" charset="0"/>
                <a:ea typeface="League Spartan" charset="0"/>
                <a:cs typeface="Poppins" pitchFamily="2" charset="77"/>
              </a:rPr>
              <a:t>3. Price convert to </a:t>
            </a:r>
          </a:p>
          <a:p>
            <a:pPr algn="ctr"/>
            <a:r>
              <a:rPr lang="en-GB" sz="1600" dirty="0">
                <a:solidFill>
                  <a:schemeClr val="bg1"/>
                </a:solidFill>
                <a:latin typeface="Arial" panose="020B0604020202020204" pitchFamily="34" charset="0"/>
                <a:ea typeface="League Spartan" charset="0"/>
                <a:cs typeface="Poppins" pitchFamily="2" charset="77"/>
              </a:rPr>
              <a:t> Implied Volatility(IV)</a:t>
            </a:r>
          </a:p>
        </p:txBody>
      </p:sp>
      <p:sp>
        <p:nvSpPr>
          <p:cNvPr id="97" name="Turton | Text box | SlideID: 2013 | ID: 26">
            <a:extLst>
              <a:ext uri="{FF2B5EF4-FFF2-40B4-BE49-F238E27FC236}">
                <a16:creationId xmlns:a16="http://schemas.microsoft.com/office/drawing/2014/main" id="{1DD67EAB-FE58-1ECA-DD2F-144D1638EE3D}"/>
              </a:ext>
            </a:extLst>
          </p:cNvPr>
          <p:cNvSpPr txBox="1"/>
          <p:nvPr/>
        </p:nvSpPr>
        <p:spPr>
          <a:xfrm>
            <a:off x="2243059" y="3308953"/>
            <a:ext cx="1984839" cy="584775"/>
          </a:xfrm>
          <a:prstGeom prst="rect">
            <a:avLst/>
          </a:prstGeom>
          <a:noFill/>
        </p:spPr>
        <p:txBody>
          <a:bodyPr wrap="none" rtlCol="0" anchor="ctr" anchorCtr="0">
            <a:spAutoFit/>
          </a:bodyPr>
          <a:lstStyle/>
          <a:p>
            <a:pPr algn="ctr"/>
            <a:r>
              <a:rPr lang="en-GB" sz="1600" dirty="0">
                <a:solidFill>
                  <a:schemeClr val="bg1"/>
                </a:solidFill>
                <a:latin typeface="Arial" panose="020B0604020202020204" pitchFamily="34" charset="0"/>
                <a:ea typeface="League Spartan" charset="0"/>
                <a:cs typeface="Poppins" pitchFamily="2" charset="77"/>
              </a:rPr>
              <a:t>Black-Scholes best </a:t>
            </a:r>
          </a:p>
          <a:p>
            <a:pPr algn="ctr"/>
            <a:r>
              <a:rPr lang="en-GB" sz="1600" dirty="0">
                <a:solidFill>
                  <a:schemeClr val="bg1"/>
                </a:solidFill>
                <a:latin typeface="Arial" panose="020B0604020202020204" pitchFamily="34" charset="0"/>
                <a:ea typeface="League Spartan" charset="0"/>
                <a:cs typeface="Poppins" pitchFamily="2" charset="77"/>
              </a:rPr>
              <a:t>estimate</a:t>
            </a:r>
          </a:p>
        </p:txBody>
      </p:sp>
      <p:sp>
        <p:nvSpPr>
          <p:cNvPr id="99" name="Turton | Text box | SlideID: 2013 | ID: 28">
            <a:extLst>
              <a:ext uri="{FF2B5EF4-FFF2-40B4-BE49-F238E27FC236}">
                <a16:creationId xmlns:a16="http://schemas.microsoft.com/office/drawing/2014/main" id="{3777C7A3-E476-15A4-070F-FFC7CB913C1C}"/>
              </a:ext>
            </a:extLst>
          </p:cNvPr>
          <p:cNvSpPr txBox="1"/>
          <p:nvPr/>
        </p:nvSpPr>
        <p:spPr>
          <a:xfrm>
            <a:off x="5451040" y="3073572"/>
            <a:ext cx="1941062" cy="830997"/>
          </a:xfrm>
          <a:prstGeom prst="rect">
            <a:avLst/>
          </a:prstGeom>
          <a:noFill/>
        </p:spPr>
        <p:txBody>
          <a:bodyPr wrap="square" rtlCol="0" anchor="ctr" anchorCtr="0">
            <a:spAutoFit/>
          </a:bodyPr>
          <a:lstStyle/>
          <a:p>
            <a:pPr algn="ctr"/>
            <a:r>
              <a:rPr lang="en-GB" sz="1600" dirty="0">
                <a:solidFill>
                  <a:schemeClr val="bg1"/>
                </a:solidFill>
                <a:latin typeface="Arial" panose="020B0604020202020204" pitchFamily="34" charset="0"/>
                <a:ea typeface="League Spartan" charset="0"/>
                <a:cs typeface="Poppins" pitchFamily="2" charset="77"/>
              </a:rPr>
              <a:t>Random selected SVJD model </a:t>
            </a:r>
          </a:p>
          <a:p>
            <a:pPr algn="ctr"/>
            <a:r>
              <a:rPr lang="en-GB" sz="1600" dirty="0">
                <a:solidFill>
                  <a:schemeClr val="bg1"/>
                </a:solidFill>
                <a:latin typeface="Arial" panose="020B0604020202020204" pitchFamily="34" charset="0"/>
                <a:ea typeface="League Spartan" charset="0"/>
                <a:cs typeface="Poppins" pitchFamily="2" charset="77"/>
              </a:rPr>
              <a:t>parameters’ values</a:t>
            </a:r>
          </a:p>
        </p:txBody>
      </p:sp>
      <p:sp>
        <p:nvSpPr>
          <p:cNvPr id="101" name="Turton | Text box | SlideID: 2013 | ID: 30">
            <a:extLst>
              <a:ext uri="{FF2B5EF4-FFF2-40B4-BE49-F238E27FC236}">
                <a16:creationId xmlns:a16="http://schemas.microsoft.com/office/drawing/2014/main" id="{5B0B5DF7-E203-C606-08F5-08D6196A37C6}"/>
              </a:ext>
            </a:extLst>
          </p:cNvPr>
          <p:cNvSpPr txBox="1"/>
          <p:nvPr/>
        </p:nvSpPr>
        <p:spPr>
          <a:xfrm>
            <a:off x="8330272" y="3448712"/>
            <a:ext cx="3758577" cy="2554545"/>
          </a:xfrm>
          <a:prstGeom prst="rect">
            <a:avLst/>
          </a:prstGeom>
          <a:noFill/>
        </p:spPr>
        <p:txBody>
          <a:bodyPr wrap="square" rtlCol="0" anchor="ctr" anchorCtr="0">
            <a:spAutoFit/>
          </a:bodyPr>
          <a:lstStyle/>
          <a:p>
            <a:pPr algn="ctr"/>
            <a:r>
              <a:rPr lang="en-GB" sz="1600" dirty="0">
                <a:solidFill>
                  <a:schemeClr val="bg1"/>
                </a:solidFill>
                <a:latin typeface="Arial" panose="020B0604020202020204" pitchFamily="34" charset="0"/>
                <a:ea typeface="League Spartan" charset="0"/>
                <a:cs typeface="Poppins" pitchFamily="2" charset="77"/>
              </a:rPr>
              <a:t>Option price under </a:t>
            </a:r>
          </a:p>
          <a:p>
            <a:pPr algn="ctr"/>
            <a:r>
              <a:rPr lang="en-GB" sz="1600" dirty="0">
                <a:solidFill>
                  <a:schemeClr val="bg1"/>
                </a:solidFill>
                <a:latin typeface="Arial" panose="020B0604020202020204" pitchFamily="34" charset="0"/>
                <a:ea typeface="League Spartan" charset="0"/>
                <a:cs typeface="Poppins" pitchFamily="2" charset="77"/>
              </a:rPr>
              <a:t>16 Maturities</a:t>
            </a:r>
          </a:p>
          <a:p>
            <a:pPr algn="ctr"/>
            <a:r>
              <a:rPr lang="en-GB" sz="1600" dirty="0">
                <a:solidFill>
                  <a:schemeClr val="bg1"/>
                </a:solidFill>
                <a:latin typeface="Arial" panose="020B0604020202020204" pitchFamily="34" charset="0"/>
                <a:ea typeface="League Spartan" charset="0"/>
                <a:cs typeface="Poppins" pitchFamily="2" charset="77"/>
              </a:rPr>
              <a:t>11 Strikes</a:t>
            </a:r>
          </a:p>
          <a:p>
            <a:pPr algn="ctr"/>
            <a:endParaRPr lang="en-GB" sz="1600" dirty="0">
              <a:solidFill>
                <a:schemeClr val="bg1"/>
              </a:solidFill>
              <a:latin typeface="Arial" panose="020B0604020202020204" pitchFamily="34" charset="0"/>
              <a:ea typeface="League Spartan" charset="0"/>
              <a:cs typeface="Poppins" pitchFamily="2" charset="77"/>
            </a:endParaRPr>
          </a:p>
          <a:p>
            <a:pPr algn="ctr"/>
            <a:r>
              <a:rPr lang="en-GB" sz="1600" dirty="0">
                <a:solidFill>
                  <a:srgbClr val="FF0000"/>
                </a:solidFill>
                <a:latin typeface="Arial" panose="020B0604020202020204" pitchFamily="34" charset="0"/>
                <a:ea typeface="League Spartan" charset="0"/>
                <a:cs typeface="Poppins" pitchFamily="2" charset="77"/>
              </a:rPr>
              <a:t>16 Maturities</a:t>
            </a:r>
            <a:r>
              <a:rPr lang="en-GB" sz="1600" dirty="0">
                <a:solidFill>
                  <a:schemeClr val="bg1"/>
                </a:solidFill>
                <a:latin typeface="Arial" panose="020B0604020202020204" pitchFamily="34" charset="0"/>
                <a:ea typeface="League Spartan" charset="0"/>
                <a:cs typeface="Poppins" pitchFamily="2" charset="77"/>
              </a:rPr>
              <a:t>: 0.25, 0.50, 0.75, 1.00, 2.00, 3.00, 4.00, 5.00, 6.00, 7.00, 8.00, 9.00, 10.00, 15.00, 20.00, 25.00</a:t>
            </a:r>
          </a:p>
          <a:p>
            <a:pPr algn="ctr"/>
            <a:endParaRPr lang="en-GB" sz="1600" dirty="0">
              <a:solidFill>
                <a:schemeClr val="bg1"/>
              </a:solidFill>
              <a:latin typeface="Arial" panose="020B0604020202020204" pitchFamily="34" charset="0"/>
              <a:ea typeface="League Spartan" charset="0"/>
              <a:cs typeface="Poppins" pitchFamily="2" charset="77"/>
            </a:endParaRPr>
          </a:p>
          <a:p>
            <a:pPr algn="ctr"/>
            <a:r>
              <a:rPr lang="en-GB" sz="1600" dirty="0">
                <a:solidFill>
                  <a:srgbClr val="FF0000"/>
                </a:solidFill>
                <a:latin typeface="Arial" panose="020B0604020202020204" pitchFamily="34" charset="0"/>
                <a:ea typeface="League Spartan" charset="0"/>
                <a:cs typeface="Poppins" pitchFamily="2" charset="77"/>
              </a:rPr>
              <a:t>11 Strikes</a:t>
            </a:r>
            <a:r>
              <a:rPr lang="en-GB" sz="1600" dirty="0">
                <a:solidFill>
                  <a:schemeClr val="bg1"/>
                </a:solidFill>
                <a:latin typeface="Arial" panose="020B0604020202020204" pitchFamily="34" charset="0"/>
                <a:ea typeface="League Spartan" charset="0"/>
                <a:cs typeface="Poppins" pitchFamily="2" charset="77"/>
              </a:rPr>
              <a:t>: 0.5, 0.6, 0.7, 0.8, 0.9, 1.0, 1.1, 1.2, 1.3, 1.4, 1.5</a:t>
            </a:r>
          </a:p>
        </p:txBody>
      </p:sp>
      <p:sp>
        <p:nvSpPr>
          <p:cNvPr id="104" name="Turton | Text box | SlideID: 2013 | ID: 33">
            <a:extLst>
              <a:ext uri="{FF2B5EF4-FFF2-40B4-BE49-F238E27FC236}">
                <a16:creationId xmlns:a16="http://schemas.microsoft.com/office/drawing/2014/main" id="{12995819-7A4A-8B4A-A34B-94F989A10E52}"/>
              </a:ext>
            </a:extLst>
          </p:cNvPr>
          <p:cNvSpPr txBox="1">
            <a:spLocks/>
          </p:cNvSpPr>
          <p:nvPr/>
        </p:nvSpPr>
        <p:spPr>
          <a:xfrm>
            <a:off x="2867096" y="4338977"/>
            <a:ext cx="683680" cy="223154"/>
          </a:xfrm>
          <a:prstGeom prst="rect">
            <a:avLst/>
          </a:prstGeom>
        </p:spPr>
        <p:txBody>
          <a:bodyPr vert="horz" wrap="none" lIns="40084" tIns="20042" rIns="40084" bIns="20042" rtlCol="0" anchor="t">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nSpc>
                <a:spcPct val="100000"/>
              </a:lnSpc>
            </a:pPr>
            <a:r>
              <a:rPr lang="en-GB" sz="1200" dirty="0">
                <a:solidFill>
                  <a:schemeClr val="bg1"/>
                </a:solidFill>
                <a:latin typeface="Arial" panose="020B0604020202020204" pitchFamily="34" charset="0"/>
                <a:ea typeface="Lato Light" panose="020F0502020204030203" pitchFamily="34" charset="0"/>
                <a:cs typeface="Mukta ExtraLight" panose="020B0000000000000000" pitchFamily="34" charset="77"/>
              </a:rPr>
              <a:t>Manager</a:t>
            </a:r>
          </a:p>
        </p:txBody>
      </p:sp>
      <p:sp>
        <p:nvSpPr>
          <p:cNvPr id="105" name="Turton | Text box | SlideID: 2013 | ID: 34">
            <a:extLst>
              <a:ext uri="{FF2B5EF4-FFF2-40B4-BE49-F238E27FC236}">
                <a16:creationId xmlns:a16="http://schemas.microsoft.com/office/drawing/2014/main" id="{CB4553E2-FFE7-CD93-2D4D-2B89D54636CE}"/>
              </a:ext>
            </a:extLst>
          </p:cNvPr>
          <p:cNvSpPr txBox="1"/>
          <p:nvPr/>
        </p:nvSpPr>
        <p:spPr>
          <a:xfrm>
            <a:off x="5513902" y="5204047"/>
            <a:ext cx="1369285" cy="584775"/>
          </a:xfrm>
          <a:prstGeom prst="rect">
            <a:avLst/>
          </a:prstGeom>
          <a:noFill/>
        </p:spPr>
        <p:txBody>
          <a:bodyPr wrap="none" rtlCol="0" anchor="ctr" anchorCtr="0">
            <a:spAutoFit/>
          </a:bodyPr>
          <a:lstStyle/>
          <a:p>
            <a:pPr algn="ctr"/>
            <a:r>
              <a:rPr lang="en-GB" sz="1600" dirty="0">
                <a:solidFill>
                  <a:schemeClr val="bg1"/>
                </a:solidFill>
                <a:latin typeface="Arial" panose="020B0604020202020204" pitchFamily="34" charset="0"/>
                <a:ea typeface="League Spartan" charset="0"/>
                <a:cs typeface="Poppins" pitchFamily="2" charset="77"/>
              </a:rPr>
              <a:t>COS Pricing </a:t>
            </a:r>
          </a:p>
          <a:p>
            <a:pPr algn="ctr"/>
            <a:r>
              <a:rPr lang="en-GB" sz="1600" dirty="0">
                <a:solidFill>
                  <a:schemeClr val="bg1"/>
                </a:solidFill>
                <a:latin typeface="Arial" panose="020B0604020202020204" pitchFamily="34" charset="0"/>
                <a:ea typeface="League Spartan" charset="0"/>
                <a:cs typeface="Poppins" pitchFamily="2" charset="77"/>
              </a:rPr>
              <a:t>method</a:t>
            </a:r>
          </a:p>
        </p:txBody>
      </p:sp>
      <p:cxnSp>
        <p:nvCxnSpPr>
          <p:cNvPr id="109" name="Turton | Line | SlideID: 2013 | ID: 38">
            <a:extLst>
              <a:ext uri="{FF2B5EF4-FFF2-40B4-BE49-F238E27FC236}">
                <a16:creationId xmlns:a16="http://schemas.microsoft.com/office/drawing/2014/main" id="{F916B47E-51E5-B485-9B0A-B3C8C87D9522}"/>
              </a:ext>
            </a:extLst>
          </p:cNvPr>
          <p:cNvCxnSpPr/>
          <p:nvPr/>
        </p:nvCxnSpPr>
        <p:spPr>
          <a:xfrm>
            <a:off x="6195760" y="1599567"/>
            <a:ext cx="0" cy="603254"/>
          </a:xfrm>
          <a:prstGeom prst="line">
            <a:avLst/>
          </a:prstGeom>
          <a:blipFill dpi="0" rotWithShape="0">
            <a:blip r:embed="rId6"/>
            <a:srcRect/>
            <a:tile tx="0" ty="0" sx="100000" sy="100000" flip="none" algn="tl"/>
          </a:blipFill>
          <a:ln w="12700" cap="flat" cmpd="sng" algn="ctr">
            <a:solidFill>
              <a:schemeClr val="bg1">
                <a:lumMod val="75000"/>
              </a:schemeClr>
            </a:solidFill>
            <a:prstDash val="solid"/>
            <a:miter lim="400000"/>
            <a:headEnd type="none" w="med" len="med"/>
            <a:tailEnd type="arrow" w="med" len="med"/>
          </a:ln>
          <a:effectLst/>
        </p:spPr>
      </p:cxnSp>
      <p:pic>
        <p:nvPicPr>
          <p:cNvPr id="4" name="Picture 3">
            <a:extLst>
              <a:ext uri="{FF2B5EF4-FFF2-40B4-BE49-F238E27FC236}">
                <a16:creationId xmlns:a16="http://schemas.microsoft.com/office/drawing/2014/main" id="{5BD97A83-9116-5479-F98D-507F5A2EA88D}"/>
              </a:ext>
            </a:extLst>
          </p:cNvPr>
          <p:cNvPicPr>
            <a:picLocks noChangeAspect="1"/>
          </p:cNvPicPr>
          <p:nvPr/>
        </p:nvPicPr>
        <p:blipFill>
          <a:blip r:embed="rId7"/>
          <a:stretch>
            <a:fillRect/>
          </a:stretch>
        </p:blipFill>
        <p:spPr>
          <a:xfrm>
            <a:off x="5513902" y="3969509"/>
            <a:ext cx="2296592" cy="1159591"/>
          </a:xfrm>
          <a:prstGeom prst="rect">
            <a:avLst/>
          </a:prstGeom>
        </p:spPr>
      </p:pic>
      <p:cxnSp>
        <p:nvCxnSpPr>
          <p:cNvPr id="11" name="Turton | Autoshape | SlideID: 2013 | ID: 15">
            <a:extLst>
              <a:ext uri="{FF2B5EF4-FFF2-40B4-BE49-F238E27FC236}">
                <a16:creationId xmlns:a16="http://schemas.microsoft.com/office/drawing/2014/main" id="{4FF86252-1DBD-5BF2-A50E-E0C6B9811A3F}"/>
              </a:ext>
            </a:extLst>
          </p:cNvPr>
          <p:cNvCxnSpPr>
            <a:cxnSpLocks/>
            <a:stCxn id="79" idx="1"/>
            <a:endCxn id="4" idx="1"/>
          </p:cNvCxnSpPr>
          <p:nvPr/>
        </p:nvCxnSpPr>
        <p:spPr bwMode="auto">
          <a:xfrm rot="10800000" flipH="1" flipV="1">
            <a:off x="5264922" y="3483171"/>
            <a:ext cx="248980" cy="1066133"/>
          </a:xfrm>
          <a:prstGeom prst="bentConnector3">
            <a:avLst>
              <a:gd name="adj1" fmla="val -91815"/>
            </a:avLst>
          </a:prstGeom>
          <a:blipFill dpi="0" rotWithShape="0">
            <a:blip r:embed="rId6"/>
            <a:srcRect/>
            <a:tile tx="0" ty="0" sx="100000" sy="100000" flip="none" algn="tl"/>
          </a:blipFill>
          <a:ln w="12700" cap="flat" cmpd="sng" algn="ctr">
            <a:solidFill>
              <a:schemeClr val="bg2">
                <a:lumMod val="100000"/>
              </a:schemeClr>
            </a:solidFill>
            <a:prstDash val="solid"/>
            <a:miter lim="400000"/>
            <a:headEnd type="none" w="med" len="med"/>
            <a:tailEnd type="arrow" w="med" len="med"/>
          </a:ln>
          <a:effectLst/>
        </p:spPr>
      </p:cxnSp>
      <p:sp>
        <p:nvSpPr>
          <p:cNvPr id="10" name="Turton | Placeholder | SlideID: 1936 | ID: 8">
            <a:extLst>
              <a:ext uri="{FF2B5EF4-FFF2-40B4-BE49-F238E27FC236}">
                <a16:creationId xmlns:a16="http://schemas.microsoft.com/office/drawing/2014/main" id="{93EF822C-F00B-CAA8-D436-23C0720B9D15}"/>
              </a:ext>
            </a:extLst>
          </p:cNvPr>
          <p:cNvSpPr>
            <a:spLocks noGrp="1"/>
          </p:cNvSpPr>
          <p:nvPr>
            <p:ph type="title"/>
          </p:nvPr>
        </p:nvSpPr>
        <p:spPr>
          <a:xfrm>
            <a:off x="312428" y="255994"/>
            <a:ext cx="3829876" cy="723548"/>
          </a:xfrm>
        </p:spPr>
        <p:txBody>
          <a:bodyPr>
            <a:noAutofit/>
          </a:bodyPr>
          <a:lstStyle/>
          <a:p>
            <a:r>
              <a:rPr lang="en-GB" sz="2800" dirty="0"/>
              <a:t>Calibration Process</a:t>
            </a:r>
          </a:p>
        </p:txBody>
      </p:sp>
    </p:spTree>
    <p:custDataLst>
      <p:tags r:id="rId1"/>
    </p:custDataLst>
    <p:extLst>
      <p:ext uri="{BB962C8B-B14F-4D97-AF65-F5344CB8AC3E}">
        <p14:creationId xmlns:p14="http://schemas.microsoft.com/office/powerpoint/2010/main" val="321861832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9">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Freeform: Shape 11">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ectangle 13">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Shape 17">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0" name="Isosceles Triangle 19">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Isosceles Triangle 21">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a:extLst>
              <a:ext uri="{FF2B5EF4-FFF2-40B4-BE49-F238E27FC236}">
                <a16:creationId xmlns:a16="http://schemas.microsoft.com/office/drawing/2014/main" id="{CBF4CCA3-6958-8168-F62C-57C9AF9412F6}"/>
              </a:ext>
            </a:extLst>
          </p:cNvPr>
          <p:cNvSpPr txBox="1"/>
          <p:nvPr/>
        </p:nvSpPr>
        <p:spPr>
          <a:xfrm>
            <a:off x="121706" y="637358"/>
            <a:ext cx="6221575" cy="461665"/>
          </a:xfrm>
          <a:prstGeom prst="rect">
            <a:avLst/>
          </a:prstGeom>
          <a:noFill/>
        </p:spPr>
        <p:txBody>
          <a:bodyPr wrap="none" rtlCol="0">
            <a:spAutoFit/>
          </a:bodyPr>
          <a:lstStyle/>
          <a:p>
            <a:r>
              <a:rPr lang="en-GB" sz="2400" b="1" dirty="0"/>
              <a:t>Data from Economic Scenario Generator:</a:t>
            </a:r>
          </a:p>
        </p:txBody>
      </p:sp>
      <p:grpSp>
        <p:nvGrpSpPr>
          <p:cNvPr id="3" name="Group 2">
            <a:extLst>
              <a:ext uri="{FF2B5EF4-FFF2-40B4-BE49-F238E27FC236}">
                <a16:creationId xmlns:a16="http://schemas.microsoft.com/office/drawing/2014/main" id="{EEAAE0C4-1CCF-572E-649B-4D4266F780D0}"/>
              </a:ext>
            </a:extLst>
          </p:cNvPr>
          <p:cNvGrpSpPr/>
          <p:nvPr/>
        </p:nvGrpSpPr>
        <p:grpSpPr>
          <a:xfrm>
            <a:off x="537663" y="1096755"/>
            <a:ext cx="17164280" cy="5576819"/>
            <a:chOff x="0" y="1484993"/>
            <a:chExt cx="14751586" cy="4251357"/>
          </a:xfrm>
        </p:grpSpPr>
        <p:pic>
          <p:nvPicPr>
            <p:cNvPr id="5" name="Picture 4">
              <a:extLst>
                <a:ext uri="{FF2B5EF4-FFF2-40B4-BE49-F238E27FC236}">
                  <a16:creationId xmlns:a16="http://schemas.microsoft.com/office/drawing/2014/main" id="{D3CDFBC4-E99A-91DE-0627-4A31D14253C6}"/>
                </a:ext>
              </a:extLst>
            </p:cNvPr>
            <p:cNvPicPr>
              <a:picLocks noChangeAspect="1"/>
            </p:cNvPicPr>
            <p:nvPr/>
          </p:nvPicPr>
          <p:blipFill>
            <a:blip r:embed="rId2"/>
            <a:stretch>
              <a:fillRect/>
            </a:stretch>
          </p:blipFill>
          <p:spPr>
            <a:xfrm>
              <a:off x="0" y="1538817"/>
              <a:ext cx="14600117" cy="4197533"/>
            </a:xfrm>
            <a:prstGeom prst="rect">
              <a:avLst/>
            </a:prstGeom>
            <a:ln>
              <a:noFill/>
            </a:ln>
          </p:spPr>
        </p:pic>
        <p:sp>
          <p:nvSpPr>
            <p:cNvPr id="2" name="Rectangle 1">
              <a:extLst>
                <a:ext uri="{FF2B5EF4-FFF2-40B4-BE49-F238E27FC236}">
                  <a16:creationId xmlns:a16="http://schemas.microsoft.com/office/drawing/2014/main" id="{06F082B3-95CD-42FE-C3B6-0524C88F6D36}"/>
                </a:ext>
              </a:extLst>
            </p:cNvPr>
            <p:cNvSpPr/>
            <p:nvPr/>
          </p:nvSpPr>
          <p:spPr>
            <a:xfrm>
              <a:off x="0" y="1484993"/>
              <a:ext cx="14751586" cy="228941"/>
            </a:xfrm>
            <a:prstGeom prst="rect">
              <a:avLst/>
            </a:prstGeom>
            <a:solidFill>
              <a:srgbClr val="FF00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121603771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9">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8" name="Freeform: Shape 11">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14" name="Rectangle 13">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6" name="Rectangle 15">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8" name="Freeform: Shape 17">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20" name="Isosceles Triangle 19">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22" name="Isosceles Triangle 21">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6" name="TextBox 5">
            <a:extLst>
              <a:ext uri="{FF2B5EF4-FFF2-40B4-BE49-F238E27FC236}">
                <a16:creationId xmlns:a16="http://schemas.microsoft.com/office/drawing/2014/main" id="{CBF4CCA3-6958-8168-F62C-57C9AF9412F6}"/>
              </a:ext>
            </a:extLst>
          </p:cNvPr>
          <p:cNvSpPr txBox="1"/>
          <p:nvPr/>
        </p:nvSpPr>
        <p:spPr>
          <a:xfrm>
            <a:off x="121706" y="637358"/>
            <a:ext cx="4113627"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solidFill>
                  <a:prstClr val="black"/>
                </a:solidFill>
                <a:effectLst/>
                <a:uLnTx/>
                <a:uFillTx/>
                <a:latin typeface="Arial" panose="020B0604020202020204"/>
                <a:ea typeface="+mn-ea"/>
                <a:cs typeface="+mn-cs"/>
              </a:rPr>
              <a:t>Python sorted data output:</a:t>
            </a:r>
          </a:p>
        </p:txBody>
      </p:sp>
      <p:pic>
        <p:nvPicPr>
          <p:cNvPr id="3" name="Picture 2">
            <a:extLst>
              <a:ext uri="{FF2B5EF4-FFF2-40B4-BE49-F238E27FC236}">
                <a16:creationId xmlns:a16="http://schemas.microsoft.com/office/drawing/2014/main" id="{D2C2F61E-FBA3-4893-6E41-B256B57768D9}"/>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1307713" y="1725473"/>
            <a:ext cx="9576574" cy="3989682"/>
          </a:xfrm>
          <a:prstGeom prst="rect">
            <a:avLst/>
          </a:prstGeom>
        </p:spPr>
      </p:pic>
    </p:spTree>
    <p:extLst>
      <p:ext uri="{BB962C8B-B14F-4D97-AF65-F5344CB8AC3E}">
        <p14:creationId xmlns:p14="http://schemas.microsoft.com/office/powerpoint/2010/main" val="352954640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Freeform 6">
            <a:extLst>
              <a:ext uri="{FF2B5EF4-FFF2-40B4-BE49-F238E27FC236}">
                <a16:creationId xmlns:a16="http://schemas.microsoft.com/office/drawing/2014/main" id="{69D184B2-2226-4E31-BCCB-44433076744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11118533" y="918266"/>
            <a:ext cx="706127" cy="5863534"/>
          </a:xfrm>
          <a:custGeom>
            <a:avLst/>
            <a:gdLst>
              <a:gd name="T0" fmla="*/ 414 w 414"/>
              <a:gd name="T1" fmla="*/ 2447 h 2447"/>
              <a:gd name="T2" fmla="*/ 0 w 414"/>
              <a:gd name="T3" fmla="*/ 2247 h 2447"/>
              <a:gd name="T4" fmla="*/ 0 w 414"/>
              <a:gd name="T5" fmla="*/ 0 h 2447"/>
              <a:gd name="T6" fmla="*/ 414 w 414"/>
              <a:gd name="T7" fmla="*/ 200 h 2447"/>
              <a:gd name="T8" fmla="*/ 414 w 414"/>
              <a:gd name="T9" fmla="*/ 2447 h 2447"/>
            </a:gdLst>
            <a:ahLst/>
            <a:cxnLst>
              <a:cxn ang="0">
                <a:pos x="T0" y="T1"/>
              </a:cxn>
              <a:cxn ang="0">
                <a:pos x="T2" y="T3"/>
              </a:cxn>
              <a:cxn ang="0">
                <a:pos x="T4" y="T5"/>
              </a:cxn>
              <a:cxn ang="0">
                <a:pos x="T6" y="T7"/>
              </a:cxn>
              <a:cxn ang="0">
                <a:pos x="T8" y="T9"/>
              </a:cxn>
            </a:cxnLst>
            <a:rect l="0" t="0" r="r" b="b"/>
            <a:pathLst>
              <a:path w="414" h="2447">
                <a:moveTo>
                  <a:pt x="414" y="2447"/>
                </a:moveTo>
                <a:lnTo>
                  <a:pt x="0" y="2247"/>
                </a:lnTo>
                <a:lnTo>
                  <a:pt x="0" y="0"/>
                </a:lnTo>
                <a:lnTo>
                  <a:pt x="414" y="200"/>
                </a:lnTo>
                <a:lnTo>
                  <a:pt x="414" y="2447"/>
                </a:lnTo>
                <a:close/>
              </a:path>
            </a:pathLst>
          </a:custGeom>
          <a:solidFill>
            <a:schemeClr val="accent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4" name="Freeform 7">
            <a:extLst>
              <a:ext uri="{FF2B5EF4-FFF2-40B4-BE49-F238E27FC236}">
                <a16:creationId xmlns:a16="http://schemas.microsoft.com/office/drawing/2014/main" id="{1AC4D4E3-486A-464A-8EC8-D4488109726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11117879" y="643467"/>
            <a:ext cx="420307" cy="5668919"/>
          </a:xfrm>
          <a:custGeom>
            <a:avLst/>
            <a:gdLst>
              <a:gd name="T0" fmla="*/ 209 w 209"/>
              <a:gd name="T1" fmla="*/ 2246 h 2358"/>
              <a:gd name="T2" fmla="*/ 0 w 209"/>
              <a:gd name="T3" fmla="*/ 2358 h 2358"/>
              <a:gd name="T4" fmla="*/ 0 w 209"/>
              <a:gd name="T5" fmla="*/ 111 h 2358"/>
              <a:gd name="T6" fmla="*/ 209 w 209"/>
              <a:gd name="T7" fmla="*/ 0 h 2358"/>
              <a:gd name="T8" fmla="*/ 209 w 209"/>
              <a:gd name="T9" fmla="*/ 2246 h 2358"/>
            </a:gdLst>
            <a:ahLst/>
            <a:cxnLst>
              <a:cxn ang="0">
                <a:pos x="T0" y="T1"/>
              </a:cxn>
              <a:cxn ang="0">
                <a:pos x="T2" y="T3"/>
              </a:cxn>
              <a:cxn ang="0">
                <a:pos x="T4" y="T5"/>
              </a:cxn>
              <a:cxn ang="0">
                <a:pos x="T6" y="T7"/>
              </a:cxn>
              <a:cxn ang="0">
                <a:pos x="T8" y="T9"/>
              </a:cxn>
            </a:cxnLst>
            <a:rect l="0" t="0" r="r" b="b"/>
            <a:pathLst>
              <a:path w="209" h="2358">
                <a:moveTo>
                  <a:pt x="209" y="2246"/>
                </a:moveTo>
                <a:lnTo>
                  <a:pt x="0" y="2358"/>
                </a:lnTo>
                <a:lnTo>
                  <a:pt x="0" y="111"/>
                </a:lnTo>
                <a:lnTo>
                  <a:pt x="209" y="0"/>
                </a:lnTo>
                <a:lnTo>
                  <a:pt x="209" y="2246"/>
                </a:ln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6" name="Rectangle 15">
            <a:extLst>
              <a:ext uri="{FF2B5EF4-FFF2-40B4-BE49-F238E27FC236}">
                <a16:creationId xmlns:a16="http://schemas.microsoft.com/office/drawing/2014/main" id="{864DE13E-58EB-4475-B79C-0D4FC651239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638387" y="643467"/>
            <a:ext cx="10933503" cy="5391944"/>
          </a:xfrm>
          <a:prstGeom prst="rect">
            <a:avLst/>
          </a:prstGeom>
          <a:solidFill>
            <a:srgbClr val="FFFFFF"/>
          </a:solidFill>
          <a:ln w="12700">
            <a:solidFill>
              <a:schemeClr val="accent1"/>
            </a:solidFill>
            <a:miter lim="800000"/>
          </a:ln>
        </p:spPr>
        <p:txBody>
          <a:bodyPr vert="horz" wrap="square" lIns="91440" tIns="45720" rIns="91440" bIns="45720" numCol="1" anchor="t" anchorCtr="0" compatLnSpc="1">
            <a:prstTxWarp prst="textNoShape">
              <a:avLst/>
            </a:prstTxWarp>
          </a:bodyPr>
          <a:lstStyle/>
          <a:p>
            <a:endParaRPr lang="en-US"/>
          </a:p>
        </p:txBody>
      </p:sp>
      <p:pic>
        <p:nvPicPr>
          <p:cNvPr id="6" name="Picture 5">
            <a:extLst>
              <a:ext uri="{FF2B5EF4-FFF2-40B4-BE49-F238E27FC236}">
                <a16:creationId xmlns:a16="http://schemas.microsoft.com/office/drawing/2014/main" id="{8B5FEFB2-2909-9625-E154-17254CE9ABD0}"/>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a:stretch/>
        </p:blipFill>
        <p:spPr>
          <a:xfrm>
            <a:off x="1263578" y="2693500"/>
            <a:ext cx="1270961" cy="1270961"/>
          </a:xfrm>
          <a:prstGeom prst="rect">
            <a:avLst/>
          </a:prstGeom>
        </p:spPr>
      </p:pic>
      <p:graphicFrame>
        <p:nvGraphicFramePr>
          <p:cNvPr id="7" name="Table 6">
            <a:extLst>
              <a:ext uri="{FF2B5EF4-FFF2-40B4-BE49-F238E27FC236}">
                <a16:creationId xmlns:a16="http://schemas.microsoft.com/office/drawing/2014/main" id="{678227DD-BCB3-B216-D43D-55381F6F76FD}"/>
              </a:ext>
            </a:extLst>
          </p:cNvPr>
          <p:cNvGraphicFramePr>
            <a:graphicFrameLocks noGrp="1"/>
          </p:cNvGraphicFramePr>
          <p:nvPr>
            <p:extLst>
              <p:ext uri="{D42A27DB-BD31-4B8C-83A1-F6EECF244321}">
                <p14:modId xmlns:p14="http://schemas.microsoft.com/office/powerpoint/2010/main" val="2874596522"/>
              </p:ext>
            </p:extLst>
          </p:nvPr>
        </p:nvGraphicFramePr>
        <p:xfrm>
          <a:off x="1281021" y="2693499"/>
          <a:ext cx="8059285" cy="1080000"/>
        </p:xfrm>
        <a:graphic>
          <a:graphicData uri="http://schemas.openxmlformats.org/drawingml/2006/table">
            <a:tbl>
              <a:tblPr>
                <a:tableStyleId>{5C22544A-7EE6-4342-B048-85BDC9FD1C3A}</a:tableStyleId>
              </a:tblPr>
              <a:tblGrid>
                <a:gridCol w="895285">
                  <a:extLst>
                    <a:ext uri="{9D8B030D-6E8A-4147-A177-3AD203B41FA5}">
                      <a16:colId xmlns:a16="http://schemas.microsoft.com/office/drawing/2014/main" val="2617723339"/>
                    </a:ext>
                  </a:extLst>
                </a:gridCol>
                <a:gridCol w="7164000">
                  <a:extLst>
                    <a:ext uri="{9D8B030D-6E8A-4147-A177-3AD203B41FA5}">
                      <a16:colId xmlns:a16="http://schemas.microsoft.com/office/drawing/2014/main" val="399197410"/>
                    </a:ext>
                  </a:extLst>
                </a:gridCol>
              </a:tblGrid>
              <a:tr h="1080000">
                <a:tc>
                  <a:txBody>
                    <a:bodyPr/>
                    <a:lstStyle/>
                    <a:p>
                      <a:pPr>
                        <a:buClr>
                          <a:schemeClr val="tx1"/>
                        </a:buClr>
                      </a:pPr>
                      <a:endParaRPr lang="en-GB" sz="1600" b="0" dirty="0">
                        <a:solidFill>
                          <a:schemeClr val="accent1"/>
                        </a:solidFill>
                      </a:endParaRPr>
                    </a:p>
                  </a:txBody>
                  <a:tcPr marL="108000" marR="108000" marT="108000" marB="108000" anchor="b">
                    <a:lnL w="38100" cap="flat" cmpd="sng" algn="ctr">
                      <a:solidFill>
                        <a:schemeClr val="accent1"/>
                      </a:solidFill>
                      <a:prstDash val="solid"/>
                      <a:round/>
                      <a:headEnd type="none" w="med" len="med"/>
                      <a:tailEnd type="none" w="med" len="med"/>
                    </a:lnL>
                    <a:lnR w="12700" cmpd="sng">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lumMod val="100000"/>
                        <a:alpha val="0"/>
                      </a:schemeClr>
                    </a:solidFill>
                  </a:tcPr>
                </a:tc>
                <a:tc>
                  <a:txBody>
                    <a:bodyPr/>
                    <a:lstStyle/>
                    <a:p>
                      <a:pPr>
                        <a:buClr>
                          <a:schemeClr val="dk1"/>
                        </a:buClr>
                      </a:pPr>
                      <a:r>
                        <a:rPr lang="en-GB" altLang="en-US" sz="2000" b="0" dirty="0">
                          <a:solidFill>
                            <a:schemeClr val="accent1"/>
                          </a:solidFill>
                          <a:latin typeface="Arial" panose="020B0604020202020204" pitchFamily="34" charset="0"/>
                        </a:rPr>
                        <a:t>Fourier Cosine Expansion Method (COS Method)</a:t>
                      </a:r>
                    </a:p>
                    <a:p>
                      <a:pPr>
                        <a:buClr>
                          <a:schemeClr val="dk1"/>
                        </a:buClr>
                      </a:pPr>
                      <a:r>
                        <a:rPr lang="en-GB" altLang="en-US" sz="1400" b="0" dirty="0">
                          <a:solidFill>
                            <a:schemeClr val="tx1">
                              <a:lumMod val="100000"/>
                            </a:schemeClr>
                          </a:solidFill>
                          <a:latin typeface="Arial" panose="020B0604020202020204" pitchFamily="34" charset="0"/>
                        </a:rPr>
                        <a:t>It is the method that the calibration process use to generate the price of the option.</a:t>
                      </a:r>
                    </a:p>
                    <a:p>
                      <a:pPr>
                        <a:buClr>
                          <a:schemeClr val="dk1"/>
                        </a:buClr>
                      </a:pPr>
                      <a:r>
                        <a:rPr lang="en-GB" altLang="en-US" sz="1400" b="0" dirty="0">
                          <a:solidFill>
                            <a:schemeClr val="tx1">
                              <a:lumMod val="100000"/>
                            </a:schemeClr>
                          </a:solidFill>
                          <a:latin typeface="Arial" panose="020B0604020202020204" pitchFamily="34" charset="0"/>
                        </a:rPr>
                        <a:t>Show in the OneNote if have time.</a:t>
                      </a:r>
                    </a:p>
                  </a:txBody>
                  <a:tcPr marL="108000" marR="108000" marT="108000" marB="108000" anchor="ctr">
                    <a:lnL w="12700" cmpd="sng">
                      <a:noFill/>
                    </a:lnL>
                    <a:lnR w="12700" cmpd="sng">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lumMod val="100000"/>
                        <a:alpha val="0"/>
                      </a:schemeClr>
                    </a:solidFill>
                  </a:tcPr>
                </a:tc>
                <a:extLst>
                  <a:ext uri="{0D108BD9-81ED-4DB2-BD59-A6C34878D82A}">
                    <a16:rowId xmlns:a16="http://schemas.microsoft.com/office/drawing/2014/main" val="4195242164"/>
                  </a:ext>
                </a:extLst>
              </a:tr>
            </a:tbl>
          </a:graphicData>
        </a:graphic>
      </p:graphicFrame>
    </p:spTree>
    <p:extLst>
      <p:ext uri="{BB962C8B-B14F-4D97-AF65-F5344CB8AC3E}">
        <p14:creationId xmlns:p14="http://schemas.microsoft.com/office/powerpoint/2010/main" val="265461529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urton | Placeholder | SlideID: 695 | ID: 2">
            <a:extLst>
              <a:ext uri="{FF2B5EF4-FFF2-40B4-BE49-F238E27FC236}">
                <a16:creationId xmlns:a16="http://schemas.microsoft.com/office/drawing/2014/main" id="{CBA7B5B9-95EE-401F-8F3E-07F15AA82ACE}"/>
              </a:ext>
            </a:extLst>
          </p:cNvPr>
          <p:cNvSpPr>
            <a:spLocks noGrp="1"/>
          </p:cNvSpPr>
          <p:nvPr>
            <p:ph type="body" sz="quarter" idx="13"/>
          </p:nvPr>
        </p:nvSpPr>
        <p:spPr/>
        <p:txBody>
          <a:bodyPr>
            <a:normAutofit/>
          </a:bodyPr>
          <a:lstStyle/>
          <a:p>
            <a:r>
              <a:rPr lang="en-GB" sz="2800" dirty="0"/>
              <a:t>Data Analysis</a:t>
            </a:r>
          </a:p>
        </p:txBody>
      </p:sp>
      <p:cxnSp>
        <p:nvCxnSpPr>
          <p:cNvPr id="5" name="Turton | Line | SlideID: 695 | ID: 3"/>
          <p:cNvCxnSpPr>
            <a:cxnSpLocks/>
          </p:cNvCxnSpPr>
          <p:nvPr/>
        </p:nvCxnSpPr>
        <p:spPr>
          <a:xfrm flipV="1">
            <a:off x="3551934" y="3509895"/>
            <a:ext cx="1686735" cy="0"/>
          </a:xfrm>
          <a:prstGeom prst="line">
            <a:avLst/>
          </a:prstGeom>
          <a:ln w="38100" cap="rnd">
            <a:solidFill>
              <a:schemeClr val="bg2"/>
            </a:solidFill>
            <a:headEnd type="oval"/>
          </a:ln>
        </p:spPr>
        <p:style>
          <a:lnRef idx="1">
            <a:schemeClr val="accent1"/>
          </a:lnRef>
          <a:fillRef idx="0">
            <a:schemeClr val="accent1"/>
          </a:fillRef>
          <a:effectRef idx="0">
            <a:schemeClr val="accent1"/>
          </a:effectRef>
          <a:fontRef idx="minor">
            <a:schemeClr val="tx1"/>
          </a:fontRef>
        </p:style>
      </p:cxnSp>
      <p:cxnSp>
        <p:nvCxnSpPr>
          <p:cNvPr id="6" name="Turton | Line | SlideID: 695 | ID: 4"/>
          <p:cNvCxnSpPr>
            <a:cxnSpLocks/>
          </p:cNvCxnSpPr>
          <p:nvPr/>
        </p:nvCxnSpPr>
        <p:spPr>
          <a:xfrm flipV="1">
            <a:off x="5238669" y="3509895"/>
            <a:ext cx="1686735" cy="0"/>
          </a:xfrm>
          <a:prstGeom prst="line">
            <a:avLst/>
          </a:prstGeom>
          <a:ln w="38100" cap="rnd">
            <a:solidFill>
              <a:schemeClr val="bg2"/>
            </a:solidFill>
            <a:headEnd type="oval"/>
          </a:ln>
        </p:spPr>
        <p:style>
          <a:lnRef idx="1">
            <a:schemeClr val="accent1"/>
          </a:lnRef>
          <a:fillRef idx="0">
            <a:schemeClr val="accent1"/>
          </a:fillRef>
          <a:effectRef idx="0">
            <a:schemeClr val="accent1"/>
          </a:effectRef>
          <a:fontRef idx="minor">
            <a:schemeClr val="tx1"/>
          </a:fontRef>
        </p:style>
      </p:cxnSp>
      <p:cxnSp>
        <p:nvCxnSpPr>
          <p:cNvPr id="7" name="Turton | Line | SlideID: 695 | ID: 5"/>
          <p:cNvCxnSpPr>
            <a:cxnSpLocks/>
          </p:cNvCxnSpPr>
          <p:nvPr/>
        </p:nvCxnSpPr>
        <p:spPr>
          <a:xfrm flipV="1">
            <a:off x="6927693" y="3509895"/>
            <a:ext cx="1686735" cy="0"/>
          </a:xfrm>
          <a:prstGeom prst="line">
            <a:avLst/>
          </a:prstGeom>
          <a:ln w="38100" cap="rnd">
            <a:solidFill>
              <a:schemeClr val="bg2"/>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3" name="Turton | Autoshape | SlideID: 695 | ID: 8">
            <a:extLst>
              <a:ext uri="{FF2B5EF4-FFF2-40B4-BE49-F238E27FC236}">
                <a16:creationId xmlns:a16="http://schemas.microsoft.com/office/drawing/2014/main" id="{9A015661-163A-81FF-606F-8D144053169E}"/>
              </a:ext>
            </a:extLst>
          </p:cNvPr>
          <p:cNvSpPr>
            <a:spLocks/>
          </p:cNvSpPr>
          <p:nvPr/>
        </p:nvSpPr>
        <p:spPr>
          <a:xfrm>
            <a:off x="8181674" y="2115901"/>
            <a:ext cx="940664" cy="940664"/>
          </a:xfrm>
          <a:prstGeom prst="ellipse">
            <a:avLst/>
          </a:prstGeom>
          <a:solidFill>
            <a:schemeClr val="bg1">
              <a:lumMod val="65000"/>
            </a:schemeClr>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dirty="0">
                <a:solidFill>
                  <a:schemeClr val="bg1"/>
                </a:solidFill>
                <a:latin typeface="Arial" panose="020B0604020202020204" pitchFamily="34" charset="0"/>
              </a:rPr>
              <a:t>4</a:t>
            </a:r>
          </a:p>
        </p:txBody>
      </p:sp>
      <p:sp>
        <p:nvSpPr>
          <p:cNvPr id="12" name="Turton | Autoshape | SlideID: 699 | ID: 6">
            <a:extLst>
              <a:ext uri="{FF2B5EF4-FFF2-40B4-BE49-F238E27FC236}">
                <a16:creationId xmlns:a16="http://schemas.microsoft.com/office/drawing/2014/main" id="{EAF434E5-47E2-2EDD-4F79-ED3527A7EA3C}"/>
              </a:ext>
            </a:extLst>
          </p:cNvPr>
          <p:cNvSpPr>
            <a:spLocks/>
          </p:cNvSpPr>
          <p:nvPr/>
        </p:nvSpPr>
        <p:spPr>
          <a:xfrm>
            <a:off x="3081602" y="2151148"/>
            <a:ext cx="940664" cy="940664"/>
          </a:xfrm>
          <a:prstGeom prst="ellipse">
            <a:avLst/>
          </a:prstGeom>
          <a:solidFill>
            <a:schemeClr val="accent6"/>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524" dirty="0">
              <a:solidFill>
                <a:schemeClr val="tx1"/>
              </a:solidFill>
            </a:endParaRPr>
          </a:p>
        </p:txBody>
      </p:sp>
      <p:sp>
        <p:nvSpPr>
          <p:cNvPr id="13" name="Turton | Autoshape | SlideID: 699 | ID: 7">
            <a:extLst>
              <a:ext uri="{FF2B5EF4-FFF2-40B4-BE49-F238E27FC236}">
                <a16:creationId xmlns:a16="http://schemas.microsoft.com/office/drawing/2014/main" id="{4C75E940-261A-950F-0ED5-8FB15F5AA671}"/>
              </a:ext>
            </a:extLst>
          </p:cNvPr>
          <p:cNvSpPr>
            <a:spLocks/>
          </p:cNvSpPr>
          <p:nvPr/>
        </p:nvSpPr>
        <p:spPr>
          <a:xfrm rot="19005742">
            <a:off x="3280156" y="2446092"/>
            <a:ext cx="543556" cy="292683"/>
          </a:xfrm>
          <a:prstGeom prst="corner">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909" dirty="0"/>
          </a:p>
        </p:txBody>
      </p:sp>
      <p:sp>
        <p:nvSpPr>
          <p:cNvPr id="8" name="Turton | Autoshape | SlideID: 699 | ID: 6">
            <a:extLst>
              <a:ext uri="{FF2B5EF4-FFF2-40B4-BE49-F238E27FC236}">
                <a16:creationId xmlns:a16="http://schemas.microsoft.com/office/drawing/2014/main" id="{5C643BD1-FA95-3F87-5DC3-D156CB849CFD}"/>
              </a:ext>
            </a:extLst>
          </p:cNvPr>
          <p:cNvSpPr>
            <a:spLocks/>
          </p:cNvSpPr>
          <p:nvPr/>
        </p:nvSpPr>
        <p:spPr>
          <a:xfrm>
            <a:off x="4768337" y="2151148"/>
            <a:ext cx="940664" cy="940664"/>
          </a:xfrm>
          <a:prstGeom prst="ellipse">
            <a:avLst/>
          </a:prstGeom>
          <a:solidFill>
            <a:schemeClr val="accent6"/>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524" dirty="0">
              <a:solidFill>
                <a:schemeClr val="tx1"/>
              </a:solidFill>
            </a:endParaRPr>
          </a:p>
        </p:txBody>
      </p:sp>
      <p:sp>
        <p:nvSpPr>
          <p:cNvPr id="9" name="Turton | Autoshape | SlideID: 699 | ID: 7">
            <a:extLst>
              <a:ext uri="{FF2B5EF4-FFF2-40B4-BE49-F238E27FC236}">
                <a16:creationId xmlns:a16="http://schemas.microsoft.com/office/drawing/2014/main" id="{3BE0881B-3594-BDAE-3BD8-66EDE8B32B83}"/>
              </a:ext>
            </a:extLst>
          </p:cNvPr>
          <p:cNvSpPr>
            <a:spLocks/>
          </p:cNvSpPr>
          <p:nvPr/>
        </p:nvSpPr>
        <p:spPr>
          <a:xfrm rot="19005742">
            <a:off x="4966891" y="2446092"/>
            <a:ext cx="543556" cy="292683"/>
          </a:xfrm>
          <a:prstGeom prst="corner">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909" dirty="0"/>
          </a:p>
        </p:txBody>
      </p:sp>
      <p:sp>
        <p:nvSpPr>
          <p:cNvPr id="2" name="Turton | Autoshape | SlideID: 699 | ID: 6">
            <a:extLst>
              <a:ext uri="{FF2B5EF4-FFF2-40B4-BE49-F238E27FC236}">
                <a16:creationId xmlns:a16="http://schemas.microsoft.com/office/drawing/2014/main" id="{863FC16E-34EC-3563-DA76-3880FE28BCAE}"/>
              </a:ext>
            </a:extLst>
          </p:cNvPr>
          <p:cNvSpPr>
            <a:spLocks/>
          </p:cNvSpPr>
          <p:nvPr/>
        </p:nvSpPr>
        <p:spPr>
          <a:xfrm>
            <a:off x="6455072" y="2168772"/>
            <a:ext cx="940664" cy="940664"/>
          </a:xfrm>
          <a:prstGeom prst="ellipse">
            <a:avLst/>
          </a:prstGeom>
          <a:solidFill>
            <a:schemeClr val="accent6"/>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524" dirty="0">
              <a:solidFill>
                <a:schemeClr val="tx1"/>
              </a:solidFill>
            </a:endParaRPr>
          </a:p>
        </p:txBody>
      </p:sp>
      <p:sp>
        <p:nvSpPr>
          <p:cNvPr id="4" name="Turton | Autoshape | SlideID: 699 | ID: 7">
            <a:extLst>
              <a:ext uri="{FF2B5EF4-FFF2-40B4-BE49-F238E27FC236}">
                <a16:creationId xmlns:a16="http://schemas.microsoft.com/office/drawing/2014/main" id="{B9985294-78D5-5A80-5994-86614D37BE9E}"/>
              </a:ext>
            </a:extLst>
          </p:cNvPr>
          <p:cNvSpPr>
            <a:spLocks/>
          </p:cNvSpPr>
          <p:nvPr/>
        </p:nvSpPr>
        <p:spPr>
          <a:xfrm rot="19005742">
            <a:off x="6653626" y="2463716"/>
            <a:ext cx="543556" cy="292683"/>
          </a:xfrm>
          <a:prstGeom prst="corner">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909" dirty="0"/>
          </a:p>
        </p:txBody>
      </p:sp>
    </p:spTree>
    <p:custDataLst>
      <p:tags r:id="rId1"/>
    </p:custDataLst>
    <p:extLst>
      <p:ext uri="{BB962C8B-B14F-4D97-AF65-F5344CB8AC3E}">
        <p14:creationId xmlns:p14="http://schemas.microsoft.com/office/powerpoint/2010/main" val="178685536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Turton | Autoshape | SlideID: 366 | ID: 0">
            <a:extLst>
              <a:ext uri="{FF2B5EF4-FFF2-40B4-BE49-F238E27FC236}">
                <a16:creationId xmlns:a16="http://schemas.microsoft.com/office/drawing/2014/main" id="{C2242F14-9C96-4399-9844-BA23B44A71F8}"/>
              </a:ext>
            </a:extLst>
          </p:cNvPr>
          <p:cNvSpPr>
            <a:spLocks/>
          </p:cNvSpPr>
          <p:nvPr/>
        </p:nvSpPr>
        <p:spPr>
          <a:xfrm>
            <a:off x="5771347" y="1350295"/>
            <a:ext cx="226675" cy="94821"/>
          </a:xfrm>
          <a:prstGeom prst="rect">
            <a:avLst/>
          </a:prstGeom>
          <a:solidFill>
            <a:schemeClr val="bg2"/>
          </a:solidFill>
          <a:ln w="12700" cap="flat">
            <a:noFill/>
            <a:miter lim="400000"/>
          </a:ln>
          <a:effectLst/>
        </p:spPr>
        <p:txBody>
          <a:bodyPr wrap="square" lIns="33573" tIns="33573" rIns="33573" bIns="33573" numCol="1"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1pPr>
            <a:lvl2pPr marL="0" marR="0" indent="457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2pPr>
            <a:lvl3pPr marL="0" marR="0" indent="914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3pPr>
            <a:lvl4pPr marL="0" marR="0" indent="1371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4pPr>
            <a:lvl5pPr marL="0" marR="0" indent="18288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5pPr>
            <a:lvl6pPr marL="0" marR="0" indent="22860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6pPr>
            <a:lvl7pPr marL="0" marR="0" indent="2743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7pPr>
            <a:lvl8pPr marL="0" marR="0" indent="3200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8pPr>
            <a:lvl9pPr marL="0" marR="0" indent="3657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9pPr>
          </a:lstStyle>
          <a:p>
            <a:pPr fontAlgn="t">
              <a:defRPr>
                <a:solidFill>
                  <a:srgbClr val="FFFFFF"/>
                </a:solidFill>
              </a:defRPr>
            </a:pPr>
            <a:endParaRPr lang="en-GB" sz="1321" dirty="0"/>
          </a:p>
        </p:txBody>
      </p:sp>
      <p:sp>
        <p:nvSpPr>
          <p:cNvPr id="34" name="Turton | Autoshape | SlideID: 366 | ID: 1">
            <a:extLst>
              <a:ext uri="{FF2B5EF4-FFF2-40B4-BE49-F238E27FC236}">
                <a16:creationId xmlns:a16="http://schemas.microsoft.com/office/drawing/2014/main" id="{00A3D5EE-9A6E-48E3-9F11-C91150BE12ED}"/>
              </a:ext>
            </a:extLst>
          </p:cNvPr>
          <p:cNvSpPr>
            <a:spLocks/>
          </p:cNvSpPr>
          <p:nvPr/>
        </p:nvSpPr>
        <p:spPr>
          <a:xfrm>
            <a:off x="5815363" y="1445114"/>
            <a:ext cx="138645" cy="4326024"/>
          </a:xfrm>
          <a:prstGeom prst="rect">
            <a:avLst/>
          </a:prstGeom>
          <a:solidFill>
            <a:schemeClr val="bg2"/>
          </a:solidFill>
          <a:ln w="12700" cap="flat">
            <a:noFill/>
            <a:miter lim="400000"/>
          </a:ln>
          <a:effectLst/>
        </p:spPr>
        <p:txBody>
          <a:bodyPr wrap="square" lIns="33573" tIns="33573" rIns="33573" bIns="33573" numCol="1"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1pPr>
            <a:lvl2pPr marL="0" marR="0" indent="457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2pPr>
            <a:lvl3pPr marL="0" marR="0" indent="914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3pPr>
            <a:lvl4pPr marL="0" marR="0" indent="1371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4pPr>
            <a:lvl5pPr marL="0" marR="0" indent="18288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5pPr>
            <a:lvl6pPr marL="0" marR="0" indent="22860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6pPr>
            <a:lvl7pPr marL="0" marR="0" indent="2743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7pPr>
            <a:lvl8pPr marL="0" marR="0" indent="3200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8pPr>
            <a:lvl9pPr marL="0" marR="0" indent="3657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9pPr>
          </a:lstStyle>
          <a:p>
            <a:pPr defTabSz="1007217" fontAlgn="t">
              <a:defRPr sz="2700">
                <a:solidFill>
                  <a:srgbClr val="FFFFFF"/>
                </a:solidFill>
              </a:defRPr>
            </a:pPr>
            <a:endParaRPr lang="en-GB" sz="1983" dirty="0"/>
          </a:p>
        </p:txBody>
      </p:sp>
      <p:sp>
        <p:nvSpPr>
          <p:cNvPr id="35" name="Turton | Autoshape | SlideID: 366 | ID: 2">
            <a:extLst>
              <a:ext uri="{FF2B5EF4-FFF2-40B4-BE49-F238E27FC236}">
                <a16:creationId xmlns:a16="http://schemas.microsoft.com/office/drawing/2014/main" id="{1BF48B93-4CE4-415E-997E-CC06FB161375}"/>
              </a:ext>
            </a:extLst>
          </p:cNvPr>
          <p:cNvSpPr>
            <a:spLocks/>
          </p:cNvSpPr>
          <p:nvPr/>
        </p:nvSpPr>
        <p:spPr>
          <a:xfrm>
            <a:off x="5520353" y="2622269"/>
            <a:ext cx="2072189" cy="451324"/>
          </a:xfrm>
          <a:prstGeom prst="notchedRightArrow">
            <a:avLst>
              <a:gd name="adj1" fmla="val 100000"/>
              <a:gd name="adj2" fmla="val 50000"/>
            </a:avLst>
          </a:prstGeom>
          <a:solidFill>
            <a:schemeClr val="accent1"/>
          </a:solidFill>
          <a:ln>
            <a:noFill/>
          </a:ln>
          <a:effectLst/>
        </p:spPr>
        <p:style>
          <a:lnRef idx="1">
            <a:schemeClr val="accent3"/>
          </a:lnRef>
          <a:fillRef idx="3">
            <a:schemeClr val="accent3"/>
          </a:fillRef>
          <a:effectRef idx="2">
            <a:schemeClr val="accent3"/>
          </a:effectRef>
          <a:fontRef idx="minor">
            <a:schemeClr val="lt1"/>
          </a:fontRef>
        </p:style>
        <p:txBody>
          <a:bodyPr wrap="square" lIns="33573" tIns="33573" rIns="33573" bIns="33573" numCol="1" anchor="ctr">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1pPr>
            <a:lvl2pPr marL="0" marR="0" indent="457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2pPr>
            <a:lvl3pPr marL="0" marR="0" indent="914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3pPr>
            <a:lvl4pPr marL="0" marR="0" indent="1371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4pPr>
            <a:lvl5pPr marL="0" marR="0" indent="18288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5pPr>
            <a:lvl6pPr marL="0" marR="0" indent="22860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6pPr>
            <a:lvl7pPr marL="0" marR="0" indent="2743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7pPr>
            <a:lvl8pPr marL="0" marR="0" indent="3200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8pPr>
            <a:lvl9pPr marL="0" marR="0" indent="3657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9pPr>
          </a:lstStyle>
          <a:p>
            <a:pPr lvl="0" algn="ctr" eaLnBrk="1" fontAlgn="base">
              <a:spcBef>
                <a:spcPct val="0"/>
              </a:spcBef>
              <a:spcAft>
                <a:spcPct val="0"/>
              </a:spcAft>
            </a:pPr>
            <a:r>
              <a:rPr kumimoji="1" lang="en-GB" sz="1600" kern="0" dirty="0">
                <a:solidFill>
                  <a:srgbClr val="FFFFFF"/>
                </a:solidFill>
                <a:latin typeface="Arial" panose="020B0604020202020204" pitchFamily="34" charset="0"/>
                <a:ea typeface="ＭＳ Ｐゴシック" pitchFamily="108" charset="-128"/>
              </a:rPr>
              <a:t>2</a:t>
            </a:r>
          </a:p>
        </p:txBody>
      </p:sp>
      <p:sp>
        <p:nvSpPr>
          <p:cNvPr id="36" name="Turton | Autoshape | SlideID: 366 | ID: 3">
            <a:extLst>
              <a:ext uri="{FF2B5EF4-FFF2-40B4-BE49-F238E27FC236}">
                <a16:creationId xmlns:a16="http://schemas.microsoft.com/office/drawing/2014/main" id="{CD6DBC59-C72C-42E5-83F7-23CAF4A8F905}"/>
              </a:ext>
            </a:extLst>
          </p:cNvPr>
          <p:cNvSpPr>
            <a:spLocks/>
          </p:cNvSpPr>
          <p:nvPr/>
        </p:nvSpPr>
        <p:spPr>
          <a:xfrm flipH="1">
            <a:off x="4257726" y="1677283"/>
            <a:ext cx="1976399" cy="451324"/>
          </a:xfrm>
          <a:prstGeom prst="notchedRightArrow">
            <a:avLst>
              <a:gd name="adj1" fmla="val 100000"/>
              <a:gd name="adj2" fmla="val 50000"/>
            </a:avLst>
          </a:prstGeom>
          <a:solidFill>
            <a:schemeClr val="accent4"/>
          </a:solidFill>
          <a:ln>
            <a:noFill/>
          </a:ln>
          <a:effectLst/>
        </p:spPr>
        <p:style>
          <a:lnRef idx="1">
            <a:schemeClr val="accent2"/>
          </a:lnRef>
          <a:fillRef idx="3">
            <a:schemeClr val="accent2"/>
          </a:fillRef>
          <a:effectRef idx="2">
            <a:schemeClr val="accent2"/>
          </a:effectRef>
          <a:fontRef idx="minor">
            <a:schemeClr val="lt1"/>
          </a:fontRef>
        </p:style>
        <p:txBody>
          <a:bodyPr wrap="square" lIns="33573" tIns="33573" rIns="33573" bIns="33573" numCol="1" anchor="ctr">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1pPr>
            <a:lvl2pPr marL="0" marR="0" indent="457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2pPr>
            <a:lvl3pPr marL="0" marR="0" indent="914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3pPr>
            <a:lvl4pPr marL="0" marR="0" indent="1371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4pPr>
            <a:lvl5pPr marL="0" marR="0" indent="18288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5pPr>
            <a:lvl6pPr marL="0" marR="0" indent="22860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6pPr>
            <a:lvl7pPr marL="0" marR="0" indent="2743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7pPr>
            <a:lvl8pPr marL="0" marR="0" indent="3200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8pPr>
            <a:lvl9pPr marL="0" marR="0" indent="3657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9pPr>
          </a:lstStyle>
          <a:p>
            <a:pPr lvl="0" algn="ctr" eaLnBrk="1" fontAlgn="base">
              <a:spcBef>
                <a:spcPct val="0"/>
              </a:spcBef>
              <a:spcAft>
                <a:spcPct val="0"/>
              </a:spcAft>
            </a:pPr>
            <a:r>
              <a:rPr kumimoji="1" lang="en-GB" sz="1600" kern="0" dirty="0">
                <a:solidFill>
                  <a:srgbClr val="FFFFFF"/>
                </a:solidFill>
                <a:latin typeface="Arial" panose="020B0604020202020204" pitchFamily="34" charset="0"/>
                <a:ea typeface="ＭＳ Ｐゴシック" pitchFamily="108" charset="-128"/>
              </a:rPr>
              <a:t>1</a:t>
            </a:r>
          </a:p>
        </p:txBody>
      </p:sp>
      <p:sp>
        <p:nvSpPr>
          <p:cNvPr id="37" name="Turton | Autoshape | SlideID: 366 | ID: 4">
            <a:extLst>
              <a:ext uri="{FF2B5EF4-FFF2-40B4-BE49-F238E27FC236}">
                <a16:creationId xmlns:a16="http://schemas.microsoft.com/office/drawing/2014/main" id="{2A0F8186-DDB0-4BD4-B9C3-ED720C73250D}"/>
              </a:ext>
            </a:extLst>
          </p:cNvPr>
          <p:cNvSpPr>
            <a:spLocks/>
          </p:cNvSpPr>
          <p:nvPr/>
        </p:nvSpPr>
        <p:spPr>
          <a:xfrm>
            <a:off x="5520353" y="4602063"/>
            <a:ext cx="2072189" cy="451324"/>
          </a:xfrm>
          <a:prstGeom prst="notchedRightArrow">
            <a:avLst>
              <a:gd name="adj1" fmla="val 100000"/>
              <a:gd name="adj2" fmla="val 50000"/>
            </a:avLst>
          </a:prstGeom>
          <a:solidFill>
            <a:schemeClr val="accent3"/>
          </a:solidFill>
          <a:ln>
            <a:noFill/>
          </a:ln>
          <a:effectLst/>
        </p:spPr>
        <p:style>
          <a:lnRef idx="1">
            <a:schemeClr val="accent6"/>
          </a:lnRef>
          <a:fillRef idx="3">
            <a:schemeClr val="accent6"/>
          </a:fillRef>
          <a:effectRef idx="2">
            <a:schemeClr val="accent6"/>
          </a:effectRef>
          <a:fontRef idx="minor">
            <a:schemeClr val="lt1"/>
          </a:fontRef>
        </p:style>
        <p:txBody>
          <a:bodyPr wrap="square" lIns="33573" tIns="33573" rIns="33573" bIns="33573" numCol="1" anchor="ctr">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1pPr>
            <a:lvl2pPr marL="0" marR="0" indent="457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2pPr>
            <a:lvl3pPr marL="0" marR="0" indent="914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3pPr>
            <a:lvl4pPr marL="0" marR="0" indent="1371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4pPr>
            <a:lvl5pPr marL="0" marR="0" indent="18288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5pPr>
            <a:lvl6pPr marL="0" marR="0" indent="22860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6pPr>
            <a:lvl7pPr marL="0" marR="0" indent="2743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7pPr>
            <a:lvl8pPr marL="0" marR="0" indent="3200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8pPr>
            <a:lvl9pPr marL="0" marR="0" indent="3657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9pPr>
          </a:lstStyle>
          <a:p>
            <a:pPr lvl="0" algn="ctr" eaLnBrk="1" fontAlgn="base">
              <a:spcBef>
                <a:spcPct val="0"/>
              </a:spcBef>
              <a:spcAft>
                <a:spcPct val="0"/>
              </a:spcAft>
            </a:pPr>
            <a:r>
              <a:rPr kumimoji="1" lang="en-GB" sz="1600" kern="0" dirty="0">
                <a:solidFill>
                  <a:srgbClr val="FFFFFF"/>
                </a:solidFill>
                <a:latin typeface="Arial" panose="020B0604020202020204" pitchFamily="34" charset="0"/>
                <a:ea typeface="ＭＳ Ｐゴシック" pitchFamily="108" charset="-128"/>
              </a:rPr>
              <a:t>4</a:t>
            </a:r>
          </a:p>
        </p:txBody>
      </p:sp>
      <p:sp>
        <p:nvSpPr>
          <p:cNvPr id="38" name="Turton | Autoshape | SlideID: 366 | ID: 5">
            <a:extLst>
              <a:ext uri="{FF2B5EF4-FFF2-40B4-BE49-F238E27FC236}">
                <a16:creationId xmlns:a16="http://schemas.microsoft.com/office/drawing/2014/main" id="{CA8A6FAB-31FD-48B7-AF3A-FD51F85E4B42}"/>
              </a:ext>
            </a:extLst>
          </p:cNvPr>
          <p:cNvSpPr>
            <a:spLocks/>
          </p:cNvSpPr>
          <p:nvPr/>
        </p:nvSpPr>
        <p:spPr>
          <a:xfrm flipH="1">
            <a:off x="4257726" y="3611108"/>
            <a:ext cx="1976399" cy="451324"/>
          </a:xfrm>
          <a:prstGeom prst="notchedRightArrow">
            <a:avLst>
              <a:gd name="adj1" fmla="val 100000"/>
              <a:gd name="adj2" fmla="val 50000"/>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wrap="square" lIns="33573" tIns="33573" rIns="33573" bIns="33573" numCol="1" anchor="ctr">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1pPr>
            <a:lvl2pPr marL="0" marR="0" indent="457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2pPr>
            <a:lvl3pPr marL="0" marR="0" indent="914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3pPr>
            <a:lvl4pPr marL="0" marR="0" indent="1371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4pPr>
            <a:lvl5pPr marL="0" marR="0" indent="18288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5pPr>
            <a:lvl6pPr marL="0" marR="0" indent="22860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6pPr>
            <a:lvl7pPr marL="0" marR="0" indent="27432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7pPr>
            <a:lvl8pPr marL="0" marR="0" indent="32004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8pPr>
            <a:lvl9pPr marL="0" marR="0" indent="365760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Calibri"/>
              </a:defRPr>
            </a:lvl9pPr>
          </a:lstStyle>
          <a:p>
            <a:pPr lvl="0" algn="ctr" eaLnBrk="1" fontAlgn="base">
              <a:spcBef>
                <a:spcPct val="0"/>
              </a:spcBef>
              <a:spcAft>
                <a:spcPct val="0"/>
              </a:spcAft>
            </a:pPr>
            <a:r>
              <a:rPr kumimoji="1" lang="en-GB" sz="1600" kern="0" dirty="0">
                <a:solidFill>
                  <a:srgbClr val="FFFFFF"/>
                </a:solidFill>
                <a:latin typeface="Arial" panose="020B0604020202020204" pitchFamily="34" charset="0"/>
                <a:ea typeface="ＭＳ Ｐゴシック" pitchFamily="108" charset="-128"/>
              </a:rPr>
              <a:t>3</a:t>
            </a:r>
          </a:p>
        </p:txBody>
      </p:sp>
      <p:sp>
        <p:nvSpPr>
          <p:cNvPr id="31" name="Turton | Placeholder | SlideID: 366 | ID: 7">
            <a:extLst>
              <a:ext uri="{FF2B5EF4-FFF2-40B4-BE49-F238E27FC236}">
                <a16:creationId xmlns:a16="http://schemas.microsoft.com/office/drawing/2014/main" id="{74BDBB77-7E7E-4597-B357-C3A3CB1A39E0}"/>
              </a:ext>
            </a:extLst>
          </p:cNvPr>
          <p:cNvSpPr>
            <a:spLocks noGrp="1"/>
          </p:cNvSpPr>
          <p:nvPr>
            <p:ph type="body" sz="quarter" idx="38"/>
          </p:nvPr>
        </p:nvSpPr>
        <p:spPr>
          <a:xfrm>
            <a:off x="7903388" y="4999743"/>
            <a:ext cx="2703961" cy="1089668"/>
          </a:xfrm>
        </p:spPr>
        <p:txBody>
          <a:bodyPr>
            <a:normAutofit fontScale="70000" lnSpcReduction="20000"/>
          </a:bodyPr>
          <a:lstStyle/>
          <a:p>
            <a:pPr marL="342900" indent="-342900">
              <a:buFontTx/>
              <a:buChar char="-"/>
            </a:pPr>
            <a:r>
              <a:rPr lang="en-GB" dirty="0"/>
              <a:t>ESG</a:t>
            </a:r>
          </a:p>
          <a:p>
            <a:pPr marL="342900" indent="-342900">
              <a:buFontTx/>
              <a:buChar char="-"/>
            </a:pPr>
            <a:r>
              <a:rPr lang="en-GB" dirty="0"/>
              <a:t>Data structure</a:t>
            </a:r>
          </a:p>
          <a:p>
            <a:pPr marL="342900" indent="-342900">
              <a:buFontTx/>
              <a:buChar char="-"/>
            </a:pPr>
            <a:r>
              <a:rPr lang="en-GB" dirty="0"/>
              <a:t>Data Sensitivity and normalised volatility analysis</a:t>
            </a:r>
          </a:p>
        </p:txBody>
      </p:sp>
      <p:sp>
        <p:nvSpPr>
          <p:cNvPr id="33" name="Turton | Placeholder | SlideID: 366 | ID: 8">
            <a:extLst>
              <a:ext uri="{FF2B5EF4-FFF2-40B4-BE49-F238E27FC236}">
                <a16:creationId xmlns:a16="http://schemas.microsoft.com/office/drawing/2014/main" id="{E06B745D-0425-4D10-8281-736654F53EBF}"/>
              </a:ext>
            </a:extLst>
          </p:cNvPr>
          <p:cNvSpPr>
            <a:spLocks noGrp="1"/>
          </p:cNvSpPr>
          <p:nvPr>
            <p:ph type="body" sz="quarter" idx="39"/>
          </p:nvPr>
        </p:nvSpPr>
        <p:spPr>
          <a:xfrm>
            <a:off x="7903388" y="4272849"/>
            <a:ext cx="4288612" cy="658428"/>
          </a:xfrm>
        </p:spPr>
        <p:txBody>
          <a:bodyPr>
            <a:noAutofit/>
          </a:bodyPr>
          <a:lstStyle/>
          <a:p>
            <a:r>
              <a:rPr lang="en-GB" sz="2400" dirty="0"/>
              <a:t>Data Analysis</a:t>
            </a:r>
          </a:p>
        </p:txBody>
      </p:sp>
      <p:sp>
        <p:nvSpPr>
          <p:cNvPr id="29" name="Turton | Placeholder | SlideID: 366 | ID: 9">
            <a:extLst>
              <a:ext uri="{FF2B5EF4-FFF2-40B4-BE49-F238E27FC236}">
                <a16:creationId xmlns:a16="http://schemas.microsoft.com/office/drawing/2014/main" id="{3591717E-99E8-45D5-A355-4DD60F43BF7B}"/>
              </a:ext>
            </a:extLst>
          </p:cNvPr>
          <p:cNvSpPr>
            <a:spLocks noGrp="1"/>
          </p:cNvSpPr>
          <p:nvPr>
            <p:ph type="body" sz="quarter" idx="36"/>
          </p:nvPr>
        </p:nvSpPr>
        <p:spPr>
          <a:xfrm>
            <a:off x="1046130" y="1921840"/>
            <a:ext cx="2703961" cy="451324"/>
          </a:xfrm>
        </p:spPr>
        <p:txBody>
          <a:bodyPr>
            <a:normAutofit/>
          </a:bodyPr>
          <a:lstStyle/>
          <a:p>
            <a:r>
              <a:rPr lang="en-GB" sz="1400" dirty="0"/>
              <a:t>Simulating Real Market Data</a:t>
            </a:r>
          </a:p>
        </p:txBody>
      </p:sp>
      <p:sp>
        <p:nvSpPr>
          <p:cNvPr id="30" name="Turton | Placeholder | SlideID: 366 | ID: 10">
            <a:extLst>
              <a:ext uri="{FF2B5EF4-FFF2-40B4-BE49-F238E27FC236}">
                <a16:creationId xmlns:a16="http://schemas.microsoft.com/office/drawing/2014/main" id="{46C53011-B474-4559-A108-CC487B3A0D56}"/>
              </a:ext>
            </a:extLst>
          </p:cNvPr>
          <p:cNvSpPr>
            <a:spLocks noGrp="1"/>
          </p:cNvSpPr>
          <p:nvPr>
            <p:ph type="body" sz="quarter" idx="37"/>
          </p:nvPr>
        </p:nvSpPr>
        <p:spPr>
          <a:xfrm>
            <a:off x="1024123" y="1589865"/>
            <a:ext cx="2703961" cy="336956"/>
          </a:xfrm>
        </p:spPr>
        <p:txBody>
          <a:bodyPr>
            <a:noAutofit/>
          </a:bodyPr>
          <a:lstStyle/>
          <a:p>
            <a:r>
              <a:rPr lang="en-GB" sz="2800" dirty="0"/>
              <a:t>Background</a:t>
            </a:r>
          </a:p>
        </p:txBody>
      </p:sp>
      <p:sp>
        <p:nvSpPr>
          <p:cNvPr id="28" name="Turton | Placeholder | SlideID: 366 | ID: 12">
            <a:extLst>
              <a:ext uri="{FF2B5EF4-FFF2-40B4-BE49-F238E27FC236}">
                <a16:creationId xmlns:a16="http://schemas.microsoft.com/office/drawing/2014/main" id="{E2F1530E-2FD1-417A-A699-A4E2B42068E9}"/>
              </a:ext>
            </a:extLst>
          </p:cNvPr>
          <p:cNvSpPr>
            <a:spLocks noGrp="1"/>
          </p:cNvSpPr>
          <p:nvPr>
            <p:ph type="body" sz="quarter" idx="35"/>
          </p:nvPr>
        </p:nvSpPr>
        <p:spPr>
          <a:xfrm>
            <a:off x="7903388" y="1921840"/>
            <a:ext cx="3552866" cy="763595"/>
          </a:xfrm>
        </p:spPr>
        <p:txBody>
          <a:bodyPr>
            <a:normAutofit fontScale="92500"/>
          </a:bodyPr>
          <a:lstStyle/>
          <a:p>
            <a:r>
              <a:rPr lang="en-GB" sz="2400" dirty="0"/>
              <a:t>Stochastic Volatility Jump diffusion Model (SVJD)</a:t>
            </a:r>
          </a:p>
        </p:txBody>
      </p:sp>
      <p:sp>
        <p:nvSpPr>
          <p:cNvPr id="39" name="Turton | Placeholder | SlideID: 366 | ID: 13">
            <a:extLst>
              <a:ext uri="{FF2B5EF4-FFF2-40B4-BE49-F238E27FC236}">
                <a16:creationId xmlns:a16="http://schemas.microsoft.com/office/drawing/2014/main" id="{FF2115C9-6933-4DDC-8E98-2CCB1F673D12}"/>
              </a:ext>
            </a:extLst>
          </p:cNvPr>
          <p:cNvSpPr>
            <a:spLocks noGrp="1"/>
          </p:cNvSpPr>
          <p:nvPr>
            <p:ph type="body" sz="quarter" idx="40"/>
          </p:nvPr>
        </p:nvSpPr>
        <p:spPr>
          <a:xfrm>
            <a:off x="1046322" y="3972794"/>
            <a:ext cx="2703961" cy="1089668"/>
          </a:xfrm>
        </p:spPr>
        <p:txBody>
          <a:bodyPr>
            <a:normAutofit/>
          </a:bodyPr>
          <a:lstStyle/>
          <a:p>
            <a:pPr marL="285750" indent="-285750" algn="l">
              <a:buFontTx/>
              <a:buChar char="-"/>
            </a:pPr>
            <a:r>
              <a:rPr lang="en-GB" sz="1400" dirty="0"/>
              <a:t>ESG</a:t>
            </a:r>
          </a:p>
          <a:p>
            <a:pPr marL="285750" indent="-285750" algn="l">
              <a:buFontTx/>
              <a:buChar char="-"/>
            </a:pPr>
            <a:r>
              <a:rPr lang="en-GB" sz="1400" dirty="0"/>
              <a:t>How do we get the volatility value?</a:t>
            </a:r>
          </a:p>
        </p:txBody>
      </p:sp>
      <p:sp>
        <p:nvSpPr>
          <p:cNvPr id="40" name="Turton | Placeholder | SlideID: 366 | ID: 14">
            <a:extLst>
              <a:ext uri="{FF2B5EF4-FFF2-40B4-BE49-F238E27FC236}">
                <a16:creationId xmlns:a16="http://schemas.microsoft.com/office/drawing/2014/main" id="{99A39208-77D3-4304-85AE-A7E1EAFC6DCA}"/>
              </a:ext>
            </a:extLst>
          </p:cNvPr>
          <p:cNvSpPr>
            <a:spLocks noGrp="1"/>
          </p:cNvSpPr>
          <p:nvPr>
            <p:ph type="body" sz="quarter" idx="41"/>
          </p:nvPr>
        </p:nvSpPr>
        <p:spPr>
          <a:xfrm>
            <a:off x="1046322" y="3286818"/>
            <a:ext cx="2703961" cy="648579"/>
          </a:xfrm>
        </p:spPr>
        <p:txBody>
          <a:bodyPr>
            <a:noAutofit/>
          </a:bodyPr>
          <a:lstStyle/>
          <a:p>
            <a:r>
              <a:rPr lang="en-GB" sz="2400" dirty="0"/>
              <a:t>Market Consistent Calibration (MC)</a:t>
            </a:r>
          </a:p>
        </p:txBody>
      </p:sp>
      <p:sp>
        <p:nvSpPr>
          <p:cNvPr id="2" name="Turton | Placeholder | SlideID: 366 | ID: 6">
            <a:extLst>
              <a:ext uri="{FF2B5EF4-FFF2-40B4-BE49-F238E27FC236}">
                <a16:creationId xmlns:a16="http://schemas.microsoft.com/office/drawing/2014/main" id="{FB202283-3BFD-4C60-BBA2-03224F0EB92B}"/>
              </a:ext>
            </a:extLst>
          </p:cNvPr>
          <p:cNvSpPr>
            <a:spLocks noGrp="1"/>
          </p:cNvSpPr>
          <p:nvPr>
            <p:ph type="title"/>
          </p:nvPr>
        </p:nvSpPr>
        <p:spPr>
          <a:xfrm>
            <a:off x="493466" y="440424"/>
            <a:ext cx="2016470" cy="983454"/>
          </a:xfrm>
        </p:spPr>
        <p:txBody>
          <a:bodyPr>
            <a:normAutofit/>
          </a:bodyPr>
          <a:lstStyle/>
          <a:p>
            <a:r>
              <a:rPr lang="en-GB" sz="3600" dirty="0">
                <a:latin typeface="Arial" panose="020B0604020202020204" pitchFamily="34" charset="0"/>
                <a:cs typeface="Arial" panose="020B0604020202020204" pitchFamily="34" charset="0"/>
              </a:rPr>
              <a:t>Content</a:t>
            </a:r>
          </a:p>
        </p:txBody>
      </p:sp>
      <p:sp>
        <p:nvSpPr>
          <p:cNvPr id="3" name="TextBox 2">
            <a:extLst>
              <a:ext uri="{FF2B5EF4-FFF2-40B4-BE49-F238E27FC236}">
                <a16:creationId xmlns:a16="http://schemas.microsoft.com/office/drawing/2014/main" id="{0528D374-900C-44F4-C3EF-6EA3F684B9B6}"/>
              </a:ext>
            </a:extLst>
          </p:cNvPr>
          <p:cNvSpPr txBox="1"/>
          <p:nvPr/>
        </p:nvSpPr>
        <p:spPr>
          <a:xfrm>
            <a:off x="7903388" y="2695027"/>
            <a:ext cx="3867869" cy="738664"/>
          </a:xfrm>
          <a:prstGeom prst="rect">
            <a:avLst/>
          </a:prstGeom>
          <a:noFill/>
        </p:spPr>
        <p:txBody>
          <a:bodyPr wrap="square" rtlCol="0">
            <a:spAutoFit/>
          </a:bodyPr>
          <a:lstStyle/>
          <a:p>
            <a:pPr marL="285750" indent="-285750">
              <a:buFontTx/>
              <a:buChar char="-"/>
            </a:pPr>
            <a:r>
              <a:rPr lang="en-GB" sz="1400" dirty="0"/>
              <a:t>Heston Stochastic Differential Equation</a:t>
            </a:r>
          </a:p>
          <a:p>
            <a:pPr marL="285750" indent="-285750">
              <a:buFontTx/>
              <a:buChar char="-"/>
            </a:pPr>
            <a:endParaRPr lang="en-GB" sz="1400" dirty="0"/>
          </a:p>
          <a:p>
            <a:pPr marL="285750" indent="-285750">
              <a:buFontTx/>
              <a:buChar char="-"/>
            </a:pPr>
            <a:r>
              <a:rPr lang="en-GB" sz="1400" dirty="0"/>
              <a:t>Merton Jump Stochastic Differential Equation</a:t>
            </a:r>
          </a:p>
        </p:txBody>
      </p:sp>
    </p:spTree>
    <p:custDataLst>
      <p:tags r:id="rId1"/>
    </p:custDataLst>
    <p:extLst>
      <p:ext uri="{BB962C8B-B14F-4D97-AF65-F5344CB8AC3E}">
        <p14:creationId xmlns:p14="http://schemas.microsoft.com/office/powerpoint/2010/main" val="76550164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urton | Freeform | SlideID: 1936 | ID: 0"/>
          <p:cNvSpPr>
            <a:spLocks/>
          </p:cNvSpPr>
          <p:nvPr/>
        </p:nvSpPr>
        <p:spPr bwMode="auto">
          <a:xfrm>
            <a:off x="4804883" y="3057695"/>
            <a:ext cx="2474984" cy="1794159"/>
          </a:xfrm>
          <a:custGeom>
            <a:avLst/>
            <a:gdLst>
              <a:gd name="T0" fmla="*/ 836 w 885"/>
              <a:gd name="T1" fmla="*/ 0 h 641"/>
              <a:gd name="T2" fmla="*/ 742 w 885"/>
              <a:gd name="T3" fmla="*/ 414 h 641"/>
              <a:gd name="T4" fmla="*/ 670 w 885"/>
              <a:gd name="T5" fmla="*/ 471 h 641"/>
              <a:gd name="T6" fmla="*/ 670 w 885"/>
              <a:gd name="T7" fmla="*/ 471 h 641"/>
              <a:gd name="T8" fmla="*/ 720 w 885"/>
              <a:gd name="T9" fmla="*/ 521 h 641"/>
              <a:gd name="T10" fmla="*/ 132 w 885"/>
              <a:gd name="T11" fmla="*/ 462 h 641"/>
              <a:gd name="T12" fmla="*/ 0 w 885"/>
              <a:gd name="T13" fmla="*/ 594 h 641"/>
            </a:gdLst>
            <a:ahLst/>
            <a:cxnLst>
              <a:cxn ang="0">
                <a:pos x="T0" y="T1"/>
              </a:cxn>
              <a:cxn ang="0">
                <a:pos x="T2" y="T3"/>
              </a:cxn>
              <a:cxn ang="0">
                <a:pos x="T4" y="T5"/>
              </a:cxn>
              <a:cxn ang="0">
                <a:pos x="T6" y="T7"/>
              </a:cxn>
              <a:cxn ang="0">
                <a:pos x="T8" y="T9"/>
              </a:cxn>
              <a:cxn ang="0">
                <a:pos x="T10" y="T11"/>
              </a:cxn>
              <a:cxn ang="0">
                <a:pos x="T12" y="T13"/>
              </a:cxn>
            </a:cxnLst>
            <a:rect l="0" t="0" r="r" b="b"/>
            <a:pathLst>
              <a:path w="885" h="641">
                <a:moveTo>
                  <a:pt x="836" y="0"/>
                </a:moveTo>
                <a:cubicBezTo>
                  <a:pt x="885" y="140"/>
                  <a:pt x="854" y="302"/>
                  <a:pt x="742" y="414"/>
                </a:cubicBezTo>
                <a:cubicBezTo>
                  <a:pt x="720" y="436"/>
                  <a:pt x="696" y="455"/>
                  <a:pt x="670" y="471"/>
                </a:cubicBezTo>
                <a:cubicBezTo>
                  <a:pt x="670" y="471"/>
                  <a:pt x="670" y="471"/>
                  <a:pt x="670" y="471"/>
                </a:cubicBezTo>
                <a:cubicBezTo>
                  <a:pt x="720" y="521"/>
                  <a:pt x="720" y="521"/>
                  <a:pt x="720" y="521"/>
                </a:cubicBezTo>
                <a:cubicBezTo>
                  <a:pt x="539" y="641"/>
                  <a:pt x="292" y="622"/>
                  <a:pt x="132" y="462"/>
                </a:cubicBezTo>
                <a:cubicBezTo>
                  <a:pt x="0" y="594"/>
                  <a:pt x="0" y="594"/>
                  <a:pt x="0" y="594"/>
                </a:cubicBezTo>
              </a:path>
            </a:pathLst>
          </a:custGeom>
          <a:noFill/>
          <a:ln w="3810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0" name="Turton | Freeform | SlideID: 1936 | ID: 1"/>
          <p:cNvSpPr>
            <a:spLocks/>
          </p:cNvSpPr>
          <p:nvPr/>
        </p:nvSpPr>
        <p:spPr bwMode="auto">
          <a:xfrm>
            <a:off x="4804884" y="4568566"/>
            <a:ext cx="151553" cy="151553"/>
          </a:xfrm>
          <a:custGeom>
            <a:avLst/>
            <a:gdLst>
              <a:gd name="T0" fmla="*/ 130 w 130"/>
              <a:gd name="T1" fmla="*/ 84 h 130"/>
              <a:gd name="T2" fmla="*/ 0 w 130"/>
              <a:gd name="T3" fmla="*/ 130 h 130"/>
              <a:gd name="T4" fmla="*/ 46 w 130"/>
              <a:gd name="T5" fmla="*/ 0 h 130"/>
            </a:gdLst>
            <a:ahLst/>
            <a:cxnLst>
              <a:cxn ang="0">
                <a:pos x="T0" y="T1"/>
              </a:cxn>
              <a:cxn ang="0">
                <a:pos x="T2" y="T3"/>
              </a:cxn>
              <a:cxn ang="0">
                <a:pos x="T4" y="T5"/>
              </a:cxn>
            </a:cxnLst>
            <a:rect l="0" t="0" r="r" b="b"/>
            <a:pathLst>
              <a:path w="130" h="130">
                <a:moveTo>
                  <a:pt x="130" y="84"/>
                </a:moveTo>
                <a:lnTo>
                  <a:pt x="0" y="130"/>
                </a:lnTo>
                <a:lnTo>
                  <a:pt x="46" y="0"/>
                </a:lnTo>
              </a:path>
            </a:pathLst>
          </a:custGeom>
          <a:noFill/>
          <a:ln w="3810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7" name="Turton | Freeform | SlideID: 1936 | ID: 2"/>
          <p:cNvSpPr>
            <a:spLocks/>
          </p:cNvSpPr>
          <p:nvPr/>
        </p:nvSpPr>
        <p:spPr bwMode="auto">
          <a:xfrm>
            <a:off x="5725861" y="2243969"/>
            <a:ext cx="1791828" cy="2476151"/>
          </a:xfrm>
          <a:custGeom>
            <a:avLst/>
            <a:gdLst>
              <a:gd name="T0" fmla="*/ 0 w 641"/>
              <a:gd name="T1" fmla="*/ 49 h 885"/>
              <a:gd name="T2" fmla="*/ 413 w 641"/>
              <a:gd name="T3" fmla="*/ 143 h 885"/>
              <a:gd name="T4" fmla="*/ 470 w 641"/>
              <a:gd name="T5" fmla="*/ 215 h 885"/>
              <a:gd name="T6" fmla="*/ 470 w 641"/>
              <a:gd name="T7" fmla="*/ 215 h 885"/>
              <a:gd name="T8" fmla="*/ 520 w 641"/>
              <a:gd name="T9" fmla="*/ 165 h 885"/>
              <a:gd name="T10" fmla="*/ 462 w 641"/>
              <a:gd name="T11" fmla="*/ 753 h 885"/>
              <a:gd name="T12" fmla="*/ 593 w 641"/>
              <a:gd name="T13" fmla="*/ 885 h 885"/>
            </a:gdLst>
            <a:ahLst/>
            <a:cxnLst>
              <a:cxn ang="0">
                <a:pos x="T0" y="T1"/>
              </a:cxn>
              <a:cxn ang="0">
                <a:pos x="T2" y="T3"/>
              </a:cxn>
              <a:cxn ang="0">
                <a:pos x="T4" y="T5"/>
              </a:cxn>
              <a:cxn ang="0">
                <a:pos x="T6" y="T7"/>
              </a:cxn>
              <a:cxn ang="0">
                <a:pos x="T8" y="T9"/>
              </a:cxn>
              <a:cxn ang="0">
                <a:pos x="T10" y="T11"/>
              </a:cxn>
              <a:cxn ang="0">
                <a:pos x="T12" y="T13"/>
              </a:cxn>
            </a:cxnLst>
            <a:rect l="0" t="0" r="r" b="b"/>
            <a:pathLst>
              <a:path w="641" h="885">
                <a:moveTo>
                  <a:pt x="0" y="49"/>
                </a:moveTo>
                <a:cubicBezTo>
                  <a:pt x="139" y="0"/>
                  <a:pt x="301" y="31"/>
                  <a:pt x="413" y="143"/>
                </a:cubicBezTo>
                <a:cubicBezTo>
                  <a:pt x="436" y="165"/>
                  <a:pt x="455" y="189"/>
                  <a:pt x="470" y="215"/>
                </a:cubicBezTo>
                <a:cubicBezTo>
                  <a:pt x="470" y="215"/>
                  <a:pt x="470" y="215"/>
                  <a:pt x="470" y="215"/>
                </a:cubicBezTo>
                <a:cubicBezTo>
                  <a:pt x="520" y="165"/>
                  <a:pt x="520" y="165"/>
                  <a:pt x="520" y="165"/>
                </a:cubicBezTo>
                <a:cubicBezTo>
                  <a:pt x="641" y="346"/>
                  <a:pt x="621" y="593"/>
                  <a:pt x="462" y="753"/>
                </a:cubicBezTo>
                <a:cubicBezTo>
                  <a:pt x="593" y="885"/>
                  <a:pt x="593" y="885"/>
                  <a:pt x="593" y="885"/>
                </a:cubicBezTo>
              </a:path>
            </a:pathLst>
          </a:custGeom>
          <a:noFill/>
          <a:ln w="3810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1" name="Turton | Freeform | SlideID: 1936 | ID: 3"/>
          <p:cNvSpPr>
            <a:spLocks/>
          </p:cNvSpPr>
          <p:nvPr/>
        </p:nvSpPr>
        <p:spPr bwMode="auto">
          <a:xfrm>
            <a:off x="7235567" y="4568566"/>
            <a:ext cx="148056" cy="151553"/>
          </a:xfrm>
          <a:custGeom>
            <a:avLst/>
            <a:gdLst>
              <a:gd name="T0" fmla="*/ 81 w 127"/>
              <a:gd name="T1" fmla="*/ 0 h 130"/>
              <a:gd name="T2" fmla="*/ 127 w 127"/>
              <a:gd name="T3" fmla="*/ 130 h 130"/>
              <a:gd name="T4" fmla="*/ 0 w 127"/>
              <a:gd name="T5" fmla="*/ 84 h 130"/>
            </a:gdLst>
            <a:ahLst/>
            <a:cxnLst>
              <a:cxn ang="0">
                <a:pos x="T0" y="T1"/>
              </a:cxn>
              <a:cxn ang="0">
                <a:pos x="T2" y="T3"/>
              </a:cxn>
              <a:cxn ang="0">
                <a:pos x="T4" y="T5"/>
              </a:cxn>
            </a:cxnLst>
            <a:rect l="0" t="0" r="r" b="b"/>
            <a:pathLst>
              <a:path w="127" h="130">
                <a:moveTo>
                  <a:pt x="81" y="0"/>
                </a:moveTo>
                <a:lnTo>
                  <a:pt x="127" y="130"/>
                </a:lnTo>
                <a:lnTo>
                  <a:pt x="0" y="84"/>
                </a:lnTo>
              </a:path>
            </a:pathLst>
          </a:custGeom>
          <a:noFill/>
          <a:ln w="3810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8" name="Turton | Freeform | SlideID: 1936 | ID: 4"/>
          <p:cNvSpPr>
            <a:spLocks/>
          </p:cNvSpPr>
          <p:nvPr/>
        </p:nvSpPr>
        <p:spPr bwMode="auto">
          <a:xfrm>
            <a:off x="4908639" y="2006149"/>
            <a:ext cx="2474984" cy="1792993"/>
          </a:xfrm>
          <a:custGeom>
            <a:avLst/>
            <a:gdLst>
              <a:gd name="T0" fmla="*/ 50 w 885"/>
              <a:gd name="T1" fmla="*/ 641 h 641"/>
              <a:gd name="T2" fmla="*/ 143 w 885"/>
              <a:gd name="T3" fmla="*/ 228 h 641"/>
              <a:gd name="T4" fmla="*/ 216 w 885"/>
              <a:gd name="T5" fmla="*/ 170 h 641"/>
              <a:gd name="T6" fmla="*/ 216 w 885"/>
              <a:gd name="T7" fmla="*/ 170 h 641"/>
              <a:gd name="T8" fmla="*/ 166 w 885"/>
              <a:gd name="T9" fmla="*/ 121 h 641"/>
              <a:gd name="T10" fmla="*/ 754 w 885"/>
              <a:gd name="T11" fmla="*/ 179 h 641"/>
              <a:gd name="T12" fmla="*/ 885 w 885"/>
              <a:gd name="T13" fmla="*/ 48 h 641"/>
            </a:gdLst>
            <a:ahLst/>
            <a:cxnLst>
              <a:cxn ang="0">
                <a:pos x="T0" y="T1"/>
              </a:cxn>
              <a:cxn ang="0">
                <a:pos x="T2" y="T3"/>
              </a:cxn>
              <a:cxn ang="0">
                <a:pos x="T4" y="T5"/>
              </a:cxn>
              <a:cxn ang="0">
                <a:pos x="T6" y="T7"/>
              </a:cxn>
              <a:cxn ang="0">
                <a:pos x="T8" y="T9"/>
              </a:cxn>
              <a:cxn ang="0">
                <a:pos x="T10" y="T11"/>
              </a:cxn>
              <a:cxn ang="0">
                <a:pos x="T12" y="T13"/>
              </a:cxn>
            </a:cxnLst>
            <a:rect l="0" t="0" r="r" b="b"/>
            <a:pathLst>
              <a:path w="885" h="641">
                <a:moveTo>
                  <a:pt x="50" y="641"/>
                </a:moveTo>
                <a:cubicBezTo>
                  <a:pt x="0" y="502"/>
                  <a:pt x="31" y="340"/>
                  <a:pt x="143" y="228"/>
                </a:cubicBezTo>
                <a:cubicBezTo>
                  <a:pt x="166" y="205"/>
                  <a:pt x="190" y="186"/>
                  <a:pt x="216" y="170"/>
                </a:cubicBezTo>
                <a:cubicBezTo>
                  <a:pt x="216" y="170"/>
                  <a:pt x="216" y="170"/>
                  <a:pt x="216" y="170"/>
                </a:cubicBezTo>
                <a:cubicBezTo>
                  <a:pt x="166" y="121"/>
                  <a:pt x="166" y="121"/>
                  <a:pt x="166" y="121"/>
                </a:cubicBezTo>
                <a:cubicBezTo>
                  <a:pt x="347" y="0"/>
                  <a:pt x="594" y="19"/>
                  <a:pt x="754" y="179"/>
                </a:cubicBezTo>
                <a:cubicBezTo>
                  <a:pt x="885" y="48"/>
                  <a:pt x="885" y="48"/>
                  <a:pt x="885" y="48"/>
                </a:cubicBezTo>
              </a:path>
            </a:pathLst>
          </a:custGeom>
          <a:noFill/>
          <a:ln w="38100" cap="rnd">
            <a:solidFill>
              <a:schemeClr val="accent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2" name="Turton | Freeform | SlideID: 1936 | ID: 5"/>
          <p:cNvSpPr>
            <a:spLocks/>
          </p:cNvSpPr>
          <p:nvPr/>
        </p:nvSpPr>
        <p:spPr bwMode="auto">
          <a:xfrm>
            <a:off x="7235567" y="2140213"/>
            <a:ext cx="148056" cy="148056"/>
          </a:xfrm>
          <a:custGeom>
            <a:avLst/>
            <a:gdLst>
              <a:gd name="T0" fmla="*/ 0 w 127"/>
              <a:gd name="T1" fmla="*/ 45 h 127"/>
              <a:gd name="T2" fmla="*/ 127 w 127"/>
              <a:gd name="T3" fmla="*/ 0 h 127"/>
              <a:gd name="T4" fmla="*/ 81 w 127"/>
              <a:gd name="T5" fmla="*/ 127 h 127"/>
            </a:gdLst>
            <a:ahLst/>
            <a:cxnLst>
              <a:cxn ang="0">
                <a:pos x="T0" y="T1"/>
              </a:cxn>
              <a:cxn ang="0">
                <a:pos x="T2" y="T3"/>
              </a:cxn>
              <a:cxn ang="0">
                <a:pos x="T4" y="T5"/>
              </a:cxn>
            </a:cxnLst>
            <a:rect l="0" t="0" r="r" b="b"/>
            <a:pathLst>
              <a:path w="127" h="127">
                <a:moveTo>
                  <a:pt x="0" y="45"/>
                </a:moveTo>
                <a:lnTo>
                  <a:pt x="127" y="0"/>
                </a:lnTo>
                <a:lnTo>
                  <a:pt x="81" y="127"/>
                </a:lnTo>
              </a:path>
            </a:pathLst>
          </a:custGeom>
          <a:noFill/>
          <a:ln w="38100" cap="rnd">
            <a:solidFill>
              <a:schemeClr val="accent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9" name="Turton | Freeform | SlideID: 1936 | ID: 6"/>
          <p:cNvSpPr>
            <a:spLocks/>
          </p:cNvSpPr>
          <p:nvPr/>
        </p:nvSpPr>
        <p:spPr bwMode="auto">
          <a:xfrm>
            <a:off x="4674313" y="2140213"/>
            <a:ext cx="1791828" cy="2476151"/>
          </a:xfrm>
          <a:custGeom>
            <a:avLst/>
            <a:gdLst>
              <a:gd name="T0" fmla="*/ 641 w 641"/>
              <a:gd name="T1" fmla="*/ 835 h 885"/>
              <a:gd name="T2" fmla="*/ 227 w 641"/>
              <a:gd name="T3" fmla="*/ 742 h 885"/>
              <a:gd name="T4" fmla="*/ 170 w 641"/>
              <a:gd name="T5" fmla="*/ 669 h 885"/>
              <a:gd name="T6" fmla="*/ 170 w 641"/>
              <a:gd name="T7" fmla="*/ 669 h 885"/>
              <a:gd name="T8" fmla="*/ 120 w 641"/>
              <a:gd name="T9" fmla="*/ 719 h 885"/>
              <a:gd name="T10" fmla="*/ 179 w 641"/>
              <a:gd name="T11" fmla="*/ 131 h 885"/>
              <a:gd name="T12" fmla="*/ 47 w 641"/>
              <a:gd name="T13" fmla="*/ 0 h 885"/>
            </a:gdLst>
            <a:ahLst/>
            <a:cxnLst>
              <a:cxn ang="0">
                <a:pos x="T0" y="T1"/>
              </a:cxn>
              <a:cxn ang="0">
                <a:pos x="T2" y="T3"/>
              </a:cxn>
              <a:cxn ang="0">
                <a:pos x="T4" y="T5"/>
              </a:cxn>
              <a:cxn ang="0">
                <a:pos x="T6" y="T7"/>
              </a:cxn>
              <a:cxn ang="0">
                <a:pos x="T8" y="T9"/>
              </a:cxn>
              <a:cxn ang="0">
                <a:pos x="T10" y="T11"/>
              </a:cxn>
              <a:cxn ang="0">
                <a:pos x="T12" y="T13"/>
              </a:cxn>
            </a:cxnLst>
            <a:rect l="0" t="0" r="r" b="b"/>
            <a:pathLst>
              <a:path w="641" h="885">
                <a:moveTo>
                  <a:pt x="641" y="835"/>
                </a:moveTo>
                <a:cubicBezTo>
                  <a:pt x="501" y="885"/>
                  <a:pt x="339" y="854"/>
                  <a:pt x="227" y="742"/>
                </a:cubicBezTo>
                <a:cubicBezTo>
                  <a:pt x="205" y="719"/>
                  <a:pt x="186" y="695"/>
                  <a:pt x="170" y="669"/>
                </a:cubicBezTo>
                <a:cubicBezTo>
                  <a:pt x="170" y="669"/>
                  <a:pt x="170" y="669"/>
                  <a:pt x="170" y="669"/>
                </a:cubicBezTo>
                <a:cubicBezTo>
                  <a:pt x="120" y="719"/>
                  <a:pt x="120" y="719"/>
                  <a:pt x="120" y="719"/>
                </a:cubicBezTo>
                <a:cubicBezTo>
                  <a:pt x="0" y="538"/>
                  <a:pt x="19" y="291"/>
                  <a:pt x="179" y="131"/>
                </a:cubicBezTo>
                <a:cubicBezTo>
                  <a:pt x="47" y="0"/>
                  <a:pt x="47" y="0"/>
                  <a:pt x="47" y="0"/>
                </a:cubicBezTo>
              </a:path>
            </a:pathLst>
          </a:custGeom>
          <a:noFill/>
          <a:ln w="3810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3" name="Turton | Freeform | SlideID: 1936 | ID: 7"/>
          <p:cNvSpPr>
            <a:spLocks/>
          </p:cNvSpPr>
          <p:nvPr/>
        </p:nvSpPr>
        <p:spPr bwMode="auto">
          <a:xfrm>
            <a:off x="4804882" y="2140213"/>
            <a:ext cx="151553" cy="148056"/>
          </a:xfrm>
          <a:custGeom>
            <a:avLst/>
            <a:gdLst>
              <a:gd name="T0" fmla="*/ 46 w 130"/>
              <a:gd name="T1" fmla="*/ 127 h 127"/>
              <a:gd name="T2" fmla="*/ 0 w 130"/>
              <a:gd name="T3" fmla="*/ 0 h 127"/>
              <a:gd name="T4" fmla="*/ 130 w 130"/>
              <a:gd name="T5" fmla="*/ 45 h 127"/>
            </a:gdLst>
            <a:ahLst/>
            <a:cxnLst>
              <a:cxn ang="0">
                <a:pos x="T0" y="T1"/>
              </a:cxn>
              <a:cxn ang="0">
                <a:pos x="T2" y="T3"/>
              </a:cxn>
              <a:cxn ang="0">
                <a:pos x="T4" y="T5"/>
              </a:cxn>
            </a:cxnLst>
            <a:rect l="0" t="0" r="r" b="b"/>
            <a:pathLst>
              <a:path w="130" h="127">
                <a:moveTo>
                  <a:pt x="46" y="127"/>
                </a:moveTo>
                <a:lnTo>
                  <a:pt x="0" y="0"/>
                </a:lnTo>
                <a:lnTo>
                  <a:pt x="130" y="45"/>
                </a:lnTo>
              </a:path>
            </a:pathLst>
          </a:custGeom>
          <a:noFill/>
          <a:ln w="3810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2" name="Turton | Placeholder | SlideID: 1936 | ID: 8">
            <a:extLst>
              <a:ext uri="{FF2B5EF4-FFF2-40B4-BE49-F238E27FC236}">
                <a16:creationId xmlns:a16="http://schemas.microsoft.com/office/drawing/2014/main" id="{01FB03B0-4058-4727-9E34-C1473531CF5C}"/>
              </a:ext>
            </a:extLst>
          </p:cNvPr>
          <p:cNvSpPr>
            <a:spLocks noGrp="1"/>
          </p:cNvSpPr>
          <p:nvPr>
            <p:ph type="title"/>
          </p:nvPr>
        </p:nvSpPr>
        <p:spPr>
          <a:xfrm>
            <a:off x="312427" y="255993"/>
            <a:ext cx="3432259" cy="998499"/>
          </a:xfrm>
        </p:spPr>
        <p:txBody>
          <a:bodyPr>
            <a:noAutofit/>
          </a:bodyPr>
          <a:lstStyle/>
          <a:p>
            <a:r>
              <a:rPr lang="en-GB" sz="3600" dirty="0"/>
              <a:t>Data Analysing</a:t>
            </a:r>
          </a:p>
        </p:txBody>
      </p:sp>
      <p:sp>
        <p:nvSpPr>
          <p:cNvPr id="22" name="Turton | Placeholder | SlideID: 1936 | ID: 9">
            <a:extLst>
              <a:ext uri="{FF2B5EF4-FFF2-40B4-BE49-F238E27FC236}">
                <a16:creationId xmlns:a16="http://schemas.microsoft.com/office/drawing/2014/main" id="{8680BC58-23E5-4287-A971-039062D2C9A8}"/>
              </a:ext>
            </a:extLst>
          </p:cNvPr>
          <p:cNvSpPr>
            <a:spLocks noGrp="1"/>
          </p:cNvSpPr>
          <p:nvPr>
            <p:ph type="body" sz="quarter" idx="26"/>
          </p:nvPr>
        </p:nvSpPr>
        <p:spPr>
          <a:xfrm>
            <a:off x="7728858" y="2074494"/>
            <a:ext cx="3817738" cy="1089668"/>
          </a:xfrm>
        </p:spPr>
        <p:txBody>
          <a:bodyPr/>
          <a:lstStyle/>
          <a:p>
            <a:r>
              <a:rPr lang="en-GB" dirty="0"/>
              <a:t>- Volatility Smile visualisation</a:t>
            </a:r>
          </a:p>
        </p:txBody>
      </p:sp>
      <p:sp>
        <p:nvSpPr>
          <p:cNvPr id="5" name="Turton | Placeholder | SlideID: 1936 | ID: 10">
            <a:extLst>
              <a:ext uri="{FF2B5EF4-FFF2-40B4-BE49-F238E27FC236}">
                <a16:creationId xmlns:a16="http://schemas.microsoft.com/office/drawing/2014/main" id="{79E5BE66-4348-46E2-9C55-012F67CEEE4C}"/>
              </a:ext>
            </a:extLst>
          </p:cNvPr>
          <p:cNvSpPr>
            <a:spLocks noGrp="1"/>
          </p:cNvSpPr>
          <p:nvPr>
            <p:ph type="body" sz="quarter" idx="27"/>
          </p:nvPr>
        </p:nvSpPr>
        <p:spPr>
          <a:xfrm>
            <a:off x="7728858" y="1629274"/>
            <a:ext cx="2703961" cy="336956"/>
          </a:xfrm>
        </p:spPr>
        <p:txBody>
          <a:bodyPr>
            <a:normAutofit fontScale="77500" lnSpcReduction="20000"/>
          </a:bodyPr>
          <a:lstStyle/>
          <a:p>
            <a:r>
              <a:rPr lang="en-GB" dirty="0"/>
              <a:t>2. Conclusion</a:t>
            </a:r>
          </a:p>
        </p:txBody>
      </p:sp>
      <p:sp>
        <p:nvSpPr>
          <p:cNvPr id="21" name="Turton | Placeholder | SlideID: 1936 | ID: 11">
            <a:extLst>
              <a:ext uri="{FF2B5EF4-FFF2-40B4-BE49-F238E27FC236}">
                <a16:creationId xmlns:a16="http://schemas.microsoft.com/office/drawing/2014/main" id="{793D7DE4-669F-4A3A-A288-36BD59E84B63}"/>
              </a:ext>
            </a:extLst>
          </p:cNvPr>
          <p:cNvSpPr>
            <a:spLocks noGrp="1"/>
          </p:cNvSpPr>
          <p:nvPr>
            <p:ph type="body" sz="quarter" idx="28"/>
          </p:nvPr>
        </p:nvSpPr>
        <p:spPr>
          <a:xfrm>
            <a:off x="7705128" y="4956850"/>
            <a:ext cx="3973399" cy="1089668"/>
          </a:xfrm>
        </p:spPr>
        <p:txBody>
          <a:bodyPr/>
          <a:lstStyle/>
          <a:p>
            <a:pPr marL="342900" indent="-342900" algn="l">
              <a:buFontTx/>
              <a:buChar char="-"/>
            </a:pPr>
            <a:r>
              <a:rPr lang="en-GB" dirty="0"/>
              <a:t>Linear Regression Model</a:t>
            </a:r>
          </a:p>
          <a:p>
            <a:pPr marL="342900" indent="-342900" algn="l">
              <a:buFontTx/>
              <a:buChar char="-"/>
            </a:pPr>
            <a:r>
              <a:rPr lang="en-GB" dirty="0"/>
              <a:t>Conclusion</a:t>
            </a:r>
          </a:p>
        </p:txBody>
      </p:sp>
      <p:sp>
        <p:nvSpPr>
          <p:cNvPr id="4" name="Turton | Placeholder | SlideID: 1936 | ID: 12">
            <a:extLst>
              <a:ext uri="{FF2B5EF4-FFF2-40B4-BE49-F238E27FC236}">
                <a16:creationId xmlns:a16="http://schemas.microsoft.com/office/drawing/2014/main" id="{3D152FE2-B691-410F-B430-31EA9DBCB17F}"/>
              </a:ext>
            </a:extLst>
          </p:cNvPr>
          <p:cNvSpPr>
            <a:spLocks noGrp="1"/>
          </p:cNvSpPr>
          <p:nvPr>
            <p:ph type="body" sz="quarter" idx="29"/>
          </p:nvPr>
        </p:nvSpPr>
        <p:spPr>
          <a:xfrm>
            <a:off x="7561898" y="4483387"/>
            <a:ext cx="4285826" cy="473463"/>
          </a:xfrm>
        </p:spPr>
        <p:txBody>
          <a:bodyPr>
            <a:noAutofit/>
          </a:bodyPr>
          <a:lstStyle/>
          <a:p>
            <a:r>
              <a:rPr lang="en-GB" sz="2200" dirty="0"/>
              <a:t>4. Parameter redundancy Part II</a:t>
            </a:r>
          </a:p>
        </p:txBody>
      </p:sp>
      <p:sp>
        <p:nvSpPr>
          <p:cNvPr id="20" name="Turton | Placeholder | SlideID: 1936 | ID: 13">
            <a:extLst>
              <a:ext uri="{FF2B5EF4-FFF2-40B4-BE49-F238E27FC236}">
                <a16:creationId xmlns:a16="http://schemas.microsoft.com/office/drawing/2014/main" id="{FDE96550-22EF-4205-80FD-14C31A3F9565}"/>
              </a:ext>
            </a:extLst>
          </p:cNvPr>
          <p:cNvSpPr>
            <a:spLocks noGrp="1"/>
          </p:cNvSpPr>
          <p:nvPr>
            <p:ph type="body" sz="quarter" idx="34"/>
          </p:nvPr>
        </p:nvSpPr>
        <p:spPr>
          <a:xfrm>
            <a:off x="513473" y="4956850"/>
            <a:ext cx="3624943" cy="1724648"/>
          </a:xfrm>
        </p:spPr>
        <p:txBody>
          <a:bodyPr>
            <a:noAutofit/>
          </a:bodyPr>
          <a:lstStyle/>
          <a:p>
            <a:pPr marL="342900" indent="-342900" algn="r">
              <a:buFontTx/>
              <a:buChar char="-"/>
            </a:pPr>
            <a:r>
              <a:rPr lang="en-GB" sz="1870" dirty="0"/>
              <a:t>Sensitivity check</a:t>
            </a:r>
          </a:p>
          <a:p>
            <a:pPr marL="342900" indent="-342900" algn="r">
              <a:buFontTx/>
              <a:buChar char="-"/>
            </a:pPr>
            <a:r>
              <a:rPr lang="en-GB" sz="1870" dirty="0"/>
              <a:t>Data normalisation</a:t>
            </a:r>
          </a:p>
          <a:p>
            <a:pPr marL="342900" indent="-342900" algn="r">
              <a:buFontTx/>
              <a:buChar char="-"/>
            </a:pPr>
            <a:r>
              <a:rPr lang="en-GB" sz="1870" dirty="0"/>
              <a:t>Data visualisation</a:t>
            </a:r>
          </a:p>
          <a:p>
            <a:pPr marL="342900" indent="-342900" algn="r">
              <a:buFontTx/>
              <a:buChar char="-"/>
            </a:pPr>
            <a:r>
              <a:rPr lang="en-GB" sz="1870" dirty="0"/>
              <a:t>Conclusion </a:t>
            </a:r>
          </a:p>
        </p:txBody>
      </p:sp>
      <p:sp>
        <p:nvSpPr>
          <p:cNvPr id="18" name="Turton | Placeholder | SlideID: 1936 | ID: 14">
            <a:extLst>
              <a:ext uri="{FF2B5EF4-FFF2-40B4-BE49-F238E27FC236}">
                <a16:creationId xmlns:a16="http://schemas.microsoft.com/office/drawing/2014/main" id="{BFAD4F75-D25D-46CC-AC09-34FB11D43B52}"/>
              </a:ext>
            </a:extLst>
          </p:cNvPr>
          <p:cNvSpPr>
            <a:spLocks noGrp="1"/>
          </p:cNvSpPr>
          <p:nvPr>
            <p:ph type="body" sz="quarter" idx="35"/>
          </p:nvPr>
        </p:nvSpPr>
        <p:spPr>
          <a:xfrm>
            <a:off x="174130" y="4498950"/>
            <a:ext cx="4648200" cy="435347"/>
          </a:xfrm>
        </p:spPr>
        <p:txBody>
          <a:bodyPr>
            <a:normAutofit/>
          </a:bodyPr>
          <a:lstStyle/>
          <a:p>
            <a:r>
              <a:rPr lang="en-GB" sz="2200" dirty="0"/>
              <a:t>3. Parameter redundancy Part I</a:t>
            </a:r>
          </a:p>
        </p:txBody>
      </p:sp>
      <p:sp>
        <p:nvSpPr>
          <p:cNvPr id="19" name="Turton | Placeholder | SlideID: 1936 | ID: 15">
            <a:extLst>
              <a:ext uri="{FF2B5EF4-FFF2-40B4-BE49-F238E27FC236}">
                <a16:creationId xmlns:a16="http://schemas.microsoft.com/office/drawing/2014/main" id="{1B354204-9D49-4705-9FD8-DC8F8358926F}"/>
              </a:ext>
            </a:extLst>
          </p:cNvPr>
          <p:cNvSpPr>
            <a:spLocks noGrp="1"/>
          </p:cNvSpPr>
          <p:nvPr>
            <p:ph type="body" sz="quarter" idx="36"/>
          </p:nvPr>
        </p:nvSpPr>
        <p:spPr>
          <a:xfrm>
            <a:off x="0" y="2074494"/>
            <a:ext cx="4035455" cy="1724648"/>
          </a:xfrm>
        </p:spPr>
        <p:txBody>
          <a:bodyPr>
            <a:normAutofit/>
          </a:bodyPr>
          <a:lstStyle/>
          <a:p>
            <a:pPr marL="342900" indent="-342900">
              <a:buFontTx/>
              <a:buChar char="-"/>
            </a:pPr>
            <a:r>
              <a:rPr lang="en-GB" dirty="0"/>
              <a:t>24 matrices generated by ESG</a:t>
            </a:r>
          </a:p>
          <a:p>
            <a:pPr marL="678640" lvl="1" indent="-342900">
              <a:buFont typeface="Courier New" panose="02070309020205020404" pitchFamily="49" charset="0"/>
              <a:buChar char="o"/>
            </a:pPr>
            <a:r>
              <a:rPr lang="en-GB" dirty="0"/>
              <a:t>There are 8 parameters, and each parameter has 3 files</a:t>
            </a:r>
          </a:p>
          <a:p>
            <a:pPr marL="342900" indent="-342900">
              <a:buFontTx/>
              <a:buChar char="-"/>
            </a:pPr>
            <a:r>
              <a:rPr lang="en-GB" dirty="0"/>
              <a:t>9,328 volatilities of combination of 16 Maturities and 11 Strikes</a:t>
            </a:r>
          </a:p>
          <a:p>
            <a:pPr marL="342900" indent="-342900">
              <a:buFontTx/>
              <a:buChar char="-"/>
            </a:pPr>
            <a:endParaRPr lang="en-GB" dirty="0"/>
          </a:p>
        </p:txBody>
      </p:sp>
      <p:sp>
        <p:nvSpPr>
          <p:cNvPr id="3" name="Turton | Placeholder | SlideID: 1936 | ID: 16">
            <a:extLst>
              <a:ext uri="{FF2B5EF4-FFF2-40B4-BE49-F238E27FC236}">
                <a16:creationId xmlns:a16="http://schemas.microsoft.com/office/drawing/2014/main" id="{9A888AFF-4D18-45FD-89FA-331FF8402EC5}"/>
              </a:ext>
            </a:extLst>
          </p:cNvPr>
          <p:cNvSpPr>
            <a:spLocks noGrp="1"/>
          </p:cNvSpPr>
          <p:nvPr>
            <p:ph type="body" sz="quarter" idx="37"/>
          </p:nvPr>
        </p:nvSpPr>
        <p:spPr>
          <a:xfrm>
            <a:off x="174130" y="968829"/>
            <a:ext cx="3851700" cy="998499"/>
          </a:xfrm>
        </p:spPr>
        <p:txBody>
          <a:bodyPr>
            <a:normAutofit/>
          </a:bodyPr>
          <a:lstStyle/>
          <a:p>
            <a:r>
              <a:rPr lang="en-GB" sz="3600" b="1" dirty="0"/>
              <a:t>1. Data Structure</a:t>
            </a:r>
          </a:p>
        </p:txBody>
      </p:sp>
    </p:spTree>
    <p:custDataLst>
      <p:tags r:id="rId1"/>
    </p:custDataLst>
    <p:extLst>
      <p:ext uri="{BB962C8B-B14F-4D97-AF65-F5344CB8AC3E}">
        <p14:creationId xmlns:p14="http://schemas.microsoft.com/office/powerpoint/2010/main" val="113662832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urton | Placeholder | SlideID: 1936 | ID: 8">
            <a:extLst>
              <a:ext uri="{FF2B5EF4-FFF2-40B4-BE49-F238E27FC236}">
                <a16:creationId xmlns:a16="http://schemas.microsoft.com/office/drawing/2014/main" id="{19FF3EA2-44AF-4D34-4EEE-7F75ACBD7298}"/>
              </a:ext>
            </a:extLst>
          </p:cNvPr>
          <p:cNvSpPr>
            <a:spLocks noGrp="1"/>
          </p:cNvSpPr>
          <p:nvPr>
            <p:ph type="title"/>
          </p:nvPr>
        </p:nvSpPr>
        <p:spPr>
          <a:xfrm>
            <a:off x="312427" y="255993"/>
            <a:ext cx="3829877" cy="998499"/>
          </a:xfrm>
        </p:spPr>
        <p:txBody>
          <a:bodyPr>
            <a:noAutofit/>
          </a:bodyPr>
          <a:lstStyle/>
          <a:p>
            <a:r>
              <a:rPr lang="en-GB" sz="2800" dirty="0">
                <a:solidFill>
                  <a:srgbClr val="FF0000"/>
                </a:solidFill>
              </a:rPr>
              <a:t>1. Data Structure</a:t>
            </a:r>
          </a:p>
        </p:txBody>
      </p:sp>
      <p:sp>
        <p:nvSpPr>
          <p:cNvPr id="7" name="TextBox 6">
            <a:extLst>
              <a:ext uri="{FF2B5EF4-FFF2-40B4-BE49-F238E27FC236}">
                <a16:creationId xmlns:a16="http://schemas.microsoft.com/office/drawing/2014/main" id="{0AB4D068-D909-21E9-5052-A75F75785863}"/>
              </a:ext>
            </a:extLst>
          </p:cNvPr>
          <p:cNvSpPr txBox="1"/>
          <p:nvPr/>
        </p:nvSpPr>
        <p:spPr>
          <a:xfrm>
            <a:off x="642627" y="1057894"/>
            <a:ext cx="6096000" cy="369332"/>
          </a:xfrm>
          <a:prstGeom prst="rect">
            <a:avLst/>
          </a:prstGeom>
          <a:noFill/>
        </p:spPr>
        <p:txBody>
          <a:bodyPr wrap="square">
            <a:spAutoFit/>
          </a:bodyPr>
          <a:lstStyle/>
          <a:p>
            <a:pPr marL="342900" indent="-342900">
              <a:buFontTx/>
              <a:buChar char="-"/>
            </a:pPr>
            <a:r>
              <a:rPr lang="en-GB" dirty="0"/>
              <a:t>24 matrices generated by ESG</a:t>
            </a:r>
          </a:p>
        </p:txBody>
      </p:sp>
      <p:sp>
        <p:nvSpPr>
          <p:cNvPr id="9" name="TextBox 8">
            <a:extLst>
              <a:ext uri="{FF2B5EF4-FFF2-40B4-BE49-F238E27FC236}">
                <a16:creationId xmlns:a16="http://schemas.microsoft.com/office/drawing/2014/main" id="{8654F508-8086-9DBB-7B21-73B5D1EB596F}"/>
              </a:ext>
            </a:extLst>
          </p:cNvPr>
          <p:cNvSpPr txBox="1"/>
          <p:nvPr/>
        </p:nvSpPr>
        <p:spPr>
          <a:xfrm>
            <a:off x="0" y="1608961"/>
            <a:ext cx="2558143" cy="1200329"/>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Correlation 𝜌:</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p:sp>
        <p:nvSpPr>
          <p:cNvPr id="12" name="TextBox 11">
            <a:extLst>
              <a:ext uri="{FF2B5EF4-FFF2-40B4-BE49-F238E27FC236}">
                <a16:creationId xmlns:a16="http://schemas.microsoft.com/office/drawing/2014/main" id="{18907627-D906-B81D-98AE-FC9A7EC8FE2A}"/>
              </a:ext>
            </a:extLst>
          </p:cNvPr>
          <p:cNvSpPr txBox="1"/>
          <p:nvPr/>
        </p:nvSpPr>
        <p:spPr>
          <a:xfrm>
            <a:off x="2959100" y="1608958"/>
            <a:ext cx="3136900" cy="1477328"/>
          </a:xfrm>
          <a:prstGeom prst="rect">
            <a:avLst/>
          </a:prstGeom>
          <a:noFill/>
        </p:spPr>
        <p:txBody>
          <a:bodyPr wrap="square">
            <a:spAutoFit/>
          </a:bodyPr>
          <a:lstStyle/>
          <a:p>
            <a:pPr marL="1028700" marR="0">
              <a:spcBef>
                <a:spcPts val="0"/>
              </a:spcBef>
              <a:spcAft>
                <a:spcPts val="0"/>
              </a:spcAft>
            </a:pPr>
            <a:r>
              <a:rPr lang="en-GB" b="1" dirty="0">
                <a:solidFill>
                  <a:srgbClr val="FF0000"/>
                </a:solidFill>
                <a:latin typeface="Calibri" panose="020F0502020204030204" pitchFamily="34" charset="0"/>
              </a:rPr>
              <a:t>M</a:t>
            </a:r>
            <a:r>
              <a:rPr lang="en-GB" sz="1800" b="1" dirty="0">
                <a:solidFill>
                  <a:srgbClr val="FF0000"/>
                </a:solidFill>
                <a:effectLst/>
                <a:latin typeface="Calibri" panose="020F0502020204030204" pitchFamily="34" charset="0"/>
              </a:rPr>
              <a:t>ean reversion level 𝜃:</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p:sp>
        <p:nvSpPr>
          <p:cNvPr id="13" name="TextBox 12">
            <a:extLst>
              <a:ext uri="{FF2B5EF4-FFF2-40B4-BE49-F238E27FC236}">
                <a16:creationId xmlns:a16="http://schemas.microsoft.com/office/drawing/2014/main" id="{D5A3B89C-E11E-60B5-64CC-3AE9A7D3FDDC}"/>
              </a:ext>
            </a:extLst>
          </p:cNvPr>
          <p:cNvSpPr txBox="1"/>
          <p:nvPr/>
        </p:nvSpPr>
        <p:spPr>
          <a:xfrm>
            <a:off x="5898820" y="1608958"/>
            <a:ext cx="3136900" cy="1477328"/>
          </a:xfrm>
          <a:prstGeom prst="rect">
            <a:avLst/>
          </a:prstGeom>
          <a:noFill/>
        </p:spPr>
        <p:txBody>
          <a:bodyPr wrap="square">
            <a:spAutoFit/>
          </a:bodyPr>
          <a:lstStyle/>
          <a:p>
            <a:pPr marL="1028700" marR="0">
              <a:spcBef>
                <a:spcPts val="0"/>
              </a:spcBef>
              <a:spcAft>
                <a:spcPts val="0"/>
              </a:spcAft>
            </a:pPr>
            <a:r>
              <a:rPr lang="en-GB" b="1" dirty="0">
                <a:solidFill>
                  <a:srgbClr val="FF0000"/>
                </a:solidFill>
                <a:latin typeface="Calibri" panose="020F0502020204030204" pitchFamily="34" charset="0"/>
              </a:rPr>
              <a:t>S</a:t>
            </a:r>
            <a:r>
              <a:rPr lang="en-GB" sz="1800" b="1" dirty="0">
                <a:solidFill>
                  <a:srgbClr val="FF0000"/>
                </a:solidFill>
                <a:effectLst/>
                <a:latin typeface="Calibri" panose="020F0502020204030204" pitchFamily="34" charset="0"/>
              </a:rPr>
              <a:t>peed of mean reversion 𝛼:</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p:sp>
        <p:nvSpPr>
          <p:cNvPr id="14" name="TextBox 13">
            <a:extLst>
              <a:ext uri="{FF2B5EF4-FFF2-40B4-BE49-F238E27FC236}">
                <a16:creationId xmlns:a16="http://schemas.microsoft.com/office/drawing/2014/main" id="{0F38C65E-3D9C-33F3-C23E-9AFA82F1B83E}"/>
              </a:ext>
            </a:extLst>
          </p:cNvPr>
          <p:cNvSpPr txBox="1"/>
          <p:nvPr/>
        </p:nvSpPr>
        <p:spPr>
          <a:xfrm>
            <a:off x="8749640" y="1608958"/>
            <a:ext cx="2558143" cy="1200329"/>
          </a:xfrm>
          <a:prstGeom prst="rect">
            <a:avLst/>
          </a:prstGeom>
          <a:noFill/>
        </p:spPr>
        <p:txBody>
          <a:bodyPr wrap="square">
            <a:spAutoFit/>
          </a:bodyPr>
          <a:lstStyle/>
          <a:p>
            <a:pPr marL="1028700" marR="0">
              <a:spcBef>
                <a:spcPts val="0"/>
              </a:spcBef>
              <a:spcAft>
                <a:spcPts val="0"/>
              </a:spcAft>
            </a:pPr>
            <a:r>
              <a:rPr lang="en-GB" b="1" dirty="0">
                <a:solidFill>
                  <a:srgbClr val="FF0000"/>
                </a:solidFill>
                <a:latin typeface="Calibri" panose="020F0502020204030204" pitchFamily="34" charset="0"/>
              </a:rPr>
              <a:t>V</a:t>
            </a:r>
            <a:r>
              <a:rPr lang="en-GB" sz="1800" b="1" dirty="0">
                <a:solidFill>
                  <a:srgbClr val="FF0000"/>
                </a:solidFill>
                <a:effectLst/>
                <a:latin typeface="Calibri" panose="020F0502020204030204" pitchFamily="34" charset="0"/>
              </a:rPr>
              <a:t>olatility 𝜉:</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30EC50EC-5AF9-E285-0F04-AA2779498552}"/>
                  </a:ext>
                </a:extLst>
              </p:cNvPr>
              <p:cNvSpPr txBox="1"/>
              <p:nvPr/>
            </p:nvSpPr>
            <p:spPr>
              <a:xfrm>
                <a:off x="-1" y="3801087"/>
                <a:ext cx="3048000" cy="1477328"/>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Initial value of the volatility </a:t>
                </a:r>
                <a14:m>
                  <m:oMath xmlns:m="http://schemas.openxmlformats.org/officeDocument/2006/math">
                    <m:sSub>
                      <m:sSubPr>
                        <m:ctrlPr>
                          <a:rPr lang="en-GB" sz="1800" b="1" i="1" smtClean="0">
                            <a:solidFill>
                              <a:srgbClr val="FF0000"/>
                            </a:solidFill>
                            <a:effectLst/>
                            <a:latin typeface="Cambria Math" panose="02040503050406030204" pitchFamily="18" charset="0"/>
                          </a:rPr>
                        </m:ctrlPr>
                      </m:sSubPr>
                      <m:e>
                        <m:r>
                          <a:rPr lang="en-GB" sz="1800" b="1" i="1" smtClean="0">
                            <a:solidFill>
                              <a:srgbClr val="FF0000"/>
                            </a:solidFill>
                            <a:effectLst/>
                            <a:latin typeface="Cambria Math" panose="02040503050406030204" pitchFamily="18" charset="0"/>
                          </a:rPr>
                          <m:t>𝝂</m:t>
                        </m:r>
                      </m:e>
                      <m:sub>
                        <m:r>
                          <a:rPr lang="en-GB" sz="1800" b="1" i="1" smtClean="0">
                            <a:solidFill>
                              <a:srgbClr val="FF0000"/>
                            </a:solidFill>
                            <a:effectLst/>
                            <a:latin typeface="Cambria Math" panose="02040503050406030204" pitchFamily="18" charset="0"/>
                          </a:rPr>
                          <m:t>𝟎</m:t>
                        </m:r>
                      </m:sub>
                    </m:sSub>
                  </m:oMath>
                </a14:m>
                <a:r>
                  <a:rPr lang="en-GB" sz="1800" b="1" dirty="0">
                    <a:solidFill>
                      <a:srgbClr val="FF0000"/>
                    </a:solidFill>
                    <a:effectLst/>
                    <a:latin typeface="Calibri" panose="020F0502020204030204" pitchFamily="34" charset="0"/>
                  </a:rPr>
                  <a:t>:</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Choice>
        <mc:Fallback xmlns="">
          <p:sp>
            <p:nvSpPr>
              <p:cNvPr id="15" name="TextBox 14">
                <a:extLst>
                  <a:ext uri="{FF2B5EF4-FFF2-40B4-BE49-F238E27FC236}">
                    <a16:creationId xmlns:a16="http://schemas.microsoft.com/office/drawing/2014/main" id="{30EC50EC-5AF9-E285-0F04-AA2779498552}"/>
                  </a:ext>
                </a:extLst>
              </p:cNvPr>
              <p:cNvSpPr txBox="1">
                <a:spLocks noRot="1" noChangeAspect="1" noMove="1" noResize="1" noEditPoints="1" noAdjustHandles="1" noChangeArrowheads="1" noChangeShapeType="1" noTextEdit="1"/>
              </p:cNvSpPr>
              <p:nvPr/>
            </p:nvSpPr>
            <p:spPr>
              <a:xfrm>
                <a:off x="-1" y="3801087"/>
                <a:ext cx="3048000" cy="1477328"/>
              </a:xfrm>
              <a:prstGeom prst="rect">
                <a:avLst/>
              </a:prstGeom>
              <a:blipFill>
                <a:blip r:embed="rId4"/>
                <a:stretch>
                  <a:fillRect t="-2479" b="-5785"/>
                </a:stretch>
              </a:blipFill>
            </p:spPr>
            <p:txBody>
              <a:bodyPr/>
              <a:lstStyle/>
              <a:p>
                <a:r>
                  <a:rPr lang="en-GB">
                    <a:noFill/>
                  </a:rPr>
                  <a:t> </a:t>
                </a:r>
              </a:p>
            </p:txBody>
          </p:sp>
        </mc:Fallback>
      </mc:AlternateContent>
      <p:sp>
        <p:nvSpPr>
          <p:cNvPr id="16" name="TextBox 15">
            <a:extLst>
              <a:ext uri="{FF2B5EF4-FFF2-40B4-BE49-F238E27FC236}">
                <a16:creationId xmlns:a16="http://schemas.microsoft.com/office/drawing/2014/main" id="{F9D3B7CC-4E09-65DA-4371-3C15A812CBAC}"/>
              </a:ext>
            </a:extLst>
          </p:cNvPr>
          <p:cNvSpPr txBox="1"/>
          <p:nvPr/>
        </p:nvSpPr>
        <p:spPr>
          <a:xfrm>
            <a:off x="2959100" y="3801087"/>
            <a:ext cx="2558143" cy="1477328"/>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Jump arrival rate 𝜆:</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6547C0F9-3521-37B0-ACCA-9F7834C56AF9}"/>
                  </a:ext>
                </a:extLst>
              </p:cNvPr>
              <p:cNvSpPr txBox="1"/>
              <p:nvPr/>
            </p:nvSpPr>
            <p:spPr>
              <a:xfrm>
                <a:off x="5898820" y="3801089"/>
                <a:ext cx="3048000" cy="1221553"/>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Jump mean </a:t>
                </a:r>
                <a14:m>
                  <m:oMath xmlns:m="http://schemas.openxmlformats.org/officeDocument/2006/math">
                    <m:sSub>
                      <m:sSubPr>
                        <m:ctrlPr>
                          <a:rPr lang="en-GB" sz="1800" b="1" i="1" smtClean="0">
                            <a:solidFill>
                              <a:srgbClr val="FF0000"/>
                            </a:solidFill>
                            <a:effectLst/>
                            <a:latin typeface="Cambria Math" panose="02040503050406030204" pitchFamily="18" charset="0"/>
                          </a:rPr>
                        </m:ctrlPr>
                      </m:sSubPr>
                      <m:e>
                        <m:r>
                          <a:rPr lang="en-GB" sz="1800" b="1" i="1" smtClean="0">
                            <a:solidFill>
                              <a:srgbClr val="FF0000"/>
                            </a:solidFill>
                            <a:effectLst/>
                            <a:latin typeface="Cambria Math" panose="02040503050406030204" pitchFamily="18" charset="0"/>
                          </a:rPr>
                          <m:t>𝝁</m:t>
                        </m:r>
                      </m:e>
                      <m:sub>
                        <m:r>
                          <a:rPr lang="en-GB" sz="1800" b="1" i="1" smtClean="0">
                            <a:solidFill>
                              <a:srgbClr val="FF0000"/>
                            </a:solidFill>
                            <a:effectLst/>
                            <a:latin typeface="Cambria Math" panose="02040503050406030204" pitchFamily="18" charset="0"/>
                          </a:rPr>
                          <m:t>𝑱</m:t>
                        </m:r>
                      </m:sub>
                    </m:sSub>
                  </m:oMath>
                </a14:m>
                <a:r>
                  <a:rPr lang="en-GB" sz="1800" b="1" dirty="0">
                    <a:solidFill>
                      <a:srgbClr val="FF0000"/>
                    </a:solidFill>
                    <a:effectLst/>
                    <a:latin typeface="Calibri" panose="020F0502020204030204" pitchFamily="34" charset="0"/>
                  </a:rPr>
                  <a:t>:</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Choice>
        <mc:Fallback xmlns="">
          <p:sp>
            <p:nvSpPr>
              <p:cNvPr id="17" name="TextBox 16">
                <a:extLst>
                  <a:ext uri="{FF2B5EF4-FFF2-40B4-BE49-F238E27FC236}">
                    <a16:creationId xmlns:a16="http://schemas.microsoft.com/office/drawing/2014/main" id="{6547C0F9-3521-37B0-ACCA-9F7834C56AF9}"/>
                  </a:ext>
                </a:extLst>
              </p:cNvPr>
              <p:cNvSpPr txBox="1">
                <a:spLocks noRot="1" noChangeAspect="1" noMove="1" noResize="1" noEditPoints="1" noAdjustHandles="1" noChangeArrowheads="1" noChangeShapeType="1" noTextEdit="1"/>
              </p:cNvSpPr>
              <p:nvPr/>
            </p:nvSpPr>
            <p:spPr>
              <a:xfrm>
                <a:off x="5898820" y="3801089"/>
                <a:ext cx="3048000" cy="1221553"/>
              </a:xfrm>
              <a:prstGeom prst="rect">
                <a:avLst/>
              </a:prstGeom>
              <a:blipFill>
                <a:blip r:embed="rId5"/>
                <a:stretch>
                  <a:fillRect t="-2500" b="-750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F4E1A4A7-93C0-864B-C5C7-D8C542B38C4C}"/>
                  </a:ext>
                </a:extLst>
              </p:cNvPr>
              <p:cNvSpPr txBox="1"/>
              <p:nvPr/>
            </p:nvSpPr>
            <p:spPr>
              <a:xfrm>
                <a:off x="8749640" y="3801089"/>
                <a:ext cx="3048000" cy="1248612"/>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Jump variance </a:t>
                </a:r>
                <a14:m>
                  <m:oMath xmlns:m="http://schemas.openxmlformats.org/officeDocument/2006/math">
                    <m:sSubSup>
                      <m:sSubSupPr>
                        <m:ctrlPr>
                          <a:rPr lang="en-GB" sz="1800" b="1" i="1" smtClean="0">
                            <a:solidFill>
                              <a:srgbClr val="FF0000"/>
                            </a:solidFill>
                            <a:effectLst/>
                            <a:latin typeface="Cambria Math" panose="02040503050406030204" pitchFamily="18" charset="0"/>
                          </a:rPr>
                        </m:ctrlPr>
                      </m:sSubSupPr>
                      <m:e>
                        <m:r>
                          <a:rPr lang="en-GB" sz="1800" b="1" i="1" smtClean="0">
                            <a:solidFill>
                              <a:srgbClr val="FF0000"/>
                            </a:solidFill>
                            <a:effectLst/>
                            <a:latin typeface="Cambria Math" panose="02040503050406030204" pitchFamily="18" charset="0"/>
                          </a:rPr>
                          <m:t>𝝈</m:t>
                        </m:r>
                      </m:e>
                      <m:sub>
                        <m:r>
                          <a:rPr lang="en-GB" sz="1800" b="1" i="1" smtClean="0">
                            <a:solidFill>
                              <a:srgbClr val="FF0000"/>
                            </a:solidFill>
                            <a:effectLst/>
                            <a:latin typeface="Cambria Math" panose="02040503050406030204" pitchFamily="18" charset="0"/>
                          </a:rPr>
                          <m:t>𝑱</m:t>
                        </m:r>
                      </m:sub>
                      <m:sup>
                        <m:r>
                          <a:rPr lang="en-GB" sz="1800" b="1" i="1" smtClean="0">
                            <a:solidFill>
                              <a:srgbClr val="FF0000"/>
                            </a:solidFill>
                            <a:effectLst/>
                            <a:latin typeface="Cambria Math" panose="02040503050406030204" pitchFamily="18" charset="0"/>
                          </a:rPr>
                          <m:t>𝟐</m:t>
                        </m:r>
                      </m:sup>
                    </m:sSubSup>
                  </m:oMath>
                </a14:m>
                <a:r>
                  <a:rPr lang="en-GB" sz="1800" b="1" dirty="0">
                    <a:solidFill>
                      <a:srgbClr val="FF0000"/>
                    </a:solidFill>
                    <a:effectLst/>
                    <a:latin typeface="Calibri" panose="020F0502020204030204" pitchFamily="34" charset="0"/>
                  </a:rPr>
                  <a:t>:</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Choice>
        <mc:Fallback xmlns="">
          <p:sp>
            <p:nvSpPr>
              <p:cNvPr id="18" name="TextBox 17">
                <a:extLst>
                  <a:ext uri="{FF2B5EF4-FFF2-40B4-BE49-F238E27FC236}">
                    <a16:creationId xmlns:a16="http://schemas.microsoft.com/office/drawing/2014/main" id="{F4E1A4A7-93C0-864B-C5C7-D8C542B38C4C}"/>
                  </a:ext>
                </a:extLst>
              </p:cNvPr>
              <p:cNvSpPr txBox="1">
                <a:spLocks noRot="1" noChangeAspect="1" noMove="1" noResize="1" noEditPoints="1" noAdjustHandles="1" noChangeArrowheads="1" noChangeShapeType="1" noTextEdit="1"/>
              </p:cNvSpPr>
              <p:nvPr/>
            </p:nvSpPr>
            <p:spPr>
              <a:xfrm>
                <a:off x="8749640" y="3801089"/>
                <a:ext cx="3048000" cy="1248612"/>
              </a:xfrm>
              <a:prstGeom prst="rect">
                <a:avLst/>
              </a:prstGeom>
              <a:blipFill>
                <a:blip r:embed="rId6"/>
                <a:stretch>
                  <a:fillRect t="-980" b="-7353"/>
                </a:stretch>
              </a:blipFill>
            </p:spPr>
            <p:txBody>
              <a:bodyPr/>
              <a:lstStyle/>
              <a:p>
                <a:r>
                  <a:rPr lang="en-GB">
                    <a:noFill/>
                  </a:rPr>
                  <a:t> </a:t>
                </a:r>
              </a:p>
            </p:txBody>
          </p:sp>
        </mc:Fallback>
      </mc:AlternateContent>
    </p:spTree>
    <p:custDataLst>
      <p:tags r:id="rId1"/>
    </p:custDataLst>
    <p:extLst>
      <p:ext uri="{BB962C8B-B14F-4D97-AF65-F5344CB8AC3E}">
        <p14:creationId xmlns:p14="http://schemas.microsoft.com/office/powerpoint/2010/main" val="404833351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8941538C-4EED-1843-48FB-B680EDE8D7A0}"/>
              </a:ext>
            </a:extLst>
          </p:cNvPr>
          <p:cNvSpPr txBox="1"/>
          <p:nvPr/>
        </p:nvSpPr>
        <p:spPr>
          <a:xfrm>
            <a:off x="-838899" y="855122"/>
            <a:ext cx="2558143" cy="1200329"/>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Correlation 𝜌:</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p:sp>
        <p:nvSpPr>
          <p:cNvPr id="6" name="TextBox 5">
            <a:extLst>
              <a:ext uri="{FF2B5EF4-FFF2-40B4-BE49-F238E27FC236}">
                <a16:creationId xmlns:a16="http://schemas.microsoft.com/office/drawing/2014/main" id="{077F3217-5125-4C50-4EC4-07ACDA3C7769}"/>
              </a:ext>
            </a:extLst>
          </p:cNvPr>
          <p:cNvSpPr txBox="1"/>
          <p:nvPr/>
        </p:nvSpPr>
        <p:spPr>
          <a:xfrm>
            <a:off x="1585520" y="1392399"/>
            <a:ext cx="2407640" cy="369332"/>
          </a:xfrm>
          <a:prstGeom prst="rect">
            <a:avLst/>
          </a:prstGeom>
          <a:noFill/>
        </p:spPr>
        <p:txBody>
          <a:bodyPr wrap="square">
            <a:spAutoFit/>
          </a:bodyPr>
          <a:lstStyle/>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p:txBody>
      </p:sp>
      <p:pic>
        <p:nvPicPr>
          <p:cNvPr id="7" name="Picture 6">
            <a:extLst>
              <a:ext uri="{FF2B5EF4-FFF2-40B4-BE49-F238E27FC236}">
                <a16:creationId xmlns:a16="http://schemas.microsoft.com/office/drawing/2014/main" id="{4DBE2568-D249-CA38-3C52-F2B824E65465}"/>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4710847" y="484705"/>
            <a:ext cx="7067296" cy="2944295"/>
          </a:xfrm>
          <a:prstGeom prst="rect">
            <a:avLst/>
          </a:prstGeom>
        </p:spPr>
      </p:pic>
      <p:cxnSp>
        <p:nvCxnSpPr>
          <p:cNvPr id="9" name="Straight Connector 8">
            <a:extLst>
              <a:ext uri="{FF2B5EF4-FFF2-40B4-BE49-F238E27FC236}">
                <a16:creationId xmlns:a16="http://schemas.microsoft.com/office/drawing/2014/main" id="{A153C951-0486-857F-DA24-2ABE7B546C07}"/>
              </a:ext>
            </a:extLst>
          </p:cNvPr>
          <p:cNvCxnSpPr/>
          <p:nvPr/>
        </p:nvCxnSpPr>
        <p:spPr>
          <a:xfrm>
            <a:off x="318782" y="3926048"/>
            <a:ext cx="11459361" cy="0"/>
          </a:xfrm>
          <a:prstGeom prst="line">
            <a:avLst/>
          </a:prstGeom>
        </p:spPr>
        <p:style>
          <a:lnRef idx="1">
            <a:schemeClr val="accent1"/>
          </a:lnRef>
          <a:fillRef idx="0">
            <a:schemeClr val="accent1"/>
          </a:fillRef>
          <a:effectRef idx="0">
            <a:schemeClr val="accent1"/>
          </a:effectRef>
          <a:fontRef idx="minor">
            <a:schemeClr val="tx1"/>
          </a:fontRef>
        </p:style>
      </p:cxnSp>
      <p:sp>
        <p:nvSpPr>
          <p:cNvPr id="10" name="Rectangle 9">
            <a:extLst>
              <a:ext uri="{FF2B5EF4-FFF2-40B4-BE49-F238E27FC236}">
                <a16:creationId xmlns:a16="http://schemas.microsoft.com/office/drawing/2014/main" id="{AB97BBAA-4F1C-3440-7F44-E6E43020EEBA}"/>
              </a:ext>
            </a:extLst>
          </p:cNvPr>
          <p:cNvSpPr/>
          <p:nvPr/>
        </p:nvSpPr>
        <p:spPr>
          <a:xfrm>
            <a:off x="243281" y="3036815"/>
            <a:ext cx="3825380" cy="721450"/>
          </a:xfrm>
          <a:prstGeom prst="rect">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t>How do we generate this matrix?</a:t>
            </a:r>
          </a:p>
        </p:txBody>
      </p:sp>
      <p:sp>
        <p:nvSpPr>
          <p:cNvPr id="13" name="Arrow: Right 12">
            <a:extLst>
              <a:ext uri="{FF2B5EF4-FFF2-40B4-BE49-F238E27FC236}">
                <a16:creationId xmlns:a16="http://schemas.microsoft.com/office/drawing/2014/main" id="{138E3E99-D97A-4602-A506-978FA9E25605}"/>
              </a:ext>
            </a:extLst>
          </p:cNvPr>
          <p:cNvSpPr/>
          <p:nvPr/>
        </p:nvSpPr>
        <p:spPr>
          <a:xfrm>
            <a:off x="1468073" y="1367406"/>
            <a:ext cx="1132514" cy="42783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Arrow: Right 14">
            <a:extLst>
              <a:ext uri="{FF2B5EF4-FFF2-40B4-BE49-F238E27FC236}">
                <a16:creationId xmlns:a16="http://schemas.microsoft.com/office/drawing/2014/main" id="{13FFC97C-D445-A614-83B7-62006D05F534}"/>
              </a:ext>
            </a:extLst>
          </p:cNvPr>
          <p:cNvSpPr/>
          <p:nvPr/>
        </p:nvSpPr>
        <p:spPr>
          <a:xfrm>
            <a:off x="3590846" y="1392442"/>
            <a:ext cx="1132514" cy="42783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6" name="Picture 15">
            <a:extLst>
              <a:ext uri="{FF2B5EF4-FFF2-40B4-BE49-F238E27FC236}">
                <a16:creationId xmlns:a16="http://schemas.microsoft.com/office/drawing/2014/main" id="{C9054AF3-04F7-B17D-3727-30FC55329486}"/>
              </a:ext>
            </a:extLst>
          </p:cNvPr>
          <p:cNvPicPr>
            <a:picLocks noChangeAspect="1"/>
          </p:cNvPicPr>
          <p:nvPr/>
        </p:nvPicPr>
        <p:blipFill>
          <a:blip r:embed="rId3"/>
          <a:stretch>
            <a:fillRect/>
          </a:stretch>
        </p:blipFill>
        <p:spPr>
          <a:xfrm>
            <a:off x="887138" y="4255313"/>
            <a:ext cx="3426898" cy="1730303"/>
          </a:xfrm>
          <a:prstGeom prst="rect">
            <a:avLst/>
          </a:prstGeom>
        </p:spPr>
      </p:pic>
      <p:sp>
        <p:nvSpPr>
          <p:cNvPr id="17" name="Rectangle: Rounded Corners 16">
            <a:extLst>
              <a:ext uri="{FF2B5EF4-FFF2-40B4-BE49-F238E27FC236}">
                <a16:creationId xmlns:a16="http://schemas.microsoft.com/office/drawing/2014/main" id="{4FBF618A-13B7-3598-991C-C2BAD03F2C25}"/>
              </a:ext>
            </a:extLst>
          </p:cNvPr>
          <p:cNvSpPr/>
          <p:nvPr/>
        </p:nvSpPr>
        <p:spPr>
          <a:xfrm>
            <a:off x="5662170" y="4626169"/>
            <a:ext cx="3426898" cy="72984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t>Calibration for SVJD model</a:t>
            </a:r>
          </a:p>
        </p:txBody>
      </p:sp>
      <p:sp>
        <p:nvSpPr>
          <p:cNvPr id="2" name="Rectangle: Rounded Corners 1">
            <a:extLst>
              <a:ext uri="{FF2B5EF4-FFF2-40B4-BE49-F238E27FC236}">
                <a16:creationId xmlns:a16="http://schemas.microsoft.com/office/drawing/2014/main" id="{783A56D3-03AF-9766-FC26-4DE9021BCB77}"/>
              </a:ext>
            </a:extLst>
          </p:cNvPr>
          <p:cNvSpPr/>
          <p:nvPr/>
        </p:nvSpPr>
        <p:spPr>
          <a:xfrm>
            <a:off x="10078298" y="4601961"/>
            <a:ext cx="1699845" cy="72984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t>Option IVs</a:t>
            </a:r>
          </a:p>
        </p:txBody>
      </p:sp>
      <p:sp>
        <p:nvSpPr>
          <p:cNvPr id="3" name="Arrow: Right 2">
            <a:extLst>
              <a:ext uri="{FF2B5EF4-FFF2-40B4-BE49-F238E27FC236}">
                <a16:creationId xmlns:a16="http://schemas.microsoft.com/office/drawing/2014/main" id="{1DEF1029-013B-523A-7C52-EF7C483B5EDD}"/>
              </a:ext>
            </a:extLst>
          </p:cNvPr>
          <p:cNvSpPr/>
          <p:nvPr/>
        </p:nvSpPr>
        <p:spPr>
          <a:xfrm>
            <a:off x="9274629" y="4772297"/>
            <a:ext cx="653142" cy="37446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132594109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urton | Placeholder | SlideID: 1936 | ID: 8">
            <a:extLst>
              <a:ext uri="{FF2B5EF4-FFF2-40B4-BE49-F238E27FC236}">
                <a16:creationId xmlns:a16="http://schemas.microsoft.com/office/drawing/2014/main" id="{19FF3EA2-44AF-4D34-4EEE-7F75ACBD7298}"/>
              </a:ext>
            </a:extLst>
          </p:cNvPr>
          <p:cNvSpPr>
            <a:spLocks noGrp="1"/>
          </p:cNvSpPr>
          <p:nvPr>
            <p:ph type="title"/>
          </p:nvPr>
        </p:nvSpPr>
        <p:spPr>
          <a:xfrm>
            <a:off x="312427" y="255993"/>
            <a:ext cx="3829877" cy="998499"/>
          </a:xfrm>
        </p:spPr>
        <p:txBody>
          <a:bodyPr>
            <a:noAutofit/>
          </a:bodyPr>
          <a:lstStyle/>
          <a:p>
            <a:r>
              <a:rPr lang="en-GB" sz="2800" dirty="0">
                <a:solidFill>
                  <a:srgbClr val="FF0000"/>
                </a:solidFill>
              </a:rPr>
              <a:t>1. Data Structure</a:t>
            </a:r>
          </a:p>
        </p:txBody>
      </p:sp>
      <p:sp>
        <p:nvSpPr>
          <p:cNvPr id="7" name="TextBox 6">
            <a:extLst>
              <a:ext uri="{FF2B5EF4-FFF2-40B4-BE49-F238E27FC236}">
                <a16:creationId xmlns:a16="http://schemas.microsoft.com/office/drawing/2014/main" id="{0AB4D068-D909-21E9-5052-A75F75785863}"/>
              </a:ext>
            </a:extLst>
          </p:cNvPr>
          <p:cNvSpPr txBox="1"/>
          <p:nvPr/>
        </p:nvSpPr>
        <p:spPr>
          <a:xfrm>
            <a:off x="642627" y="1057894"/>
            <a:ext cx="6096000" cy="369332"/>
          </a:xfrm>
          <a:prstGeom prst="rect">
            <a:avLst/>
          </a:prstGeom>
          <a:noFill/>
        </p:spPr>
        <p:txBody>
          <a:bodyPr wrap="square">
            <a:spAutoFit/>
          </a:bodyPr>
          <a:lstStyle/>
          <a:p>
            <a:pPr marL="342900" indent="-342900">
              <a:buFontTx/>
              <a:buChar char="-"/>
            </a:pPr>
            <a:r>
              <a:rPr lang="en-GB" dirty="0"/>
              <a:t>24 matrices generated by ESG</a:t>
            </a:r>
          </a:p>
        </p:txBody>
      </p:sp>
      <p:sp>
        <p:nvSpPr>
          <p:cNvPr id="9" name="TextBox 8">
            <a:extLst>
              <a:ext uri="{FF2B5EF4-FFF2-40B4-BE49-F238E27FC236}">
                <a16:creationId xmlns:a16="http://schemas.microsoft.com/office/drawing/2014/main" id="{8654F508-8086-9DBB-7B21-73B5D1EB596F}"/>
              </a:ext>
            </a:extLst>
          </p:cNvPr>
          <p:cNvSpPr txBox="1"/>
          <p:nvPr/>
        </p:nvSpPr>
        <p:spPr>
          <a:xfrm>
            <a:off x="0" y="1608961"/>
            <a:ext cx="2558143" cy="1200329"/>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Correlation 𝜌:</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p:sp>
        <p:nvSpPr>
          <p:cNvPr id="12" name="TextBox 11">
            <a:extLst>
              <a:ext uri="{FF2B5EF4-FFF2-40B4-BE49-F238E27FC236}">
                <a16:creationId xmlns:a16="http://schemas.microsoft.com/office/drawing/2014/main" id="{18907627-D906-B81D-98AE-FC9A7EC8FE2A}"/>
              </a:ext>
            </a:extLst>
          </p:cNvPr>
          <p:cNvSpPr txBox="1"/>
          <p:nvPr/>
        </p:nvSpPr>
        <p:spPr>
          <a:xfrm>
            <a:off x="2959100" y="1608958"/>
            <a:ext cx="3136900" cy="1477328"/>
          </a:xfrm>
          <a:prstGeom prst="rect">
            <a:avLst/>
          </a:prstGeom>
          <a:noFill/>
        </p:spPr>
        <p:txBody>
          <a:bodyPr wrap="square">
            <a:spAutoFit/>
          </a:bodyPr>
          <a:lstStyle/>
          <a:p>
            <a:pPr marL="1028700" marR="0">
              <a:spcBef>
                <a:spcPts val="0"/>
              </a:spcBef>
              <a:spcAft>
                <a:spcPts val="0"/>
              </a:spcAft>
            </a:pPr>
            <a:r>
              <a:rPr lang="en-GB" b="1" dirty="0">
                <a:solidFill>
                  <a:srgbClr val="FF0000"/>
                </a:solidFill>
                <a:latin typeface="Calibri" panose="020F0502020204030204" pitchFamily="34" charset="0"/>
              </a:rPr>
              <a:t>M</a:t>
            </a:r>
            <a:r>
              <a:rPr lang="en-GB" sz="1800" b="1" dirty="0">
                <a:solidFill>
                  <a:srgbClr val="FF0000"/>
                </a:solidFill>
                <a:effectLst/>
                <a:latin typeface="Calibri" panose="020F0502020204030204" pitchFamily="34" charset="0"/>
              </a:rPr>
              <a:t>ean reversion level 𝜃:</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p:sp>
        <p:nvSpPr>
          <p:cNvPr id="13" name="TextBox 12">
            <a:extLst>
              <a:ext uri="{FF2B5EF4-FFF2-40B4-BE49-F238E27FC236}">
                <a16:creationId xmlns:a16="http://schemas.microsoft.com/office/drawing/2014/main" id="{D5A3B89C-E11E-60B5-64CC-3AE9A7D3FDDC}"/>
              </a:ext>
            </a:extLst>
          </p:cNvPr>
          <p:cNvSpPr txBox="1"/>
          <p:nvPr/>
        </p:nvSpPr>
        <p:spPr>
          <a:xfrm>
            <a:off x="5898820" y="1608958"/>
            <a:ext cx="3136900" cy="1477328"/>
          </a:xfrm>
          <a:prstGeom prst="rect">
            <a:avLst/>
          </a:prstGeom>
          <a:noFill/>
        </p:spPr>
        <p:txBody>
          <a:bodyPr wrap="square">
            <a:spAutoFit/>
          </a:bodyPr>
          <a:lstStyle/>
          <a:p>
            <a:pPr marL="1028700" marR="0">
              <a:spcBef>
                <a:spcPts val="0"/>
              </a:spcBef>
              <a:spcAft>
                <a:spcPts val="0"/>
              </a:spcAft>
            </a:pPr>
            <a:r>
              <a:rPr lang="en-GB" b="1" dirty="0">
                <a:solidFill>
                  <a:srgbClr val="FF0000"/>
                </a:solidFill>
                <a:latin typeface="Calibri" panose="020F0502020204030204" pitchFamily="34" charset="0"/>
              </a:rPr>
              <a:t>S</a:t>
            </a:r>
            <a:r>
              <a:rPr lang="en-GB" sz="1800" b="1" dirty="0">
                <a:solidFill>
                  <a:srgbClr val="FF0000"/>
                </a:solidFill>
                <a:effectLst/>
                <a:latin typeface="Calibri" panose="020F0502020204030204" pitchFamily="34" charset="0"/>
              </a:rPr>
              <a:t>peed of mean reversion 𝛼:</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p:sp>
        <p:nvSpPr>
          <p:cNvPr id="14" name="TextBox 13">
            <a:extLst>
              <a:ext uri="{FF2B5EF4-FFF2-40B4-BE49-F238E27FC236}">
                <a16:creationId xmlns:a16="http://schemas.microsoft.com/office/drawing/2014/main" id="{0F38C65E-3D9C-33F3-C23E-9AFA82F1B83E}"/>
              </a:ext>
            </a:extLst>
          </p:cNvPr>
          <p:cNvSpPr txBox="1"/>
          <p:nvPr/>
        </p:nvSpPr>
        <p:spPr>
          <a:xfrm>
            <a:off x="8749640" y="1608958"/>
            <a:ext cx="2558143" cy="1200329"/>
          </a:xfrm>
          <a:prstGeom prst="rect">
            <a:avLst/>
          </a:prstGeom>
          <a:noFill/>
        </p:spPr>
        <p:txBody>
          <a:bodyPr wrap="square">
            <a:spAutoFit/>
          </a:bodyPr>
          <a:lstStyle/>
          <a:p>
            <a:pPr marL="1028700" marR="0">
              <a:spcBef>
                <a:spcPts val="0"/>
              </a:spcBef>
              <a:spcAft>
                <a:spcPts val="0"/>
              </a:spcAft>
            </a:pPr>
            <a:r>
              <a:rPr lang="en-GB" b="1" dirty="0">
                <a:solidFill>
                  <a:srgbClr val="FF0000"/>
                </a:solidFill>
                <a:latin typeface="Calibri" panose="020F0502020204030204" pitchFamily="34" charset="0"/>
              </a:rPr>
              <a:t>V</a:t>
            </a:r>
            <a:r>
              <a:rPr lang="en-GB" sz="1800" b="1" dirty="0">
                <a:solidFill>
                  <a:srgbClr val="FF0000"/>
                </a:solidFill>
                <a:effectLst/>
                <a:latin typeface="Calibri" panose="020F0502020204030204" pitchFamily="34" charset="0"/>
              </a:rPr>
              <a:t>olatility 𝜉:</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30EC50EC-5AF9-E285-0F04-AA2779498552}"/>
                  </a:ext>
                </a:extLst>
              </p:cNvPr>
              <p:cNvSpPr txBox="1"/>
              <p:nvPr/>
            </p:nvSpPr>
            <p:spPr>
              <a:xfrm>
                <a:off x="-1" y="3801087"/>
                <a:ext cx="3048000" cy="1477328"/>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Initial value of the volatility </a:t>
                </a:r>
                <a14:m>
                  <m:oMath xmlns:m="http://schemas.openxmlformats.org/officeDocument/2006/math">
                    <m:sSub>
                      <m:sSubPr>
                        <m:ctrlPr>
                          <a:rPr lang="en-GB" sz="1800" b="1" i="1" smtClean="0">
                            <a:solidFill>
                              <a:srgbClr val="FF0000"/>
                            </a:solidFill>
                            <a:effectLst/>
                            <a:latin typeface="Cambria Math" panose="02040503050406030204" pitchFamily="18" charset="0"/>
                          </a:rPr>
                        </m:ctrlPr>
                      </m:sSubPr>
                      <m:e>
                        <m:r>
                          <a:rPr lang="en-GB" sz="1800" b="1" i="1" smtClean="0">
                            <a:solidFill>
                              <a:srgbClr val="FF0000"/>
                            </a:solidFill>
                            <a:effectLst/>
                            <a:latin typeface="Cambria Math" panose="02040503050406030204" pitchFamily="18" charset="0"/>
                          </a:rPr>
                          <m:t>𝝂</m:t>
                        </m:r>
                      </m:e>
                      <m:sub>
                        <m:r>
                          <a:rPr lang="en-GB" sz="1800" b="1" i="1" smtClean="0">
                            <a:solidFill>
                              <a:srgbClr val="FF0000"/>
                            </a:solidFill>
                            <a:effectLst/>
                            <a:latin typeface="Cambria Math" panose="02040503050406030204" pitchFamily="18" charset="0"/>
                          </a:rPr>
                          <m:t>𝟎</m:t>
                        </m:r>
                      </m:sub>
                    </m:sSub>
                  </m:oMath>
                </a14:m>
                <a:r>
                  <a:rPr lang="en-GB" sz="1800" b="1" dirty="0">
                    <a:solidFill>
                      <a:srgbClr val="FF0000"/>
                    </a:solidFill>
                    <a:effectLst/>
                    <a:latin typeface="Calibri" panose="020F0502020204030204" pitchFamily="34" charset="0"/>
                  </a:rPr>
                  <a:t>:</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Choice>
        <mc:Fallback xmlns="">
          <p:sp>
            <p:nvSpPr>
              <p:cNvPr id="15" name="TextBox 14">
                <a:extLst>
                  <a:ext uri="{FF2B5EF4-FFF2-40B4-BE49-F238E27FC236}">
                    <a16:creationId xmlns:a16="http://schemas.microsoft.com/office/drawing/2014/main" id="{30EC50EC-5AF9-E285-0F04-AA2779498552}"/>
                  </a:ext>
                </a:extLst>
              </p:cNvPr>
              <p:cNvSpPr txBox="1">
                <a:spLocks noRot="1" noChangeAspect="1" noMove="1" noResize="1" noEditPoints="1" noAdjustHandles="1" noChangeArrowheads="1" noChangeShapeType="1" noTextEdit="1"/>
              </p:cNvSpPr>
              <p:nvPr/>
            </p:nvSpPr>
            <p:spPr>
              <a:xfrm>
                <a:off x="-1" y="3801087"/>
                <a:ext cx="3048000" cy="1477328"/>
              </a:xfrm>
              <a:prstGeom prst="rect">
                <a:avLst/>
              </a:prstGeom>
              <a:blipFill>
                <a:blip r:embed="rId4"/>
                <a:stretch>
                  <a:fillRect t="-2479" b="-5785"/>
                </a:stretch>
              </a:blipFill>
            </p:spPr>
            <p:txBody>
              <a:bodyPr/>
              <a:lstStyle/>
              <a:p>
                <a:r>
                  <a:rPr lang="en-GB">
                    <a:noFill/>
                  </a:rPr>
                  <a:t> </a:t>
                </a:r>
              </a:p>
            </p:txBody>
          </p:sp>
        </mc:Fallback>
      </mc:AlternateContent>
      <p:sp>
        <p:nvSpPr>
          <p:cNvPr id="16" name="TextBox 15">
            <a:extLst>
              <a:ext uri="{FF2B5EF4-FFF2-40B4-BE49-F238E27FC236}">
                <a16:creationId xmlns:a16="http://schemas.microsoft.com/office/drawing/2014/main" id="{F9D3B7CC-4E09-65DA-4371-3C15A812CBAC}"/>
              </a:ext>
            </a:extLst>
          </p:cNvPr>
          <p:cNvSpPr txBox="1"/>
          <p:nvPr/>
        </p:nvSpPr>
        <p:spPr>
          <a:xfrm>
            <a:off x="2959100" y="3801087"/>
            <a:ext cx="2558143" cy="1477328"/>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Jump arrival rate 𝜆:</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6547C0F9-3521-37B0-ACCA-9F7834C56AF9}"/>
                  </a:ext>
                </a:extLst>
              </p:cNvPr>
              <p:cNvSpPr txBox="1"/>
              <p:nvPr/>
            </p:nvSpPr>
            <p:spPr>
              <a:xfrm>
                <a:off x="5898820" y="3801089"/>
                <a:ext cx="3048000" cy="1221553"/>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Jump mean </a:t>
                </a:r>
                <a14:m>
                  <m:oMath xmlns:m="http://schemas.openxmlformats.org/officeDocument/2006/math">
                    <m:sSub>
                      <m:sSubPr>
                        <m:ctrlPr>
                          <a:rPr lang="en-GB" sz="1800" b="1" i="1" smtClean="0">
                            <a:solidFill>
                              <a:srgbClr val="FF0000"/>
                            </a:solidFill>
                            <a:effectLst/>
                            <a:latin typeface="Cambria Math" panose="02040503050406030204" pitchFamily="18" charset="0"/>
                          </a:rPr>
                        </m:ctrlPr>
                      </m:sSubPr>
                      <m:e>
                        <m:r>
                          <a:rPr lang="en-GB" sz="1800" b="1" i="1" smtClean="0">
                            <a:solidFill>
                              <a:srgbClr val="FF0000"/>
                            </a:solidFill>
                            <a:effectLst/>
                            <a:latin typeface="Cambria Math" panose="02040503050406030204" pitchFamily="18" charset="0"/>
                          </a:rPr>
                          <m:t>𝝁</m:t>
                        </m:r>
                      </m:e>
                      <m:sub>
                        <m:r>
                          <a:rPr lang="en-GB" sz="1800" b="1" i="1" smtClean="0">
                            <a:solidFill>
                              <a:srgbClr val="FF0000"/>
                            </a:solidFill>
                            <a:effectLst/>
                            <a:latin typeface="Cambria Math" panose="02040503050406030204" pitchFamily="18" charset="0"/>
                          </a:rPr>
                          <m:t>𝑱</m:t>
                        </m:r>
                      </m:sub>
                    </m:sSub>
                  </m:oMath>
                </a14:m>
                <a:r>
                  <a:rPr lang="en-GB" sz="1800" b="1" dirty="0">
                    <a:solidFill>
                      <a:srgbClr val="FF0000"/>
                    </a:solidFill>
                    <a:effectLst/>
                    <a:latin typeface="Calibri" panose="020F0502020204030204" pitchFamily="34" charset="0"/>
                  </a:rPr>
                  <a:t>:</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Choice>
        <mc:Fallback xmlns="">
          <p:sp>
            <p:nvSpPr>
              <p:cNvPr id="17" name="TextBox 16">
                <a:extLst>
                  <a:ext uri="{FF2B5EF4-FFF2-40B4-BE49-F238E27FC236}">
                    <a16:creationId xmlns:a16="http://schemas.microsoft.com/office/drawing/2014/main" id="{6547C0F9-3521-37B0-ACCA-9F7834C56AF9}"/>
                  </a:ext>
                </a:extLst>
              </p:cNvPr>
              <p:cNvSpPr txBox="1">
                <a:spLocks noRot="1" noChangeAspect="1" noMove="1" noResize="1" noEditPoints="1" noAdjustHandles="1" noChangeArrowheads="1" noChangeShapeType="1" noTextEdit="1"/>
              </p:cNvSpPr>
              <p:nvPr/>
            </p:nvSpPr>
            <p:spPr>
              <a:xfrm>
                <a:off x="5898820" y="3801089"/>
                <a:ext cx="3048000" cy="1221553"/>
              </a:xfrm>
              <a:prstGeom prst="rect">
                <a:avLst/>
              </a:prstGeom>
              <a:blipFill>
                <a:blip r:embed="rId5"/>
                <a:stretch>
                  <a:fillRect t="-2500" b="-750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F4E1A4A7-93C0-864B-C5C7-D8C542B38C4C}"/>
                  </a:ext>
                </a:extLst>
              </p:cNvPr>
              <p:cNvSpPr txBox="1"/>
              <p:nvPr/>
            </p:nvSpPr>
            <p:spPr>
              <a:xfrm>
                <a:off x="8749640" y="3801089"/>
                <a:ext cx="3048000" cy="1248612"/>
              </a:xfrm>
              <a:prstGeom prst="rect">
                <a:avLst/>
              </a:prstGeom>
              <a:noFill/>
            </p:spPr>
            <p:txBody>
              <a:bodyPr wrap="square">
                <a:spAutoFit/>
              </a:bodyPr>
              <a:lstStyle/>
              <a:p>
                <a:pPr marL="1028700" marR="0">
                  <a:spcBef>
                    <a:spcPts val="0"/>
                  </a:spcBef>
                  <a:spcAft>
                    <a:spcPts val="0"/>
                  </a:spcAft>
                </a:pPr>
                <a:r>
                  <a:rPr lang="en-GB" sz="1800" b="1" dirty="0">
                    <a:solidFill>
                      <a:srgbClr val="FF0000"/>
                    </a:solidFill>
                    <a:effectLst/>
                    <a:latin typeface="Calibri" panose="020F0502020204030204" pitchFamily="34" charset="0"/>
                  </a:rPr>
                  <a:t>Jump variance </a:t>
                </a:r>
                <a14:m>
                  <m:oMath xmlns:m="http://schemas.openxmlformats.org/officeDocument/2006/math">
                    <m:sSubSup>
                      <m:sSubSupPr>
                        <m:ctrlPr>
                          <a:rPr lang="en-GB" sz="1800" b="1" i="1" smtClean="0">
                            <a:solidFill>
                              <a:srgbClr val="FF0000"/>
                            </a:solidFill>
                            <a:effectLst/>
                            <a:latin typeface="Cambria Math" panose="02040503050406030204" pitchFamily="18" charset="0"/>
                          </a:rPr>
                        </m:ctrlPr>
                      </m:sSubSupPr>
                      <m:e>
                        <m:r>
                          <a:rPr lang="en-GB" sz="1800" b="1" i="1" smtClean="0">
                            <a:solidFill>
                              <a:srgbClr val="FF0000"/>
                            </a:solidFill>
                            <a:effectLst/>
                            <a:latin typeface="Cambria Math" panose="02040503050406030204" pitchFamily="18" charset="0"/>
                          </a:rPr>
                          <m:t>𝝈</m:t>
                        </m:r>
                      </m:e>
                      <m:sub>
                        <m:r>
                          <a:rPr lang="en-GB" sz="1800" b="1" i="1" smtClean="0">
                            <a:solidFill>
                              <a:srgbClr val="FF0000"/>
                            </a:solidFill>
                            <a:effectLst/>
                            <a:latin typeface="Cambria Math" panose="02040503050406030204" pitchFamily="18" charset="0"/>
                          </a:rPr>
                          <m:t>𝑱</m:t>
                        </m:r>
                      </m:sub>
                      <m:sup>
                        <m:r>
                          <a:rPr lang="en-GB" sz="1800" b="1" i="1" smtClean="0">
                            <a:solidFill>
                              <a:srgbClr val="FF0000"/>
                            </a:solidFill>
                            <a:effectLst/>
                            <a:latin typeface="Cambria Math" panose="02040503050406030204" pitchFamily="18" charset="0"/>
                          </a:rPr>
                          <m:t>𝟐</m:t>
                        </m:r>
                      </m:sup>
                    </m:sSubSup>
                  </m:oMath>
                </a14:m>
                <a:r>
                  <a:rPr lang="en-GB" sz="1800" b="1" dirty="0">
                    <a:solidFill>
                      <a:srgbClr val="FF0000"/>
                    </a:solidFill>
                    <a:effectLst/>
                    <a:latin typeface="Calibri" panose="020F0502020204030204" pitchFamily="34" charset="0"/>
                  </a:rPr>
                  <a:t>:</a:t>
                </a:r>
                <a:endParaRPr lang="en-GB" sz="1800" dirty="0">
                  <a:solidFill>
                    <a:srgbClr val="FF0000"/>
                  </a:solidFill>
                  <a:effectLst/>
                  <a:latin typeface="Calibri" panose="020F0502020204030204" pitchFamily="34" charset="0"/>
                </a:endParaRPr>
              </a:p>
              <a:p>
                <a:pPr marL="1028700" marR="0">
                  <a:spcBef>
                    <a:spcPts val="0"/>
                  </a:spcBef>
                  <a:spcAft>
                    <a:spcPts val="0"/>
                  </a:spcAft>
                </a:pPr>
                <a:r>
                  <a:rPr lang="en-GB" sz="1800" b="1" dirty="0">
                    <a:effectLst/>
                    <a:latin typeface="Arial" panose="020B0604020202020204" pitchFamily="34" charset="0"/>
                  </a:rPr>
                  <a:t>▲ Max</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edian</a:t>
                </a:r>
                <a:endParaRPr lang="en-GB" sz="1800" dirty="0">
                  <a:effectLst/>
                  <a:latin typeface="Arial" panose="020B0604020202020204" pitchFamily="34" charset="0"/>
                </a:endParaRPr>
              </a:p>
              <a:p>
                <a:pPr marL="1028700" marR="0">
                  <a:spcBef>
                    <a:spcPts val="0"/>
                  </a:spcBef>
                  <a:spcAft>
                    <a:spcPts val="0"/>
                  </a:spcAft>
                </a:pPr>
                <a:r>
                  <a:rPr lang="en-GB" sz="1800" b="1" dirty="0">
                    <a:effectLst/>
                    <a:latin typeface="Arial" panose="020B0604020202020204" pitchFamily="34" charset="0"/>
                  </a:rPr>
                  <a:t>▲ Min</a:t>
                </a:r>
                <a:endParaRPr lang="en-GB" sz="1800" dirty="0">
                  <a:effectLst/>
                  <a:latin typeface="Arial" panose="020B0604020202020204" pitchFamily="34" charset="0"/>
                </a:endParaRPr>
              </a:p>
            </p:txBody>
          </p:sp>
        </mc:Choice>
        <mc:Fallback xmlns="">
          <p:sp>
            <p:nvSpPr>
              <p:cNvPr id="18" name="TextBox 17">
                <a:extLst>
                  <a:ext uri="{FF2B5EF4-FFF2-40B4-BE49-F238E27FC236}">
                    <a16:creationId xmlns:a16="http://schemas.microsoft.com/office/drawing/2014/main" id="{F4E1A4A7-93C0-864B-C5C7-D8C542B38C4C}"/>
                  </a:ext>
                </a:extLst>
              </p:cNvPr>
              <p:cNvSpPr txBox="1">
                <a:spLocks noRot="1" noChangeAspect="1" noMove="1" noResize="1" noEditPoints="1" noAdjustHandles="1" noChangeArrowheads="1" noChangeShapeType="1" noTextEdit="1"/>
              </p:cNvSpPr>
              <p:nvPr/>
            </p:nvSpPr>
            <p:spPr>
              <a:xfrm>
                <a:off x="8749640" y="3801089"/>
                <a:ext cx="3048000" cy="1248612"/>
              </a:xfrm>
              <a:prstGeom prst="rect">
                <a:avLst/>
              </a:prstGeom>
              <a:blipFill>
                <a:blip r:embed="rId6"/>
                <a:stretch>
                  <a:fillRect t="-980" b="-7353"/>
                </a:stretch>
              </a:blipFill>
            </p:spPr>
            <p:txBody>
              <a:bodyPr/>
              <a:lstStyle/>
              <a:p>
                <a:r>
                  <a:rPr lang="en-GB">
                    <a:noFill/>
                  </a:rPr>
                  <a:t> </a:t>
                </a:r>
              </a:p>
            </p:txBody>
          </p:sp>
        </mc:Fallback>
      </mc:AlternateContent>
    </p:spTree>
    <p:custDataLst>
      <p:tags r:id="rId1"/>
    </p:custDataLst>
    <p:extLst>
      <p:ext uri="{BB962C8B-B14F-4D97-AF65-F5344CB8AC3E}">
        <p14:creationId xmlns:p14="http://schemas.microsoft.com/office/powerpoint/2010/main" val="29414105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urton | Freeform | SlideID: 1936 | ID: 0"/>
          <p:cNvSpPr>
            <a:spLocks/>
          </p:cNvSpPr>
          <p:nvPr/>
        </p:nvSpPr>
        <p:spPr bwMode="auto">
          <a:xfrm>
            <a:off x="4804883" y="3057695"/>
            <a:ext cx="2474984" cy="1794159"/>
          </a:xfrm>
          <a:custGeom>
            <a:avLst/>
            <a:gdLst>
              <a:gd name="T0" fmla="*/ 836 w 885"/>
              <a:gd name="T1" fmla="*/ 0 h 641"/>
              <a:gd name="T2" fmla="*/ 742 w 885"/>
              <a:gd name="T3" fmla="*/ 414 h 641"/>
              <a:gd name="T4" fmla="*/ 670 w 885"/>
              <a:gd name="T5" fmla="*/ 471 h 641"/>
              <a:gd name="T6" fmla="*/ 670 w 885"/>
              <a:gd name="T7" fmla="*/ 471 h 641"/>
              <a:gd name="T8" fmla="*/ 720 w 885"/>
              <a:gd name="T9" fmla="*/ 521 h 641"/>
              <a:gd name="T10" fmla="*/ 132 w 885"/>
              <a:gd name="T11" fmla="*/ 462 h 641"/>
              <a:gd name="T12" fmla="*/ 0 w 885"/>
              <a:gd name="T13" fmla="*/ 594 h 641"/>
            </a:gdLst>
            <a:ahLst/>
            <a:cxnLst>
              <a:cxn ang="0">
                <a:pos x="T0" y="T1"/>
              </a:cxn>
              <a:cxn ang="0">
                <a:pos x="T2" y="T3"/>
              </a:cxn>
              <a:cxn ang="0">
                <a:pos x="T4" y="T5"/>
              </a:cxn>
              <a:cxn ang="0">
                <a:pos x="T6" y="T7"/>
              </a:cxn>
              <a:cxn ang="0">
                <a:pos x="T8" y="T9"/>
              </a:cxn>
              <a:cxn ang="0">
                <a:pos x="T10" y="T11"/>
              </a:cxn>
              <a:cxn ang="0">
                <a:pos x="T12" y="T13"/>
              </a:cxn>
            </a:cxnLst>
            <a:rect l="0" t="0" r="r" b="b"/>
            <a:pathLst>
              <a:path w="885" h="641">
                <a:moveTo>
                  <a:pt x="836" y="0"/>
                </a:moveTo>
                <a:cubicBezTo>
                  <a:pt x="885" y="140"/>
                  <a:pt x="854" y="302"/>
                  <a:pt x="742" y="414"/>
                </a:cubicBezTo>
                <a:cubicBezTo>
                  <a:pt x="720" y="436"/>
                  <a:pt x="696" y="455"/>
                  <a:pt x="670" y="471"/>
                </a:cubicBezTo>
                <a:cubicBezTo>
                  <a:pt x="670" y="471"/>
                  <a:pt x="670" y="471"/>
                  <a:pt x="670" y="471"/>
                </a:cubicBezTo>
                <a:cubicBezTo>
                  <a:pt x="720" y="521"/>
                  <a:pt x="720" y="521"/>
                  <a:pt x="720" y="521"/>
                </a:cubicBezTo>
                <a:cubicBezTo>
                  <a:pt x="539" y="641"/>
                  <a:pt x="292" y="622"/>
                  <a:pt x="132" y="462"/>
                </a:cubicBezTo>
                <a:cubicBezTo>
                  <a:pt x="0" y="594"/>
                  <a:pt x="0" y="594"/>
                  <a:pt x="0" y="594"/>
                </a:cubicBezTo>
              </a:path>
            </a:pathLst>
          </a:custGeom>
          <a:noFill/>
          <a:ln w="3810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0" name="Turton | Freeform | SlideID: 1936 | ID: 1"/>
          <p:cNvSpPr>
            <a:spLocks/>
          </p:cNvSpPr>
          <p:nvPr/>
        </p:nvSpPr>
        <p:spPr bwMode="auto">
          <a:xfrm>
            <a:off x="4804884" y="4568566"/>
            <a:ext cx="151553" cy="151553"/>
          </a:xfrm>
          <a:custGeom>
            <a:avLst/>
            <a:gdLst>
              <a:gd name="T0" fmla="*/ 130 w 130"/>
              <a:gd name="T1" fmla="*/ 84 h 130"/>
              <a:gd name="T2" fmla="*/ 0 w 130"/>
              <a:gd name="T3" fmla="*/ 130 h 130"/>
              <a:gd name="T4" fmla="*/ 46 w 130"/>
              <a:gd name="T5" fmla="*/ 0 h 130"/>
            </a:gdLst>
            <a:ahLst/>
            <a:cxnLst>
              <a:cxn ang="0">
                <a:pos x="T0" y="T1"/>
              </a:cxn>
              <a:cxn ang="0">
                <a:pos x="T2" y="T3"/>
              </a:cxn>
              <a:cxn ang="0">
                <a:pos x="T4" y="T5"/>
              </a:cxn>
            </a:cxnLst>
            <a:rect l="0" t="0" r="r" b="b"/>
            <a:pathLst>
              <a:path w="130" h="130">
                <a:moveTo>
                  <a:pt x="130" y="84"/>
                </a:moveTo>
                <a:lnTo>
                  <a:pt x="0" y="130"/>
                </a:lnTo>
                <a:lnTo>
                  <a:pt x="46" y="0"/>
                </a:lnTo>
              </a:path>
            </a:pathLst>
          </a:custGeom>
          <a:noFill/>
          <a:ln w="3810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7" name="Turton | Freeform | SlideID: 1936 | ID: 2"/>
          <p:cNvSpPr>
            <a:spLocks/>
          </p:cNvSpPr>
          <p:nvPr/>
        </p:nvSpPr>
        <p:spPr bwMode="auto">
          <a:xfrm>
            <a:off x="5725861" y="2243969"/>
            <a:ext cx="1791828" cy="2476151"/>
          </a:xfrm>
          <a:custGeom>
            <a:avLst/>
            <a:gdLst>
              <a:gd name="T0" fmla="*/ 0 w 641"/>
              <a:gd name="T1" fmla="*/ 49 h 885"/>
              <a:gd name="T2" fmla="*/ 413 w 641"/>
              <a:gd name="T3" fmla="*/ 143 h 885"/>
              <a:gd name="T4" fmla="*/ 470 w 641"/>
              <a:gd name="T5" fmla="*/ 215 h 885"/>
              <a:gd name="T6" fmla="*/ 470 w 641"/>
              <a:gd name="T7" fmla="*/ 215 h 885"/>
              <a:gd name="T8" fmla="*/ 520 w 641"/>
              <a:gd name="T9" fmla="*/ 165 h 885"/>
              <a:gd name="T10" fmla="*/ 462 w 641"/>
              <a:gd name="T11" fmla="*/ 753 h 885"/>
              <a:gd name="T12" fmla="*/ 593 w 641"/>
              <a:gd name="T13" fmla="*/ 885 h 885"/>
            </a:gdLst>
            <a:ahLst/>
            <a:cxnLst>
              <a:cxn ang="0">
                <a:pos x="T0" y="T1"/>
              </a:cxn>
              <a:cxn ang="0">
                <a:pos x="T2" y="T3"/>
              </a:cxn>
              <a:cxn ang="0">
                <a:pos x="T4" y="T5"/>
              </a:cxn>
              <a:cxn ang="0">
                <a:pos x="T6" y="T7"/>
              </a:cxn>
              <a:cxn ang="0">
                <a:pos x="T8" y="T9"/>
              </a:cxn>
              <a:cxn ang="0">
                <a:pos x="T10" y="T11"/>
              </a:cxn>
              <a:cxn ang="0">
                <a:pos x="T12" y="T13"/>
              </a:cxn>
            </a:cxnLst>
            <a:rect l="0" t="0" r="r" b="b"/>
            <a:pathLst>
              <a:path w="641" h="885">
                <a:moveTo>
                  <a:pt x="0" y="49"/>
                </a:moveTo>
                <a:cubicBezTo>
                  <a:pt x="139" y="0"/>
                  <a:pt x="301" y="31"/>
                  <a:pt x="413" y="143"/>
                </a:cubicBezTo>
                <a:cubicBezTo>
                  <a:pt x="436" y="165"/>
                  <a:pt x="455" y="189"/>
                  <a:pt x="470" y="215"/>
                </a:cubicBezTo>
                <a:cubicBezTo>
                  <a:pt x="470" y="215"/>
                  <a:pt x="470" y="215"/>
                  <a:pt x="470" y="215"/>
                </a:cubicBezTo>
                <a:cubicBezTo>
                  <a:pt x="520" y="165"/>
                  <a:pt x="520" y="165"/>
                  <a:pt x="520" y="165"/>
                </a:cubicBezTo>
                <a:cubicBezTo>
                  <a:pt x="641" y="346"/>
                  <a:pt x="621" y="593"/>
                  <a:pt x="462" y="753"/>
                </a:cubicBezTo>
                <a:cubicBezTo>
                  <a:pt x="593" y="885"/>
                  <a:pt x="593" y="885"/>
                  <a:pt x="593" y="885"/>
                </a:cubicBezTo>
              </a:path>
            </a:pathLst>
          </a:custGeom>
          <a:noFill/>
          <a:ln w="3810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1" name="Turton | Freeform | SlideID: 1936 | ID: 3"/>
          <p:cNvSpPr>
            <a:spLocks/>
          </p:cNvSpPr>
          <p:nvPr/>
        </p:nvSpPr>
        <p:spPr bwMode="auto">
          <a:xfrm>
            <a:off x="7235567" y="4568566"/>
            <a:ext cx="148056" cy="151553"/>
          </a:xfrm>
          <a:custGeom>
            <a:avLst/>
            <a:gdLst>
              <a:gd name="T0" fmla="*/ 81 w 127"/>
              <a:gd name="T1" fmla="*/ 0 h 130"/>
              <a:gd name="T2" fmla="*/ 127 w 127"/>
              <a:gd name="T3" fmla="*/ 130 h 130"/>
              <a:gd name="T4" fmla="*/ 0 w 127"/>
              <a:gd name="T5" fmla="*/ 84 h 130"/>
            </a:gdLst>
            <a:ahLst/>
            <a:cxnLst>
              <a:cxn ang="0">
                <a:pos x="T0" y="T1"/>
              </a:cxn>
              <a:cxn ang="0">
                <a:pos x="T2" y="T3"/>
              </a:cxn>
              <a:cxn ang="0">
                <a:pos x="T4" y="T5"/>
              </a:cxn>
            </a:cxnLst>
            <a:rect l="0" t="0" r="r" b="b"/>
            <a:pathLst>
              <a:path w="127" h="130">
                <a:moveTo>
                  <a:pt x="81" y="0"/>
                </a:moveTo>
                <a:lnTo>
                  <a:pt x="127" y="130"/>
                </a:lnTo>
                <a:lnTo>
                  <a:pt x="0" y="84"/>
                </a:lnTo>
              </a:path>
            </a:pathLst>
          </a:custGeom>
          <a:noFill/>
          <a:ln w="3810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8" name="Turton | Freeform | SlideID: 1936 | ID: 4"/>
          <p:cNvSpPr>
            <a:spLocks/>
          </p:cNvSpPr>
          <p:nvPr/>
        </p:nvSpPr>
        <p:spPr bwMode="auto">
          <a:xfrm>
            <a:off x="4908639" y="2006149"/>
            <a:ext cx="2474984" cy="1792993"/>
          </a:xfrm>
          <a:custGeom>
            <a:avLst/>
            <a:gdLst>
              <a:gd name="T0" fmla="*/ 50 w 885"/>
              <a:gd name="T1" fmla="*/ 641 h 641"/>
              <a:gd name="T2" fmla="*/ 143 w 885"/>
              <a:gd name="T3" fmla="*/ 228 h 641"/>
              <a:gd name="T4" fmla="*/ 216 w 885"/>
              <a:gd name="T5" fmla="*/ 170 h 641"/>
              <a:gd name="T6" fmla="*/ 216 w 885"/>
              <a:gd name="T7" fmla="*/ 170 h 641"/>
              <a:gd name="T8" fmla="*/ 166 w 885"/>
              <a:gd name="T9" fmla="*/ 121 h 641"/>
              <a:gd name="T10" fmla="*/ 754 w 885"/>
              <a:gd name="T11" fmla="*/ 179 h 641"/>
              <a:gd name="T12" fmla="*/ 885 w 885"/>
              <a:gd name="T13" fmla="*/ 48 h 641"/>
            </a:gdLst>
            <a:ahLst/>
            <a:cxnLst>
              <a:cxn ang="0">
                <a:pos x="T0" y="T1"/>
              </a:cxn>
              <a:cxn ang="0">
                <a:pos x="T2" y="T3"/>
              </a:cxn>
              <a:cxn ang="0">
                <a:pos x="T4" y="T5"/>
              </a:cxn>
              <a:cxn ang="0">
                <a:pos x="T6" y="T7"/>
              </a:cxn>
              <a:cxn ang="0">
                <a:pos x="T8" y="T9"/>
              </a:cxn>
              <a:cxn ang="0">
                <a:pos x="T10" y="T11"/>
              </a:cxn>
              <a:cxn ang="0">
                <a:pos x="T12" y="T13"/>
              </a:cxn>
            </a:cxnLst>
            <a:rect l="0" t="0" r="r" b="b"/>
            <a:pathLst>
              <a:path w="885" h="641">
                <a:moveTo>
                  <a:pt x="50" y="641"/>
                </a:moveTo>
                <a:cubicBezTo>
                  <a:pt x="0" y="502"/>
                  <a:pt x="31" y="340"/>
                  <a:pt x="143" y="228"/>
                </a:cubicBezTo>
                <a:cubicBezTo>
                  <a:pt x="166" y="205"/>
                  <a:pt x="190" y="186"/>
                  <a:pt x="216" y="170"/>
                </a:cubicBezTo>
                <a:cubicBezTo>
                  <a:pt x="216" y="170"/>
                  <a:pt x="216" y="170"/>
                  <a:pt x="216" y="170"/>
                </a:cubicBezTo>
                <a:cubicBezTo>
                  <a:pt x="166" y="121"/>
                  <a:pt x="166" y="121"/>
                  <a:pt x="166" y="121"/>
                </a:cubicBezTo>
                <a:cubicBezTo>
                  <a:pt x="347" y="0"/>
                  <a:pt x="594" y="19"/>
                  <a:pt x="754" y="179"/>
                </a:cubicBezTo>
                <a:cubicBezTo>
                  <a:pt x="885" y="48"/>
                  <a:pt x="885" y="48"/>
                  <a:pt x="885" y="48"/>
                </a:cubicBezTo>
              </a:path>
            </a:pathLst>
          </a:custGeom>
          <a:noFill/>
          <a:ln w="38100" cap="rnd">
            <a:solidFill>
              <a:schemeClr val="accent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2" name="Turton | Freeform | SlideID: 1936 | ID: 5"/>
          <p:cNvSpPr>
            <a:spLocks/>
          </p:cNvSpPr>
          <p:nvPr/>
        </p:nvSpPr>
        <p:spPr bwMode="auto">
          <a:xfrm>
            <a:off x="7235567" y="2140213"/>
            <a:ext cx="148056" cy="148056"/>
          </a:xfrm>
          <a:custGeom>
            <a:avLst/>
            <a:gdLst>
              <a:gd name="T0" fmla="*/ 0 w 127"/>
              <a:gd name="T1" fmla="*/ 45 h 127"/>
              <a:gd name="T2" fmla="*/ 127 w 127"/>
              <a:gd name="T3" fmla="*/ 0 h 127"/>
              <a:gd name="T4" fmla="*/ 81 w 127"/>
              <a:gd name="T5" fmla="*/ 127 h 127"/>
            </a:gdLst>
            <a:ahLst/>
            <a:cxnLst>
              <a:cxn ang="0">
                <a:pos x="T0" y="T1"/>
              </a:cxn>
              <a:cxn ang="0">
                <a:pos x="T2" y="T3"/>
              </a:cxn>
              <a:cxn ang="0">
                <a:pos x="T4" y="T5"/>
              </a:cxn>
            </a:cxnLst>
            <a:rect l="0" t="0" r="r" b="b"/>
            <a:pathLst>
              <a:path w="127" h="127">
                <a:moveTo>
                  <a:pt x="0" y="45"/>
                </a:moveTo>
                <a:lnTo>
                  <a:pt x="127" y="0"/>
                </a:lnTo>
                <a:lnTo>
                  <a:pt x="81" y="127"/>
                </a:lnTo>
              </a:path>
            </a:pathLst>
          </a:custGeom>
          <a:noFill/>
          <a:ln w="38100" cap="rnd">
            <a:solidFill>
              <a:schemeClr val="accent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9" name="Turton | Freeform | SlideID: 1936 | ID: 6"/>
          <p:cNvSpPr>
            <a:spLocks/>
          </p:cNvSpPr>
          <p:nvPr/>
        </p:nvSpPr>
        <p:spPr bwMode="auto">
          <a:xfrm>
            <a:off x="4674313" y="2140213"/>
            <a:ext cx="1791828" cy="2476151"/>
          </a:xfrm>
          <a:custGeom>
            <a:avLst/>
            <a:gdLst>
              <a:gd name="T0" fmla="*/ 641 w 641"/>
              <a:gd name="T1" fmla="*/ 835 h 885"/>
              <a:gd name="T2" fmla="*/ 227 w 641"/>
              <a:gd name="T3" fmla="*/ 742 h 885"/>
              <a:gd name="T4" fmla="*/ 170 w 641"/>
              <a:gd name="T5" fmla="*/ 669 h 885"/>
              <a:gd name="T6" fmla="*/ 170 w 641"/>
              <a:gd name="T7" fmla="*/ 669 h 885"/>
              <a:gd name="T8" fmla="*/ 120 w 641"/>
              <a:gd name="T9" fmla="*/ 719 h 885"/>
              <a:gd name="T10" fmla="*/ 179 w 641"/>
              <a:gd name="T11" fmla="*/ 131 h 885"/>
              <a:gd name="T12" fmla="*/ 47 w 641"/>
              <a:gd name="T13" fmla="*/ 0 h 885"/>
            </a:gdLst>
            <a:ahLst/>
            <a:cxnLst>
              <a:cxn ang="0">
                <a:pos x="T0" y="T1"/>
              </a:cxn>
              <a:cxn ang="0">
                <a:pos x="T2" y="T3"/>
              </a:cxn>
              <a:cxn ang="0">
                <a:pos x="T4" y="T5"/>
              </a:cxn>
              <a:cxn ang="0">
                <a:pos x="T6" y="T7"/>
              </a:cxn>
              <a:cxn ang="0">
                <a:pos x="T8" y="T9"/>
              </a:cxn>
              <a:cxn ang="0">
                <a:pos x="T10" y="T11"/>
              </a:cxn>
              <a:cxn ang="0">
                <a:pos x="T12" y="T13"/>
              </a:cxn>
            </a:cxnLst>
            <a:rect l="0" t="0" r="r" b="b"/>
            <a:pathLst>
              <a:path w="641" h="885">
                <a:moveTo>
                  <a:pt x="641" y="835"/>
                </a:moveTo>
                <a:cubicBezTo>
                  <a:pt x="501" y="885"/>
                  <a:pt x="339" y="854"/>
                  <a:pt x="227" y="742"/>
                </a:cubicBezTo>
                <a:cubicBezTo>
                  <a:pt x="205" y="719"/>
                  <a:pt x="186" y="695"/>
                  <a:pt x="170" y="669"/>
                </a:cubicBezTo>
                <a:cubicBezTo>
                  <a:pt x="170" y="669"/>
                  <a:pt x="170" y="669"/>
                  <a:pt x="170" y="669"/>
                </a:cubicBezTo>
                <a:cubicBezTo>
                  <a:pt x="120" y="719"/>
                  <a:pt x="120" y="719"/>
                  <a:pt x="120" y="719"/>
                </a:cubicBezTo>
                <a:cubicBezTo>
                  <a:pt x="0" y="538"/>
                  <a:pt x="19" y="291"/>
                  <a:pt x="179" y="131"/>
                </a:cubicBezTo>
                <a:cubicBezTo>
                  <a:pt x="47" y="0"/>
                  <a:pt x="47" y="0"/>
                  <a:pt x="47" y="0"/>
                </a:cubicBezTo>
              </a:path>
            </a:pathLst>
          </a:custGeom>
          <a:noFill/>
          <a:ln w="3810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3" name="Turton | Freeform | SlideID: 1936 | ID: 7"/>
          <p:cNvSpPr>
            <a:spLocks/>
          </p:cNvSpPr>
          <p:nvPr/>
        </p:nvSpPr>
        <p:spPr bwMode="auto">
          <a:xfrm>
            <a:off x="4804882" y="2140213"/>
            <a:ext cx="151553" cy="148056"/>
          </a:xfrm>
          <a:custGeom>
            <a:avLst/>
            <a:gdLst>
              <a:gd name="T0" fmla="*/ 46 w 130"/>
              <a:gd name="T1" fmla="*/ 127 h 127"/>
              <a:gd name="T2" fmla="*/ 0 w 130"/>
              <a:gd name="T3" fmla="*/ 0 h 127"/>
              <a:gd name="T4" fmla="*/ 130 w 130"/>
              <a:gd name="T5" fmla="*/ 45 h 127"/>
            </a:gdLst>
            <a:ahLst/>
            <a:cxnLst>
              <a:cxn ang="0">
                <a:pos x="T0" y="T1"/>
              </a:cxn>
              <a:cxn ang="0">
                <a:pos x="T2" y="T3"/>
              </a:cxn>
              <a:cxn ang="0">
                <a:pos x="T4" y="T5"/>
              </a:cxn>
            </a:cxnLst>
            <a:rect l="0" t="0" r="r" b="b"/>
            <a:pathLst>
              <a:path w="130" h="127">
                <a:moveTo>
                  <a:pt x="46" y="127"/>
                </a:moveTo>
                <a:lnTo>
                  <a:pt x="0" y="0"/>
                </a:lnTo>
                <a:lnTo>
                  <a:pt x="130" y="45"/>
                </a:lnTo>
              </a:path>
            </a:pathLst>
          </a:custGeom>
          <a:noFill/>
          <a:ln w="3810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22" name="Turton | Placeholder | SlideID: 1936 | ID: 9">
            <a:extLst>
              <a:ext uri="{FF2B5EF4-FFF2-40B4-BE49-F238E27FC236}">
                <a16:creationId xmlns:a16="http://schemas.microsoft.com/office/drawing/2014/main" id="{8680BC58-23E5-4287-A971-039062D2C9A8}"/>
              </a:ext>
            </a:extLst>
          </p:cNvPr>
          <p:cNvSpPr>
            <a:spLocks noGrp="1"/>
          </p:cNvSpPr>
          <p:nvPr>
            <p:ph type="body" sz="quarter" idx="26"/>
          </p:nvPr>
        </p:nvSpPr>
        <p:spPr>
          <a:xfrm>
            <a:off x="7728858" y="2074494"/>
            <a:ext cx="3817738" cy="1089668"/>
          </a:xfrm>
        </p:spPr>
        <p:txBody>
          <a:bodyPr/>
          <a:lstStyle/>
          <a:p>
            <a:r>
              <a:rPr lang="en-GB" dirty="0"/>
              <a:t>- Volatility Smile visualisation</a:t>
            </a:r>
          </a:p>
        </p:txBody>
      </p:sp>
      <p:sp>
        <p:nvSpPr>
          <p:cNvPr id="5" name="Turton | Placeholder | SlideID: 1936 | ID: 10">
            <a:extLst>
              <a:ext uri="{FF2B5EF4-FFF2-40B4-BE49-F238E27FC236}">
                <a16:creationId xmlns:a16="http://schemas.microsoft.com/office/drawing/2014/main" id="{79E5BE66-4348-46E2-9C55-012F67CEEE4C}"/>
              </a:ext>
            </a:extLst>
          </p:cNvPr>
          <p:cNvSpPr>
            <a:spLocks noGrp="1"/>
          </p:cNvSpPr>
          <p:nvPr>
            <p:ph type="body" sz="quarter" idx="27"/>
          </p:nvPr>
        </p:nvSpPr>
        <p:spPr>
          <a:xfrm>
            <a:off x="7728857" y="984826"/>
            <a:ext cx="4285825" cy="981404"/>
          </a:xfrm>
        </p:spPr>
        <p:txBody>
          <a:bodyPr>
            <a:noAutofit/>
          </a:bodyPr>
          <a:lstStyle/>
          <a:p>
            <a:r>
              <a:rPr lang="en-GB" sz="3300" b="1" dirty="0"/>
              <a:t>2. Implied Volatility Check</a:t>
            </a:r>
          </a:p>
        </p:txBody>
      </p:sp>
      <p:sp>
        <p:nvSpPr>
          <p:cNvPr id="21" name="Turton | Placeholder | SlideID: 1936 | ID: 11">
            <a:extLst>
              <a:ext uri="{FF2B5EF4-FFF2-40B4-BE49-F238E27FC236}">
                <a16:creationId xmlns:a16="http://schemas.microsoft.com/office/drawing/2014/main" id="{793D7DE4-669F-4A3A-A288-36BD59E84B63}"/>
              </a:ext>
            </a:extLst>
          </p:cNvPr>
          <p:cNvSpPr>
            <a:spLocks noGrp="1"/>
          </p:cNvSpPr>
          <p:nvPr>
            <p:ph type="body" sz="quarter" idx="28"/>
          </p:nvPr>
        </p:nvSpPr>
        <p:spPr>
          <a:xfrm>
            <a:off x="7705128" y="4956850"/>
            <a:ext cx="3973399" cy="1089668"/>
          </a:xfrm>
        </p:spPr>
        <p:txBody>
          <a:bodyPr/>
          <a:lstStyle/>
          <a:p>
            <a:pPr marL="342900" indent="-342900" algn="l">
              <a:buFontTx/>
              <a:buChar char="-"/>
            </a:pPr>
            <a:r>
              <a:rPr lang="en-GB" dirty="0"/>
              <a:t>Linear Regression Model</a:t>
            </a:r>
          </a:p>
          <a:p>
            <a:pPr marL="342900" indent="-342900" algn="l">
              <a:buFontTx/>
              <a:buChar char="-"/>
            </a:pPr>
            <a:r>
              <a:rPr lang="en-GB" dirty="0"/>
              <a:t>Conclusion</a:t>
            </a:r>
          </a:p>
        </p:txBody>
      </p:sp>
      <p:sp>
        <p:nvSpPr>
          <p:cNvPr id="4" name="Turton | Placeholder | SlideID: 1936 | ID: 12">
            <a:extLst>
              <a:ext uri="{FF2B5EF4-FFF2-40B4-BE49-F238E27FC236}">
                <a16:creationId xmlns:a16="http://schemas.microsoft.com/office/drawing/2014/main" id="{3D152FE2-B691-410F-B430-31EA9DBCB17F}"/>
              </a:ext>
            </a:extLst>
          </p:cNvPr>
          <p:cNvSpPr>
            <a:spLocks noGrp="1"/>
          </p:cNvSpPr>
          <p:nvPr>
            <p:ph type="body" sz="quarter" idx="29"/>
          </p:nvPr>
        </p:nvSpPr>
        <p:spPr>
          <a:xfrm>
            <a:off x="7561898" y="4483387"/>
            <a:ext cx="4285826" cy="473463"/>
          </a:xfrm>
        </p:spPr>
        <p:txBody>
          <a:bodyPr>
            <a:noAutofit/>
          </a:bodyPr>
          <a:lstStyle/>
          <a:p>
            <a:r>
              <a:rPr lang="en-GB" sz="2200" dirty="0"/>
              <a:t>4. Parameter redundancy Part II</a:t>
            </a:r>
          </a:p>
        </p:txBody>
      </p:sp>
      <p:sp>
        <p:nvSpPr>
          <p:cNvPr id="20" name="Turton | Placeholder | SlideID: 1936 | ID: 13">
            <a:extLst>
              <a:ext uri="{FF2B5EF4-FFF2-40B4-BE49-F238E27FC236}">
                <a16:creationId xmlns:a16="http://schemas.microsoft.com/office/drawing/2014/main" id="{FDE96550-22EF-4205-80FD-14C31A3F9565}"/>
              </a:ext>
            </a:extLst>
          </p:cNvPr>
          <p:cNvSpPr>
            <a:spLocks noGrp="1"/>
          </p:cNvSpPr>
          <p:nvPr>
            <p:ph type="body" sz="quarter" idx="34"/>
          </p:nvPr>
        </p:nvSpPr>
        <p:spPr>
          <a:xfrm>
            <a:off x="513473" y="4956850"/>
            <a:ext cx="3624943" cy="1724648"/>
          </a:xfrm>
        </p:spPr>
        <p:txBody>
          <a:bodyPr>
            <a:noAutofit/>
          </a:bodyPr>
          <a:lstStyle/>
          <a:p>
            <a:pPr marL="342900" indent="-342900" algn="r">
              <a:buFontTx/>
              <a:buChar char="-"/>
            </a:pPr>
            <a:r>
              <a:rPr lang="en-GB" sz="1870" dirty="0"/>
              <a:t>Sensitivity check</a:t>
            </a:r>
          </a:p>
          <a:p>
            <a:pPr marL="342900" indent="-342900" algn="r">
              <a:buFontTx/>
              <a:buChar char="-"/>
            </a:pPr>
            <a:r>
              <a:rPr lang="en-GB" sz="1870" dirty="0"/>
              <a:t>Data normalisation</a:t>
            </a:r>
          </a:p>
          <a:p>
            <a:pPr marL="342900" indent="-342900" algn="r">
              <a:buFontTx/>
              <a:buChar char="-"/>
            </a:pPr>
            <a:r>
              <a:rPr lang="en-GB" sz="1870" dirty="0"/>
              <a:t>Data visualisation</a:t>
            </a:r>
          </a:p>
          <a:p>
            <a:pPr marL="342900" indent="-342900" algn="r">
              <a:buFontTx/>
              <a:buChar char="-"/>
            </a:pPr>
            <a:r>
              <a:rPr lang="en-GB" sz="1870" dirty="0"/>
              <a:t>Conclusion </a:t>
            </a:r>
          </a:p>
        </p:txBody>
      </p:sp>
      <p:sp>
        <p:nvSpPr>
          <p:cNvPr id="18" name="Turton | Placeholder | SlideID: 1936 | ID: 14">
            <a:extLst>
              <a:ext uri="{FF2B5EF4-FFF2-40B4-BE49-F238E27FC236}">
                <a16:creationId xmlns:a16="http://schemas.microsoft.com/office/drawing/2014/main" id="{BFAD4F75-D25D-46CC-AC09-34FB11D43B52}"/>
              </a:ext>
            </a:extLst>
          </p:cNvPr>
          <p:cNvSpPr>
            <a:spLocks noGrp="1"/>
          </p:cNvSpPr>
          <p:nvPr>
            <p:ph type="body" sz="quarter" idx="35"/>
          </p:nvPr>
        </p:nvSpPr>
        <p:spPr>
          <a:xfrm>
            <a:off x="174130" y="4498950"/>
            <a:ext cx="4648200" cy="435347"/>
          </a:xfrm>
        </p:spPr>
        <p:txBody>
          <a:bodyPr>
            <a:normAutofit/>
          </a:bodyPr>
          <a:lstStyle/>
          <a:p>
            <a:r>
              <a:rPr lang="en-GB" sz="2200" dirty="0"/>
              <a:t>3. Parameter redundancy Part I</a:t>
            </a:r>
          </a:p>
        </p:txBody>
      </p:sp>
      <p:sp>
        <p:nvSpPr>
          <p:cNvPr id="19" name="Turton | Placeholder | SlideID: 1936 | ID: 15">
            <a:extLst>
              <a:ext uri="{FF2B5EF4-FFF2-40B4-BE49-F238E27FC236}">
                <a16:creationId xmlns:a16="http://schemas.microsoft.com/office/drawing/2014/main" id="{1B354204-9D49-4705-9FD8-DC8F8358926F}"/>
              </a:ext>
            </a:extLst>
          </p:cNvPr>
          <p:cNvSpPr>
            <a:spLocks noGrp="1"/>
          </p:cNvSpPr>
          <p:nvPr>
            <p:ph type="body" sz="quarter" idx="36"/>
          </p:nvPr>
        </p:nvSpPr>
        <p:spPr>
          <a:xfrm>
            <a:off x="0" y="2074494"/>
            <a:ext cx="4035455" cy="1724648"/>
          </a:xfrm>
        </p:spPr>
        <p:txBody>
          <a:bodyPr>
            <a:normAutofit/>
          </a:bodyPr>
          <a:lstStyle/>
          <a:p>
            <a:pPr marL="342900" indent="-342900">
              <a:buFontTx/>
              <a:buChar char="-"/>
            </a:pPr>
            <a:r>
              <a:rPr lang="en-GB" dirty="0"/>
              <a:t>24 matrices generated by ESG</a:t>
            </a:r>
          </a:p>
          <a:p>
            <a:pPr marL="678640" lvl="1" indent="-342900">
              <a:buFont typeface="Courier New" panose="02070309020205020404" pitchFamily="49" charset="0"/>
              <a:buChar char="o"/>
            </a:pPr>
            <a:r>
              <a:rPr lang="en-GB" dirty="0"/>
              <a:t>There are 8 parameters, and each parameter has 3 files</a:t>
            </a:r>
          </a:p>
          <a:p>
            <a:pPr marL="342900" indent="-342900">
              <a:buFontTx/>
              <a:buChar char="-"/>
            </a:pPr>
            <a:r>
              <a:rPr lang="en-GB" dirty="0"/>
              <a:t>9,328 volatilities of combination of 16 Maturities and 11 Strikes.</a:t>
            </a:r>
          </a:p>
          <a:p>
            <a:pPr marL="342900" indent="-342900">
              <a:buFontTx/>
              <a:buChar char="-"/>
            </a:pPr>
            <a:endParaRPr lang="en-GB" dirty="0"/>
          </a:p>
        </p:txBody>
      </p:sp>
      <p:sp>
        <p:nvSpPr>
          <p:cNvPr id="3" name="Turton | Placeholder | SlideID: 1936 | ID: 16">
            <a:extLst>
              <a:ext uri="{FF2B5EF4-FFF2-40B4-BE49-F238E27FC236}">
                <a16:creationId xmlns:a16="http://schemas.microsoft.com/office/drawing/2014/main" id="{9A888AFF-4D18-45FD-89FA-331FF8402EC5}"/>
              </a:ext>
            </a:extLst>
          </p:cNvPr>
          <p:cNvSpPr>
            <a:spLocks noGrp="1"/>
          </p:cNvSpPr>
          <p:nvPr>
            <p:ph type="body" sz="quarter" idx="37"/>
          </p:nvPr>
        </p:nvSpPr>
        <p:spPr>
          <a:xfrm>
            <a:off x="1321868" y="1630372"/>
            <a:ext cx="2703961" cy="336956"/>
          </a:xfrm>
        </p:spPr>
        <p:txBody>
          <a:bodyPr>
            <a:normAutofit fontScale="92500" lnSpcReduction="20000"/>
          </a:bodyPr>
          <a:lstStyle/>
          <a:p>
            <a:r>
              <a:rPr lang="en-GB" sz="2400" dirty="0"/>
              <a:t>1. Data Structure</a:t>
            </a:r>
          </a:p>
        </p:txBody>
      </p:sp>
      <p:sp>
        <p:nvSpPr>
          <p:cNvPr id="16" name="Turton | Placeholder | SlideID: 1936 | ID: 8">
            <a:extLst>
              <a:ext uri="{FF2B5EF4-FFF2-40B4-BE49-F238E27FC236}">
                <a16:creationId xmlns:a16="http://schemas.microsoft.com/office/drawing/2014/main" id="{7DDF4874-8EBC-02F7-FF47-F40F9ADF8C49}"/>
              </a:ext>
            </a:extLst>
          </p:cNvPr>
          <p:cNvSpPr>
            <a:spLocks noGrp="1"/>
          </p:cNvSpPr>
          <p:nvPr>
            <p:ph type="title"/>
          </p:nvPr>
        </p:nvSpPr>
        <p:spPr>
          <a:xfrm>
            <a:off x="312427" y="255993"/>
            <a:ext cx="3432259" cy="998499"/>
          </a:xfrm>
        </p:spPr>
        <p:txBody>
          <a:bodyPr>
            <a:noAutofit/>
          </a:bodyPr>
          <a:lstStyle/>
          <a:p>
            <a:r>
              <a:rPr lang="en-GB" sz="3600" dirty="0"/>
              <a:t>Data Analysing</a:t>
            </a:r>
          </a:p>
        </p:txBody>
      </p:sp>
    </p:spTree>
    <p:custDataLst>
      <p:tags r:id="rId1"/>
    </p:custDataLst>
    <p:extLst>
      <p:ext uri="{BB962C8B-B14F-4D97-AF65-F5344CB8AC3E}">
        <p14:creationId xmlns:p14="http://schemas.microsoft.com/office/powerpoint/2010/main" val="297507346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urton | Placeholder | SlideID: 1936 | ID: 8">
            <a:extLst>
              <a:ext uri="{FF2B5EF4-FFF2-40B4-BE49-F238E27FC236}">
                <a16:creationId xmlns:a16="http://schemas.microsoft.com/office/drawing/2014/main" id="{19FF3EA2-44AF-4D34-4EEE-7F75ACBD7298}"/>
              </a:ext>
            </a:extLst>
          </p:cNvPr>
          <p:cNvSpPr>
            <a:spLocks noGrp="1"/>
          </p:cNvSpPr>
          <p:nvPr>
            <p:ph type="title"/>
          </p:nvPr>
        </p:nvSpPr>
        <p:spPr>
          <a:xfrm>
            <a:off x="312427" y="255993"/>
            <a:ext cx="4970773" cy="998499"/>
          </a:xfrm>
        </p:spPr>
        <p:txBody>
          <a:bodyPr>
            <a:noAutofit/>
          </a:bodyPr>
          <a:lstStyle/>
          <a:p>
            <a:r>
              <a:rPr lang="en-GB" sz="2800" dirty="0">
                <a:solidFill>
                  <a:srgbClr val="FF0000"/>
                </a:solidFill>
              </a:rPr>
              <a:t>2. Implied Volatility Check</a:t>
            </a:r>
          </a:p>
        </p:txBody>
      </p:sp>
      <p:sp>
        <p:nvSpPr>
          <p:cNvPr id="2" name="TextBox 1">
            <a:extLst>
              <a:ext uri="{FF2B5EF4-FFF2-40B4-BE49-F238E27FC236}">
                <a16:creationId xmlns:a16="http://schemas.microsoft.com/office/drawing/2014/main" id="{788C2420-CF1B-DA54-4BF5-F9859FFFB9AC}"/>
              </a:ext>
            </a:extLst>
          </p:cNvPr>
          <p:cNvSpPr txBox="1"/>
          <p:nvPr/>
        </p:nvSpPr>
        <p:spPr>
          <a:xfrm>
            <a:off x="593851" y="1069826"/>
            <a:ext cx="7308850" cy="369332"/>
          </a:xfrm>
          <a:prstGeom prst="rect">
            <a:avLst/>
          </a:prstGeom>
          <a:noFill/>
        </p:spPr>
        <p:txBody>
          <a:bodyPr wrap="square">
            <a:spAutoFit/>
          </a:bodyPr>
          <a:lstStyle/>
          <a:p>
            <a:pPr marL="342900" indent="-342900">
              <a:buFontTx/>
              <a:buChar char="-"/>
            </a:pPr>
            <a:r>
              <a:rPr lang="en-GB" dirty="0"/>
              <a:t>Easy example shown on Investopedia:</a:t>
            </a:r>
          </a:p>
        </p:txBody>
      </p:sp>
      <p:pic>
        <p:nvPicPr>
          <p:cNvPr id="4" name="Picture 3" descr="A diagram of a profit&#10;&#10;Description automatically generated">
            <a:extLst>
              <a:ext uri="{FF2B5EF4-FFF2-40B4-BE49-F238E27FC236}">
                <a16:creationId xmlns:a16="http://schemas.microsoft.com/office/drawing/2014/main" id="{60792E64-3DA6-6198-3145-FF4DC6AD3B07}"/>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564857" y="1603824"/>
            <a:ext cx="7062285" cy="4472781"/>
          </a:xfrm>
          <a:prstGeom prst="rect">
            <a:avLst/>
          </a:prstGeom>
        </p:spPr>
      </p:pic>
    </p:spTree>
    <p:custDataLst>
      <p:tags r:id="rId1"/>
    </p:custDataLst>
    <p:extLst>
      <p:ext uri="{BB962C8B-B14F-4D97-AF65-F5344CB8AC3E}">
        <p14:creationId xmlns:p14="http://schemas.microsoft.com/office/powerpoint/2010/main" val="110837228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9" name="Rectangle 41">
            <a:extLst>
              <a:ext uri="{FF2B5EF4-FFF2-40B4-BE49-F238E27FC236}">
                <a16:creationId xmlns:a16="http://schemas.microsoft.com/office/drawing/2014/main" id="{664E23E2-7440-4E36-A67B-0F88C5F7E18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tx1">
              <a:lumMod val="50000"/>
              <a:lumOff val="50000"/>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 name="Rectangle 43">
            <a:extLst>
              <a:ext uri="{FF2B5EF4-FFF2-40B4-BE49-F238E27FC236}">
                <a16:creationId xmlns:a16="http://schemas.microsoft.com/office/drawing/2014/main" id="{B06949AE-010D-4C18-8AED-7872085ADD5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7012" y="487090"/>
            <a:ext cx="5458121" cy="5897880"/>
          </a:xfrm>
          <a:prstGeom prst="rect">
            <a:avLst/>
          </a:prstGeom>
          <a:solidFill>
            <a:srgbClr val="FFFFFF"/>
          </a:solidFill>
          <a:ln w="19050">
            <a:solidFill>
              <a:srgbClr val="F3FC2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45">
            <a:extLst>
              <a:ext uri="{FF2B5EF4-FFF2-40B4-BE49-F238E27FC236}">
                <a16:creationId xmlns:a16="http://schemas.microsoft.com/office/drawing/2014/main" id="{FE54AADB-50C7-4293-94C0-27361A32B8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256866" y="480060"/>
            <a:ext cx="5458121" cy="5897880"/>
          </a:xfrm>
          <a:prstGeom prst="rect">
            <a:avLst/>
          </a:prstGeom>
          <a:solidFill>
            <a:srgbClr val="FFFFFF"/>
          </a:solidFill>
          <a:ln w="19050">
            <a:solidFill>
              <a:srgbClr val="F3FC2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descr="A screenshot of a computer&#10;&#10;Description automatically generated">
            <a:extLst>
              <a:ext uri="{FF2B5EF4-FFF2-40B4-BE49-F238E27FC236}">
                <a16:creationId xmlns:a16="http://schemas.microsoft.com/office/drawing/2014/main" id="{196B7BED-6D41-BE66-D309-E1BFEF691C41}"/>
              </a:ext>
            </a:extLst>
          </p:cNvPr>
          <p:cNvPicPr>
            <a:picLocks noChangeAspect="1"/>
          </p:cNvPicPr>
          <p:nvPr/>
        </p:nvPicPr>
        <p:blipFill>
          <a:blip r:embed="rId2">
            <a:extLst>
              <a:ext uri="{28A0092B-C50C-407E-A947-70E740481C1C}">
                <a14:useLocalDpi xmlns:a14="http://schemas.microsoft.com/office/drawing/2010/main" val="0"/>
              </a:ext>
            </a:extLst>
          </a:blip>
          <a:stretch/>
        </p:blipFill>
        <p:spPr>
          <a:xfrm>
            <a:off x="641180" y="2358158"/>
            <a:ext cx="5129784" cy="2141684"/>
          </a:xfrm>
          <a:prstGeom prst="rect">
            <a:avLst/>
          </a:prstGeom>
        </p:spPr>
      </p:pic>
      <p:pic>
        <p:nvPicPr>
          <p:cNvPr id="13" name="Picture 12" descr="A graph with a colorful curve&#10;&#10;Description automatically generated with medium confidence">
            <a:extLst>
              <a:ext uri="{FF2B5EF4-FFF2-40B4-BE49-F238E27FC236}">
                <a16:creationId xmlns:a16="http://schemas.microsoft.com/office/drawing/2014/main" id="{1A75E8E1-7041-B05D-1A0B-2FED3FAA47D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21036" y="1237631"/>
            <a:ext cx="5129784" cy="4193597"/>
          </a:xfrm>
          <a:prstGeom prst="rect">
            <a:avLst/>
          </a:prstGeom>
        </p:spPr>
      </p:pic>
    </p:spTree>
    <p:extLst>
      <p:ext uri="{BB962C8B-B14F-4D97-AF65-F5344CB8AC3E}">
        <p14:creationId xmlns:p14="http://schemas.microsoft.com/office/powerpoint/2010/main" val="388985987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urton | Freeform | SlideID: 1936 | ID: 0"/>
          <p:cNvSpPr>
            <a:spLocks/>
          </p:cNvSpPr>
          <p:nvPr/>
        </p:nvSpPr>
        <p:spPr bwMode="auto">
          <a:xfrm>
            <a:off x="4804883" y="3057695"/>
            <a:ext cx="2474984" cy="1794159"/>
          </a:xfrm>
          <a:custGeom>
            <a:avLst/>
            <a:gdLst>
              <a:gd name="T0" fmla="*/ 836 w 885"/>
              <a:gd name="T1" fmla="*/ 0 h 641"/>
              <a:gd name="T2" fmla="*/ 742 w 885"/>
              <a:gd name="T3" fmla="*/ 414 h 641"/>
              <a:gd name="T4" fmla="*/ 670 w 885"/>
              <a:gd name="T5" fmla="*/ 471 h 641"/>
              <a:gd name="T6" fmla="*/ 670 w 885"/>
              <a:gd name="T7" fmla="*/ 471 h 641"/>
              <a:gd name="T8" fmla="*/ 720 w 885"/>
              <a:gd name="T9" fmla="*/ 521 h 641"/>
              <a:gd name="T10" fmla="*/ 132 w 885"/>
              <a:gd name="T11" fmla="*/ 462 h 641"/>
              <a:gd name="T12" fmla="*/ 0 w 885"/>
              <a:gd name="T13" fmla="*/ 594 h 641"/>
            </a:gdLst>
            <a:ahLst/>
            <a:cxnLst>
              <a:cxn ang="0">
                <a:pos x="T0" y="T1"/>
              </a:cxn>
              <a:cxn ang="0">
                <a:pos x="T2" y="T3"/>
              </a:cxn>
              <a:cxn ang="0">
                <a:pos x="T4" y="T5"/>
              </a:cxn>
              <a:cxn ang="0">
                <a:pos x="T6" y="T7"/>
              </a:cxn>
              <a:cxn ang="0">
                <a:pos x="T8" y="T9"/>
              </a:cxn>
              <a:cxn ang="0">
                <a:pos x="T10" y="T11"/>
              </a:cxn>
              <a:cxn ang="0">
                <a:pos x="T12" y="T13"/>
              </a:cxn>
            </a:cxnLst>
            <a:rect l="0" t="0" r="r" b="b"/>
            <a:pathLst>
              <a:path w="885" h="641">
                <a:moveTo>
                  <a:pt x="836" y="0"/>
                </a:moveTo>
                <a:cubicBezTo>
                  <a:pt x="885" y="140"/>
                  <a:pt x="854" y="302"/>
                  <a:pt x="742" y="414"/>
                </a:cubicBezTo>
                <a:cubicBezTo>
                  <a:pt x="720" y="436"/>
                  <a:pt x="696" y="455"/>
                  <a:pt x="670" y="471"/>
                </a:cubicBezTo>
                <a:cubicBezTo>
                  <a:pt x="670" y="471"/>
                  <a:pt x="670" y="471"/>
                  <a:pt x="670" y="471"/>
                </a:cubicBezTo>
                <a:cubicBezTo>
                  <a:pt x="720" y="521"/>
                  <a:pt x="720" y="521"/>
                  <a:pt x="720" y="521"/>
                </a:cubicBezTo>
                <a:cubicBezTo>
                  <a:pt x="539" y="641"/>
                  <a:pt x="292" y="622"/>
                  <a:pt x="132" y="462"/>
                </a:cubicBezTo>
                <a:cubicBezTo>
                  <a:pt x="0" y="594"/>
                  <a:pt x="0" y="594"/>
                  <a:pt x="0" y="594"/>
                </a:cubicBezTo>
              </a:path>
            </a:pathLst>
          </a:custGeom>
          <a:noFill/>
          <a:ln w="3810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0" name="Turton | Freeform | SlideID: 1936 | ID: 1"/>
          <p:cNvSpPr>
            <a:spLocks/>
          </p:cNvSpPr>
          <p:nvPr/>
        </p:nvSpPr>
        <p:spPr bwMode="auto">
          <a:xfrm>
            <a:off x="4804884" y="4568566"/>
            <a:ext cx="151553" cy="151553"/>
          </a:xfrm>
          <a:custGeom>
            <a:avLst/>
            <a:gdLst>
              <a:gd name="T0" fmla="*/ 130 w 130"/>
              <a:gd name="T1" fmla="*/ 84 h 130"/>
              <a:gd name="T2" fmla="*/ 0 w 130"/>
              <a:gd name="T3" fmla="*/ 130 h 130"/>
              <a:gd name="T4" fmla="*/ 46 w 130"/>
              <a:gd name="T5" fmla="*/ 0 h 130"/>
            </a:gdLst>
            <a:ahLst/>
            <a:cxnLst>
              <a:cxn ang="0">
                <a:pos x="T0" y="T1"/>
              </a:cxn>
              <a:cxn ang="0">
                <a:pos x="T2" y="T3"/>
              </a:cxn>
              <a:cxn ang="0">
                <a:pos x="T4" y="T5"/>
              </a:cxn>
            </a:cxnLst>
            <a:rect l="0" t="0" r="r" b="b"/>
            <a:pathLst>
              <a:path w="130" h="130">
                <a:moveTo>
                  <a:pt x="130" y="84"/>
                </a:moveTo>
                <a:lnTo>
                  <a:pt x="0" y="130"/>
                </a:lnTo>
                <a:lnTo>
                  <a:pt x="46" y="0"/>
                </a:lnTo>
              </a:path>
            </a:pathLst>
          </a:custGeom>
          <a:noFill/>
          <a:ln w="3810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7" name="Turton | Freeform | SlideID: 1936 | ID: 2"/>
          <p:cNvSpPr>
            <a:spLocks/>
          </p:cNvSpPr>
          <p:nvPr/>
        </p:nvSpPr>
        <p:spPr bwMode="auto">
          <a:xfrm>
            <a:off x="5725861" y="2243969"/>
            <a:ext cx="1791828" cy="2476151"/>
          </a:xfrm>
          <a:custGeom>
            <a:avLst/>
            <a:gdLst>
              <a:gd name="T0" fmla="*/ 0 w 641"/>
              <a:gd name="T1" fmla="*/ 49 h 885"/>
              <a:gd name="T2" fmla="*/ 413 w 641"/>
              <a:gd name="T3" fmla="*/ 143 h 885"/>
              <a:gd name="T4" fmla="*/ 470 w 641"/>
              <a:gd name="T5" fmla="*/ 215 h 885"/>
              <a:gd name="T6" fmla="*/ 470 w 641"/>
              <a:gd name="T7" fmla="*/ 215 h 885"/>
              <a:gd name="T8" fmla="*/ 520 w 641"/>
              <a:gd name="T9" fmla="*/ 165 h 885"/>
              <a:gd name="T10" fmla="*/ 462 w 641"/>
              <a:gd name="T11" fmla="*/ 753 h 885"/>
              <a:gd name="T12" fmla="*/ 593 w 641"/>
              <a:gd name="T13" fmla="*/ 885 h 885"/>
            </a:gdLst>
            <a:ahLst/>
            <a:cxnLst>
              <a:cxn ang="0">
                <a:pos x="T0" y="T1"/>
              </a:cxn>
              <a:cxn ang="0">
                <a:pos x="T2" y="T3"/>
              </a:cxn>
              <a:cxn ang="0">
                <a:pos x="T4" y="T5"/>
              </a:cxn>
              <a:cxn ang="0">
                <a:pos x="T6" y="T7"/>
              </a:cxn>
              <a:cxn ang="0">
                <a:pos x="T8" y="T9"/>
              </a:cxn>
              <a:cxn ang="0">
                <a:pos x="T10" y="T11"/>
              </a:cxn>
              <a:cxn ang="0">
                <a:pos x="T12" y="T13"/>
              </a:cxn>
            </a:cxnLst>
            <a:rect l="0" t="0" r="r" b="b"/>
            <a:pathLst>
              <a:path w="641" h="885">
                <a:moveTo>
                  <a:pt x="0" y="49"/>
                </a:moveTo>
                <a:cubicBezTo>
                  <a:pt x="139" y="0"/>
                  <a:pt x="301" y="31"/>
                  <a:pt x="413" y="143"/>
                </a:cubicBezTo>
                <a:cubicBezTo>
                  <a:pt x="436" y="165"/>
                  <a:pt x="455" y="189"/>
                  <a:pt x="470" y="215"/>
                </a:cubicBezTo>
                <a:cubicBezTo>
                  <a:pt x="470" y="215"/>
                  <a:pt x="470" y="215"/>
                  <a:pt x="470" y="215"/>
                </a:cubicBezTo>
                <a:cubicBezTo>
                  <a:pt x="520" y="165"/>
                  <a:pt x="520" y="165"/>
                  <a:pt x="520" y="165"/>
                </a:cubicBezTo>
                <a:cubicBezTo>
                  <a:pt x="641" y="346"/>
                  <a:pt x="621" y="593"/>
                  <a:pt x="462" y="753"/>
                </a:cubicBezTo>
                <a:cubicBezTo>
                  <a:pt x="593" y="885"/>
                  <a:pt x="593" y="885"/>
                  <a:pt x="593" y="885"/>
                </a:cubicBezTo>
              </a:path>
            </a:pathLst>
          </a:custGeom>
          <a:noFill/>
          <a:ln w="3810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1" name="Turton | Freeform | SlideID: 1936 | ID: 3"/>
          <p:cNvSpPr>
            <a:spLocks/>
          </p:cNvSpPr>
          <p:nvPr/>
        </p:nvSpPr>
        <p:spPr bwMode="auto">
          <a:xfrm>
            <a:off x="7235567" y="4568566"/>
            <a:ext cx="148056" cy="151553"/>
          </a:xfrm>
          <a:custGeom>
            <a:avLst/>
            <a:gdLst>
              <a:gd name="T0" fmla="*/ 81 w 127"/>
              <a:gd name="T1" fmla="*/ 0 h 130"/>
              <a:gd name="T2" fmla="*/ 127 w 127"/>
              <a:gd name="T3" fmla="*/ 130 h 130"/>
              <a:gd name="T4" fmla="*/ 0 w 127"/>
              <a:gd name="T5" fmla="*/ 84 h 130"/>
            </a:gdLst>
            <a:ahLst/>
            <a:cxnLst>
              <a:cxn ang="0">
                <a:pos x="T0" y="T1"/>
              </a:cxn>
              <a:cxn ang="0">
                <a:pos x="T2" y="T3"/>
              </a:cxn>
              <a:cxn ang="0">
                <a:pos x="T4" y="T5"/>
              </a:cxn>
            </a:cxnLst>
            <a:rect l="0" t="0" r="r" b="b"/>
            <a:pathLst>
              <a:path w="127" h="130">
                <a:moveTo>
                  <a:pt x="81" y="0"/>
                </a:moveTo>
                <a:lnTo>
                  <a:pt x="127" y="130"/>
                </a:lnTo>
                <a:lnTo>
                  <a:pt x="0" y="84"/>
                </a:lnTo>
              </a:path>
            </a:pathLst>
          </a:custGeom>
          <a:noFill/>
          <a:ln w="3810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8" name="Turton | Freeform | SlideID: 1936 | ID: 4"/>
          <p:cNvSpPr>
            <a:spLocks/>
          </p:cNvSpPr>
          <p:nvPr/>
        </p:nvSpPr>
        <p:spPr bwMode="auto">
          <a:xfrm>
            <a:off x="4908639" y="2006149"/>
            <a:ext cx="2474984" cy="1792993"/>
          </a:xfrm>
          <a:custGeom>
            <a:avLst/>
            <a:gdLst>
              <a:gd name="T0" fmla="*/ 50 w 885"/>
              <a:gd name="T1" fmla="*/ 641 h 641"/>
              <a:gd name="T2" fmla="*/ 143 w 885"/>
              <a:gd name="T3" fmla="*/ 228 h 641"/>
              <a:gd name="T4" fmla="*/ 216 w 885"/>
              <a:gd name="T5" fmla="*/ 170 h 641"/>
              <a:gd name="T6" fmla="*/ 216 w 885"/>
              <a:gd name="T7" fmla="*/ 170 h 641"/>
              <a:gd name="T8" fmla="*/ 166 w 885"/>
              <a:gd name="T9" fmla="*/ 121 h 641"/>
              <a:gd name="T10" fmla="*/ 754 w 885"/>
              <a:gd name="T11" fmla="*/ 179 h 641"/>
              <a:gd name="T12" fmla="*/ 885 w 885"/>
              <a:gd name="T13" fmla="*/ 48 h 641"/>
            </a:gdLst>
            <a:ahLst/>
            <a:cxnLst>
              <a:cxn ang="0">
                <a:pos x="T0" y="T1"/>
              </a:cxn>
              <a:cxn ang="0">
                <a:pos x="T2" y="T3"/>
              </a:cxn>
              <a:cxn ang="0">
                <a:pos x="T4" y="T5"/>
              </a:cxn>
              <a:cxn ang="0">
                <a:pos x="T6" y="T7"/>
              </a:cxn>
              <a:cxn ang="0">
                <a:pos x="T8" y="T9"/>
              </a:cxn>
              <a:cxn ang="0">
                <a:pos x="T10" y="T11"/>
              </a:cxn>
              <a:cxn ang="0">
                <a:pos x="T12" y="T13"/>
              </a:cxn>
            </a:cxnLst>
            <a:rect l="0" t="0" r="r" b="b"/>
            <a:pathLst>
              <a:path w="885" h="641">
                <a:moveTo>
                  <a:pt x="50" y="641"/>
                </a:moveTo>
                <a:cubicBezTo>
                  <a:pt x="0" y="502"/>
                  <a:pt x="31" y="340"/>
                  <a:pt x="143" y="228"/>
                </a:cubicBezTo>
                <a:cubicBezTo>
                  <a:pt x="166" y="205"/>
                  <a:pt x="190" y="186"/>
                  <a:pt x="216" y="170"/>
                </a:cubicBezTo>
                <a:cubicBezTo>
                  <a:pt x="216" y="170"/>
                  <a:pt x="216" y="170"/>
                  <a:pt x="216" y="170"/>
                </a:cubicBezTo>
                <a:cubicBezTo>
                  <a:pt x="166" y="121"/>
                  <a:pt x="166" y="121"/>
                  <a:pt x="166" y="121"/>
                </a:cubicBezTo>
                <a:cubicBezTo>
                  <a:pt x="347" y="0"/>
                  <a:pt x="594" y="19"/>
                  <a:pt x="754" y="179"/>
                </a:cubicBezTo>
                <a:cubicBezTo>
                  <a:pt x="885" y="48"/>
                  <a:pt x="885" y="48"/>
                  <a:pt x="885" y="48"/>
                </a:cubicBezTo>
              </a:path>
            </a:pathLst>
          </a:custGeom>
          <a:noFill/>
          <a:ln w="38100" cap="rnd">
            <a:solidFill>
              <a:schemeClr val="accent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2" name="Turton | Freeform | SlideID: 1936 | ID: 5"/>
          <p:cNvSpPr>
            <a:spLocks/>
          </p:cNvSpPr>
          <p:nvPr/>
        </p:nvSpPr>
        <p:spPr bwMode="auto">
          <a:xfrm>
            <a:off x="7235567" y="2140213"/>
            <a:ext cx="148056" cy="148056"/>
          </a:xfrm>
          <a:custGeom>
            <a:avLst/>
            <a:gdLst>
              <a:gd name="T0" fmla="*/ 0 w 127"/>
              <a:gd name="T1" fmla="*/ 45 h 127"/>
              <a:gd name="T2" fmla="*/ 127 w 127"/>
              <a:gd name="T3" fmla="*/ 0 h 127"/>
              <a:gd name="T4" fmla="*/ 81 w 127"/>
              <a:gd name="T5" fmla="*/ 127 h 127"/>
            </a:gdLst>
            <a:ahLst/>
            <a:cxnLst>
              <a:cxn ang="0">
                <a:pos x="T0" y="T1"/>
              </a:cxn>
              <a:cxn ang="0">
                <a:pos x="T2" y="T3"/>
              </a:cxn>
              <a:cxn ang="0">
                <a:pos x="T4" y="T5"/>
              </a:cxn>
            </a:cxnLst>
            <a:rect l="0" t="0" r="r" b="b"/>
            <a:pathLst>
              <a:path w="127" h="127">
                <a:moveTo>
                  <a:pt x="0" y="45"/>
                </a:moveTo>
                <a:lnTo>
                  <a:pt x="127" y="0"/>
                </a:lnTo>
                <a:lnTo>
                  <a:pt x="81" y="127"/>
                </a:lnTo>
              </a:path>
            </a:pathLst>
          </a:custGeom>
          <a:noFill/>
          <a:ln w="38100" cap="rnd">
            <a:solidFill>
              <a:schemeClr val="accent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9" name="Turton | Freeform | SlideID: 1936 | ID: 6"/>
          <p:cNvSpPr>
            <a:spLocks/>
          </p:cNvSpPr>
          <p:nvPr/>
        </p:nvSpPr>
        <p:spPr bwMode="auto">
          <a:xfrm>
            <a:off x="4674313" y="2140213"/>
            <a:ext cx="1791828" cy="2476151"/>
          </a:xfrm>
          <a:custGeom>
            <a:avLst/>
            <a:gdLst>
              <a:gd name="T0" fmla="*/ 641 w 641"/>
              <a:gd name="T1" fmla="*/ 835 h 885"/>
              <a:gd name="T2" fmla="*/ 227 w 641"/>
              <a:gd name="T3" fmla="*/ 742 h 885"/>
              <a:gd name="T4" fmla="*/ 170 w 641"/>
              <a:gd name="T5" fmla="*/ 669 h 885"/>
              <a:gd name="T6" fmla="*/ 170 w 641"/>
              <a:gd name="T7" fmla="*/ 669 h 885"/>
              <a:gd name="T8" fmla="*/ 120 w 641"/>
              <a:gd name="T9" fmla="*/ 719 h 885"/>
              <a:gd name="T10" fmla="*/ 179 w 641"/>
              <a:gd name="T11" fmla="*/ 131 h 885"/>
              <a:gd name="T12" fmla="*/ 47 w 641"/>
              <a:gd name="T13" fmla="*/ 0 h 885"/>
            </a:gdLst>
            <a:ahLst/>
            <a:cxnLst>
              <a:cxn ang="0">
                <a:pos x="T0" y="T1"/>
              </a:cxn>
              <a:cxn ang="0">
                <a:pos x="T2" y="T3"/>
              </a:cxn>
              <a:cxn ang="0">
                <a:pos x="T4" y="T5"/>
              </a:cxn>
              <a:cxn ang="0">
                <a:pos x="T6" y="T7"/>
              </a:cxn>
              <a:cxn ang="0">
                <a:pos x="T8" y="T9"/>
              </a:cxn>
              <a:cxn ang="0">
                <a:pos x="T10" y="T11"/>
              </a:cxn>
              <a:cxn ang="0">
                <a:pos x="T12" y="T13"/>
              </a:cxn>
            </a:cxnLst>
            <a:rect l="0" t="0" r="r" b="b"/>
            <a:pathLst>
              <a:path w="641" h="885">
                <a:moveTo>
                  <a:pt x="641" y="835"/>
                </a:moveTo>
                <a:cubicBezTo>
                  <a:pt x="501" y="885"/>
                  <a:pt x="339" y="854"/>
                  <a:pt x="227" y="742"/>
                </a:cubicBezTo>
                <a:cubicBezTo>
                  <a:pt x="205" y="719"/>
                  <a:pt x="186" y="695"/>
                  <a:pt x="170" y="669"/>
                </a:cubicBezTo>
                <a:cubicBezTo>
                  <a:pt x="170" y="669"/>
                  <a:pt x="170" y="669"/>
                  <a:pt x="170" y="669"/>
                </a:cubicBezTo>
                <a:cubicBezTo>
                  <a:pt x="120" y="719"/>
                  <a:pt x="120" y="719"/>
                  <a:pt x="120" y="719"/>
                </a:cubicBezTo>
                <a:cubicBezTo>
                  <a:pt x="0" y="538"/>
                  <a:pt x="19" y="291"/>
                  <a:pt x="179" y="131"/>
                </a:cubicBezTo>
                <a:cubicBezTo>
                  <a:pt x="47" y="0"/>
                  <a:pt x="47" y="0"/>
                  <a:pt x="47" y="0"/>
                </a:cubicBezTo>
              </a:path>
            </a:pathLst>
          </a:custGeom>
          <a:noFill/>
          <a:ln w="3810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3" name="Turton | Freeform | SlideID: 1936 | ID: 7"/>
          <p:cNvSpPr>
            <a:spLocks/>
          </p:cNvSpPr>
          <p:nvPr/>
        </p:nvSpPr>
        <p:spPr bwMode="auto">
          <a:xfrm>
            <a:off x="4804882" y="2140213"/>
            <a:ext cx="151553" cy="148056"/>
          </a:xfrm>
          <a:custGeom>
            <a:avLst/>
            <a:gdLst>
              <a:gd name="T0" fmla="*/ 46 w 130"/>
              <a:gd name="T1" fmla="*/ 127 h 127"/>
              <a:gd name="T2" fmla="*/ 0 w 130"/>
              <a:gd name="T3" fmla="*/ 0 h 127"/>
              <a:gd name="T4" fmla="*/ 130 w 130"/>
              <a:gd name="T5" fmla="*/ 45 h 127"/>
            </a:gdLst>
            <a:ahLst/>
            <a:cxnLst>
              <a:cxn ang="0">
                <a:pos x="T0" y="T1"/>
              </a:cxn>
              <a:cxn ang="0">
                <a:pos x="T2" y="T3"/>
              </a:cxn>
              <a:cxn ang="0">
                <a:pos x="T4" y="T5"/>
              </a:cxn>
            </a:cxnLst>
            <a:rect l="0" t="0" r="r" b="b"/>
            <a:pathLst>
              <a:path w="130" h="127">
                <a:moveTo>
                  <a:pt x="46" y="127"/>
                </a:moveTo>
                <a:lnTo>
                  <a:pt x="0" y="0"/>
                </a:lnTo>
                <a:lnTo>
                  <a:pt x="130" y="45"/>
                </a:lnTo>
              </a:path>
            </a:pathLst>
          </a:custGeom>
          <a:noFill/>
          <a:ln w="3810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22" name="Turton | Placeholder | SlideID: 1936 | ID: 9">
            <a:extLst>
              <a:ext uri="{FF2B5EF4-FFF2-40B4-BE49-F238E27FC236}">
                <a16:creationId xmlns:a16="http://schemas.microsoft.com/office/drawing/2014/main" id="{8680BC58-23E5-4287-A971-039062D2C9A8}"/>
              </a:ext>
            </a:extLst>
          </p:cNvPr>
          <p:cNvSpPr>
            <a:spLocks noGrp="1"/>
          </p:cNvSpPr>
          <p:nvPr>
            <p:ph type="body" sz="quarter" idx="26"/>
          </p:nvPr>
        </p:nvSpPr>
        <p:spPr>
          <a:xfrm>
            <a:off x="7728858" y="2074494"/>
            <a:ext cx="3817738" cy="1089668"/>
          </a:xfrm>
        </p:spPr>
        <p:txBody>
          <a:bodyPr/>
          <a:lstStyle/>
          <a:p>
            <a:r>
              <a:rPr lang="en-GB" dirty="0"/>
              <a:t>- Volatility Smile visualisation</a:t>
            </a:r>
          </a:p>
        </p:txBody>
      </p:sp>
      <p:sp>
        <p:nvSpPr>
          <p:cNvPr id="5" name="Turton | Placeholder | SlideID: 1936 | ID: 10">
            <a:extLst>
              <a:ext uri="{FF2B5EF4-FFF2-40B4-BE49-F238E27FC236}">
                <a16:creationId xmlns:a16="http://schemas.microsoft.com/office/drawing/2014/main" id="{79E5BE66-4348-46E2-9C55-012F67CEEE4C}"/>
              </a:ext>
            </a:extLst>
          </p:cNvPr>
          <p:cNvSpPr>
            <a:spLocks noGrp="1"/>
          </p:cNvSpPr>
          <p:nvPr>
            <p:ph type="body" sz="quarter" idx="27"/>
          </p:nvPr>
        </p:nvSpPr>
        <p:spPr>
          <a:xfrm>
            <a:off x="7728858" y="1629274"/>
            <a:ext cx="2703961" cy="336956"/>
          </a:xfrm>
        </p:spPr>
        <p:txBody>
          <a:bodyPr>
            <a:normAutofit fontScale="77500" lnSpcReduction="20000"/>
          </a:bodyPr>
          <a:lstStyle/>
          <a:p>
            <a:r>
              <a:rPr lang="en-GB" dirty="0"/>
              <a:t>2. Conclusion</a:t>
            </a:r>
          </a:p>
        </p:txBody>
      </p:sp>
      <p:sp>
        <p:nvSpPr>
          <p:cNvPr id="21" name="Turton | Placeholder | SlideID: 1936 | ID: 11">
            <a:extLst>
              <a:ext uri="{FF2B5EF4-FFF2-40B4-BE49-F238E27FC236}">
                <a16:creationId xmlns:a16="http://schemas.microsoft.com/office/drawing/2014/main" id="{793D7DE4-669F-4A3A-A288-36BD59E84B63}"/>
              </a:ext>
            </a:extLst>
          </p:cNvPr>
          <p:cNvSpPr>
            <a:spLocks noGrp="1"/>
          </p:cNvSpPr>
          <p:nvPr>
            <p:ph type="body" sz="quarter" idx="28"/>
          </p:nvPr>
        </p:nvSpPr>
        <p:spPr>
          <a:xfrm>
            <a:off x="7705128" y="4956850"/>
            <a:ext cx="3973399" cy="1089668"/>
          </a:xfrm>
        </p:spPr>
        <p:txBody>
          <a:bodyPr/>
          <a:lstStyle/>
          <a:p>
            <a:pPr marL="342900" indent="-342900" algn="l">
              <a:buFontTx/>
              <a:buChar char="-"/>
            </a:pPr>
            <a:r>
              <a:rPr lang="en-GB" dirty="0"/>
              <a:t>Linear Regression Model</a:t>
            </a:r>
          </a:p>
          <a:p>
            <a:pPr marL="342900" indent="-342900" algn="l">
              <a:buFontTx/>
              <a:buChar char="-"/>
            </a:pPr>
            <a:r>
              <a:rPr lang="en-GB" dirty="0"/>
              <a:t>Conclusion</a:t>
            </a:r>
          </a:p>
        </p:txBody>
      </p:sp>
      <p:sp>
        <p:nvSpPr>
          <p:cNvPr id="4" name="Turton | Placeholder | SlideID: 1936 | ID: 12">
            <a:extLst>
              <a:ext uri="{FF2B5EF4-FFF2-40B4-BE49-F238E27FC236}">
                <a16:creationId xmlns:a16="http://schemas.microsoft.com/office/drawing/2014/main" id="{3D152FE2-B691-410F-B430-31EA9DBCB17F}"/>
              </a:ext>
            </a:extLst>
          </p:cNvPr>
          <p:cNvSpPr>
            <a:spLocks noGrp="1"/>
          </p:cNvSpPr>
          <p:nvPr>
            <p:ph type="body" sz="quarter" idx="29"/>
          </p:nvPr>
        </p:nvSpPr>
        <p:spPr>
          <a:xfrm>
            <a:off x="7561898" y="4483387"/>
            <a:ext cx="4285826" cy="473463"/>
          </a:xfrm>
        </p:spPr>
        <p:txBody>
          <a:bodyPr>
            <a:noAutofit/>
          </a:bodyPr>
          <a:lstStyle/>
          <a:p>
            <a:r>
              <a:rPr lang="en-GB" sz="2200" dirty="0"/>
              <a:t>4. Parameter redundancy Part II</a:t>
            </a:r>
          </a:p>
        </p:txBody>
      </p:sp>
      <p:sp>
        <p:nvSpPr>
          <p:cNvPr id="20" name="Turton | Placeholder | SlideID: 1936 | ID: 13">
            <a:extLst>
              <a:ext uri="{FF2B5EF4-FFF2-40B4-BE49-F238E27FC236}">
                <a16:creationId xmlns:a16="http://schemas.microsoft.com/office/drawing/2014/main" id="{FDE96550-22EF-4205-80FD-14C31A3F9565}"/>
              </a:ext>
            </a:extLst>
          </p:cNvPr>
          <p:cNvSpPr>
            <a:spLocks noGrp="1"/>
          </p:cNvSpPr>
          <p:nvPr>
            <p:ph type="body" sz="quarter" idx="34"/>
          </p:nvPr>
        </p:nvSpPr>
        <p:spPr>
          <a:xfrm>
            <a:off x="513473" y="4956850"/>
            <a:ext cx="3624943" cy="1724648"/>
          </a:xfrm>
        </p:spPr>
        <p:txBody>
          <a:bodyPr>
            <a:noAutofit/>
          </a:bodyPr>
          <a:lstStyle/>
          <a:p>
            <a:pPr marL="342900" indent="-342900" algn="r">
              <a:buFontTx/>
              <a:buChar char="-"/>
            </a:pPr>
            <a:r>
              <a:rPr lang="en-GB" sz="1870" dirty="0"/>
              <a:t>Sensitivity check</a:t>
            </a:r>
          </a:p>
          <a:p>
            <a:pPr marL="342900" indent="-342900" algn="r">
              <a:buFontTx/>
              <a:buChar char="-"/>
            </a:pPr>
            <a:r>
              <a:rPr lang="en-GB" sz="1870" dirty="0"/>
              <a:t>Data normalisation</a:t>
            </a:r>
          </a:p>
          <a:p>
            <a:pPr marL="342900" indent="-342900" algn="r">
              <a:buFontTx/>
              <a:buChar char="-"/>
            </a:pPr>
            <a:r>
              <a:rPr lang="en-GB" sz="1870" dirty="0"/>
              <a:t>Data visualisation</a:t>
            </a:r>
          </a:p>
          <a:p>
            <a:pPr marL="342900" indent="-342900" algn="r">
              <a:buFontTx/>
              <a:buChar char="-"/>
            </a:pPr>
            <a:r>
              <a:rPr lang="en-GB" sz="1870" dirty="0"/>
              <a:t>Conclusion </a:t>
            </a:r>
          </a:p>
        </p:txBody>
      </p:sp>
      <p:sp>
        <p:nvSpPr>
          <p:cNvPr id="18" name="Turton | Placeholder | SlideID: 1936 | ID: 14">
            <a:extLst>
              <a:ext uri="{FF2B5EF4-FFF2-40B4-BE49-F238E27FC236}">
                <a16:creationId xmlns:a16="http://schemas.microsoft.com/office/drawing/2014/main" id="{BFAD4F75-D25D-46CC-AC09-34FB11D43B52}"/>
              </a:ext>
            </a:extLst>
          </p:cNvPr>
          <p:cNvSpPr>
            <a:spLocks noGrp="1"/>
          </p:cNvSpPr>
          <p:nvPr>
            <p:ph type="body" sz="quarter" idx="35"/>
          </p:nvPr>
        </p:nvSpPr>
        <p:spPr>
          <a:xfrm>
            <a:off x="329549" y="3637631"/>
            <a:ext cx="3872193" cy="1325563"/>
          </a:xfrm>
        </p:spPr>
        <p:txBody>
          <a:bodyPr>
            <a:normAutofit fontScale="92500"/>
          </a:bodyPr>
          <a:lstStyle/>
          <a:p>
            <a:pPr algn="r"/>
            <a:r>
              <a:rPr lang="en-GB" sz="3600" b="1" dirty="0"/>
              <a:t>3. Parameter redundancy Part I</a:t>
            </a:r>
          </a:p>
        </p:txBody>
      </p:sp>
      <p:sp>
        <p:nvSpPr>
          <p:cNvPr id="19" name="Turton | Placeholder | SlideID: 1936 | ID: 15">
            <a:extLst>
              <a:ext uri="{FF2B5EF4-FFF2-40B4-BE49-F238E27FC236}">
                <a16:creationId xmlns:a16="http://schemas.microsoft.com/office/drawing/2014/main" id="{1B354204-9D49-4705-9FD8-DC8F8358926F}"/>
              </a:ext>
            </a:extLst>
          </p:cNvPr>
          <p:cNvSpPr>
            <a:spLocks noGrp="1"/>
          </p:cNvSpPr>
          <p:nvPr>
            <p:ph type="body" sz="quarter" idx="36"/>
          </p:nvPr>
        </p:nvSpPr>
        <p:spPr>
          <a:xfrm>
            <a:off x="0" y="2074494"/>
            <a:ext cx="4035455" cy="1724648"/>
          </a:xfrm>
        </p:spPr>
        <p:txBody>
          <a:bodyPr>
            <a:normAutofit/>
          </a:bodyPr>
          <a:lstStyle/>
          <a:p>
            <a:pPr marL="342900" indent="-342900">
              <a:buFontTx/>
              <a:buChar char="-"/>
            </a:pPr>
            <a:r>
              <a:rPr lang="en-GB" dirty="0"/>
              <a:t>24 matrices generated by ESG</a:t>
            </a:r>
          </a:p>
          <a:p>
            <a:pPr marL="678640" lvl="1" indent="-342900">
              <a:buFont typeface="Courier New" panose="02070309020205020404" pitchFamily="49" charset="0"/>
              <a:buChar char="o"/>
            </a:pPr>
            <a:r>
              <a:rPr lang="en-GB" dirty="0"/>
              <a:t>There are 8 parameters, and each parameter has 3 files</a:t>
            </a:r>
          </a:p>
          <a:p>
            <a:pPr marL="342900" indent="-342900">
              <a:buFontTx/>
              <a:buChar char="-"/>
            </a:pPr>
            <a:r>
              <a:rPr lang="en-GB" dirty="0"/>
              <a:t>9,328 volatilities of combination of 16 Maturities and 11 Strikes.</a:t>
            </a:r>
          </a:p>
          <a:p>
            <a:pPr marL="342900" indent="-342900">
              <a:buFontTx/>
              <a:buChar char="-"/>
            </a:pPr>
            <a:endParaRPr lang="en-GB" dirty="0"/>
          </a:p>
        </p:txBody>
      </p:sp>
      <p:sp>
        <p:nvSpPr>
          <p:cNvPr id="3" name="Turton | Placeholder | SlideID: 1936 | ID: 16">
            <a:extLst>
              <a:ext uri="{FF2B5EF4-FFF2-40B4-BE49-F238E27FC236}">
                <a16:creationId xmlns:a16="http://schemas.microsoft.com/office/drawing/2014/main" id="{9A888AFF-4D18-45FD-89FA-331FF8402EC5}"/>
              </a:ext>
            </a:extLst>
          </p:cNvPr>
          <p:cNvSpPr>
            <a:spLocks noGrp="1"/>
          </p:cNvSpPr>
          <p:nvPr>
            <p:ph type="body" sz="quarter" idx="37"/>
          </p:nvPr>
        </p:nvSpPr>
        <p:spPr>
          <a:xfrm>
            <a:off x="1321868" y="1630372"/>
            <a:ext cx="2703961" cy="336956"/>
          </a:xfrm>
        </p:spPr>
        <p:txBody>
          <a:bodyPr>
            <a:normAutofit fontScale="92500" lnSpcReduction="20000"/>
          </a:bodyPr>
          <a:lstStyle/>
          <a:p>
            <a:r>
              <a:rPr lang="en-GB" sz="2400" dirty="0"/>
              <a:t>1. Data Structure</a:t>
            </a:r>
          </a:p>
        </p:txBody>
      </p:sp>
      <p:sp>
        <p:nvSpPr>
          <p:cNvPr id="16" name="Turton | Placeholder | SlideID: 1936 | ID: 8">
            <a:extLst>
              <a:ext uri="{FF2B5EF4-FFF2-40B4-BE49-F238E27FC236}">
                <a16:creationId xmlns:a16="http://schemas.microsoft.com/office/drawing/2014/main" id="{A21C2C7C-EC0B-B078-0BD1-4426F934E91B}"/>
              </a:ext>
            </a:extLst>
          </p:cNvPr>
          <p:cNvSpPr>
            <a:spLocks noGrp="1"/>
          </p:cNvSpPr>
          <p:nvPr>
            <p:ph type="title"/>
          </p:nvPr>
        </p:nvSpPr>
        <p:spPr>
          <a:xfrm>
            <a:off x="312427" y="255993"/>
            <a:ext cx="3432259" cy="998499"/>
          </a:xfrm>
        </p:spPr>
        <p:txBody>
          <a:bodyPr>
            <a:noAutofit/>
          </a:bodyPr>
          <a:lstStyle/>
          <a:p>
            <a:r>
              <a:rPr lang="en-GB" sz="3600" dirty="0"/>
              <a:t>Data Analysing</a:t>
            </a:r>
          </a:p>
        </p:txBody>
      </p:sp>
    </p:spTree>
    <p:custDataLst>
      <p:tags r:id="rId1"/>
    </p:custDataLst>
    <p:extLst>
      <p:ext uri="{BB962C8B-B14F-4D97-AF65-F5344CB8AC3E}">
        <p14:creationId xmlns:p14="http://schemas.microsoft.com/office/powerpoint/2010/main" val="63297663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4" name="Rectangle 14">
            <a:extLst>
              <a:ext uri="{FF2B5EF4-FFF2-40B4-BE49-F238E27FC236}">
                <a16:creationId xmlns:a16="http://schemas.microsoft.com/office/drawing/2014/main" id="{E914257E-1E2A-4AC7-89EC-1FB65C9C0A0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25" name="Freeform: Shape 16">
            <a:extLst>
              <a:ext uri="{FF2B5EF4-FFF2-40B4-BE49-F238E27FC236}">
                <a16:creationId xmlns:a16="http://schemas.microsoft.com/office/drawing/2014/main" id="{03E1C8F1-97F5-489C-8308-958F0965725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
            <a:ext cx="11269336" cy="2008639"/>
          </a:xfrm>
          <a:custGeom>
            <a:avLst/>
            <a:gdLst>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296127 w 11269336"/>
              <a:gd name="connsiteY139" fmla="*/ 2023208 h 2323145"/>
              <a:gd name="connsiteX140" fmla="*/ 5174645 w 11269336"/>
              <a:gd name="connsiteY140" fmla="*/ 2088358 h 2323145"/>
              <a:gd name="connsiteX141" fmla="*/ 5092476 w 11269336"/>
              <a:gd name="connsiteY141" fmla="*/ 2100737 h 2323145"/>
              <a:gd name="connsiteX142" fmla="*/ 5060738 w 11269336"/>
              <a:gd name="connsiteY142" fmla="*/ 2083274 h 2323145"/>
              <a:gd name="connsiteX143" fmla="*/ 4860988 w 11269336"/>
              <a:gd name="connsiteY143" fmla="*/ 2135698 h 2323145"/>
              <a:gd name="connsiteX144" fmla="*/ 4807902 w 11269336"/>
              <a:gd name="connsiteY144" fmla="*/ 2138894 h 2323145"/>
              <a:gd name="connsiteX145" fmla="*/ 4765388 w 11269336"/>
              <a:gd name="connsiteY145" fmla="*/ 2162525 h 2323145"/>
              <a:gd name="connsiteX146" fmla="*/ 4745033 w 11269336"/>
              <a:gd name="connsiteY146" fmla="*/ 2158859 h 2323145"/>
              <a:gd name="connsiteX147" fmla="*/ 4741475 w 11269336"/>
              <a:gd name="connsiteY147" fmla="*/ 2157998 h 2323145"/>
              <a:gd name="connsiteX148" fmla="*/ 4728247 w 11269336"/>
              <a:gd name="connsiteY148" fmla="*/ 2159526 h 2323145"/>
              <a:gd name="connsiteX149" fmla="*/ 4723263 w 11269336"/>
              <a:gd name="connsiteY149" fmla="*/ 2153742 h 2323145"/>
              <a:gd name="connsiteX150" fmla="*/ 4702453 w 11269336"/>
              <a:gd name="connsiteY150" fmla="*/ 2151586 h 2323145"/>
              <a:gd name="connsiteX151" fmla="*/ 4678455 w 11269336"/>
              <a:gd name="connsiteY151" fmla="*/ 2156131 h 2323145"/>
              <a:gd name="connsiteX152" fmla="*/ 4593061 w 11269336"/>
              <a:gd name="connsiteY152" fmla="*/ 2171597 h 2323145"/>
              <a:gd name="connsiteX153" fmla="*/ 4579902 w 11269336"/>
              <a:gd name="connsiteY153" fmla="*/ 2177927 h 2323145"/>
              <a:gd name="connsiteX154" fmla="*/ 4533444 w 11269336"/>
              <a:gd name="connsiteY154" fmla="*/ 2181200 h 2323145"/>
              <a:gd name="connsiteX155" fmla="*/ 4492832 w 11269336"/>
              <a:gd name="connsiteY155" fmla="*/ 2188033 h 2323145"/>
              <a:gd name="connsiteX156" fmla="*/ 4467257 w 11269336"/>
              <a:gd name="connsiteY156" fmla="*/ 2196121 h 2323145"/>
              <a:gd name="connsiteX157" fmla="*/ 4459937 w 11269336"/>
              <a:gd name="connsiteY157" fmla="*/ 2195182 h 2323145"/>
              <a:gd name="connsiteX158" fmla="*/ 4433312 w 11269336"/>
              <a:gd name="connsiteY158" fmla="*/ 2199004 h 2323145"/>
              <a:gd name="connsiteX159" fmla="*/ 4420601 w 11269336"/>
              <a:gd name="connsiteY159" fmla="*/ 2205158 h 2323145"/>
              <a:gd name="connsiteX160" fmla="*/ 4405765 w 11269336"/>
              <a:gd name="connsiteY160" fmla="*/ 2199902 h 2323145"/>
              <a:gd name="connsiteX161" fmla="*/ 4401354 w 11269336"/>
              <a:gd name="connsiteY161" fmla="*/ 2194745 h 2323145"/>
              <a:gd name="connsiteX162" fmla="*/ 4383151 w 11269336"/>
              <a:gd name="connsiteY162" fmla="*/ 2201140 h 2323145"/>
              <a:gd name="connsiteX163" fmla="*/ 4366646 w 11269336"/>
              <a:gd name="connsiteY163" fmla="*/ 2198564 h 2323145"/>
              <a:gd name="connsiteX164" fmla="*/ 4354009 w 11269336"/>
              <a:gd name="connsiteY164" fmla="*/ 2204984 h 2323145"/>
              <a:gd name="connsiteX165" fmla="*/ 4348284 w 11269336"/>
              <a:gd name="connsiteY165" fmla="*/ 2205270 h 2323145"/>
              <a:gd name="connsiteX166" fmla="*/ 4333906 w 11269336"/>
              <a:gd name="connsiteY166" fmla="*/ 2205251 h 2323145"/>
              <a:gd name="connsiteX167" fmla="*/ 4308819 w 11269336"/>
              <a:gd name="connsiteY167" fmla="*/ 2203822 h 2323145"/>
              <a:gd name="connsiteX168" fmla="*/ 4301210 w 11269336"/>
              <a:gd name="connsiteY168" fmla="*/ 2204456 h 2323145"/>
              <a:gd name="connsiteX169" fmla="*/ 4283095 w 11269336"/>
              <a:gd name="connsiteY169" fmla="*/ 2198177 h 2323145"/>
              <a:gd name="connsiteX170" fmla="*/ 4250119 w 11269336"/>
              <a:gd name="connsiteY170" fmla="*/ 2196342 h 2323145"/>
              <a:gd name="connsiteX171" fmla="*/ 4189203 w 11269336"/>
              <a:gd name="connsiteY171" fmla="*/ 2178994 h 2323145"/>
              <a:gd name="connsiteX172" fmla="*/ 4154035 w 11269336"/>
              <a:gd name="connsiteY172" fmla="*/ 2171950 h 2323145"/>
              <a:gd name="connsiteX173" fmla="*/ 4129569 w 11269336"/>
              <a:gd name="connsiteY173" fmla="*/ 2163850 h 2323145"/>
              <a:gd name="connsiteX174" fmla="*/ 4061250 w 11269336"/>
              <a:gd name="connsiteY174" fmla="*/ 2159236 h 2323145"/>
              <a:gd name="connsiteX175" fmla="*/ 3945480 w 11269336"/>
              <a:gd name="connsiteY175" fmla="*/ 2158279 h 2323145"/>
              <a:gd name="connsiteX176" fmla="*/ 3921468 w 11269336"/>
              <a:gd name="connsiteY176" fmla="*/ 2156588 h 2323145"/>
              <a:gd name="connsiteX177" fmla="*/ 3903348 w 11269336"/>
              <a:gd name="connsiteY177" fmla="*/ 2149220 h 2323145"/>
              <a:gd name="connsiteX178" fmla="*/ 3901342 w 11269336"/>
              <a:gd name="connsiteY178" fmla="*/ 2142355 h 2323145"/>
              <a:gd name="connsiteX179" fmla="*/ 3888539 w 11269336"/>
              <a:gd name="connsiteY179" fmla="*/ 2140476 h 2323145"/>
              <a:gd name="connsiteX180" fmla="*/ 3885662 w 11269336"/>
              <a:gd name="connsiteY180" fmla="*/ 2138740 h 2323145"/>
              <a:gd name="connsiteX181" fmla="*/ 3868627 w 11269336"/>
              <a:gd name="connsiteY181" fmla="*/ 2130023 h 2323145"/>
              <a:gd name="connsiteX182" fmla="*/ 3819177 w 11269336"/>
              <a:gd name="connsiteY182" fmla="*/ 2142111 h 2323145"/>
              <a:gd name="connsiteX183" fmla="*/ 3769100 w 11269336"/>
              <a:gd name="connsiteY183" fmla="*/ 2131731 h 2323145"/>
              <a:gd name="connsiteX184" fmla="*/ 3562752 w 11269336"/>
              <a:gd name="connsiteY184" fmla="*/ 2131785 h 2323145"/>
              <a:gd name="connsiteX185" fmla="*/ 3541402 w 11269336"/>
              <a:gd name="connsiteY185" fmla="*/ 2106821 h 2323145"/>
              <a:gd name="connsiteX186" fmla="*/ 3460591 w 11269336"/>
              <a:gd name="connsiteY186" fmla="*/ 2097951 h 2323145"/>
              <a:gd name="connsiteX187" fmla="*/ 3320348 w 11269336"/>
              <a:gd name="connsiteY187" fmla="*/ 2130191 h 2323145"/>
              <a:gd name="connsiteX188" fmla="*/ 3170922 w 11269336"/>
              <a:gd name="connsiteY188" fmla="*/ 2115957 h 2323145"/>
              <a:gd name="connsiteX189" fmla="*/ 3156256 w 11269336"/>
              <a:gd name="connsiteY189" fmla="*/ 2124773 h 2323145"/>
              <a:gd name="connsiteX190" fmla="*/ 3140298 w 11269336"/>
              <a:gd name="connsiteY190" fmla="*/ 2129182 h 2323145"/>
              <a:gd name="connsiteX191" fmla="*/ 3138514 w 11269336"/>
              <a:gd name="connsiteY191" fmla="*/ 2128069 h 2323145"/>
              <a:gd name="connsiteX192" fmla="*/ 3120467 w 11269336"/>
              <a:gd name="connsiteY192" fmla="*/ 2128281 h 2323145"/>
              <a:gd name="connsiteX193" fmla="*/ 3116175 w 11269336"/>
              <a:gd name="connsiteY193" fmla="*/ 2131633 h 2323145"/>
              <a:gd name="connsiteX194" fmla="*/ 3103685 w 11269336"/>
              <a:gd name="connsiteY194" fmla="*/ 2132814 h 2323145"/>
              <a:gd name="connsiteX195" fmla="*/ 3078794 w 11269336"/>
              <a:gd name="connsiteY195" fmla="*/ 2137935 h 2323145"/>
              <a:gd name="connsiteX196" fmla="*/ 3074407 w 11269336"/>
              <a:gd name="connsiteY196" fmla="*/ 2136274 h 2323145"/>
              <a:gd name="connsiteX197" fmla="*/ 3037285 w 11269336"/>
              <a:gd name="connsiteY197" fmla="*/ 2139919 h 2323145"/>
              <a:gd name="connsiteX198" fmla="*/ 3036901 w 11269336"/>
              <a:gd name="connsiteY198" fmla="*/ 2138726 h 2323145"/>
              <a:gd name="connsiteX199" fmla="*/ 3026996 w 11269336"/>
              <a:gd name="connsiteY199" fmla="*/ 2134322 h 2323145"/>
              <a:gd name="connsiteX200" fmla="*/ 3007772 w 11269336"/>
              <a:gd name="connsiteY200" fmla="*/ 2128742 h 2323145"/>
              <a:gd name="connsiteX201" fmla="*/ 2965030 w 11269336"/>
              <a:gd name="connsiteY201" fmla="*/ 2100494 h 2323145"/>
              <a:gd name="connsiteX202" fmla="*/ 2926342 w 11269336"/>
              <a:gd name="connsiteY202" fmla="*/ 2104155 h 2323145"/>
              <a:gd name="connsiteX203" fmla="*/ 2918608 w 11269336"/>
              <a:gd name="connsiteY203" fmla="*/ 2104215 h 2323145"/>
              <a:gd name="connsiteX204" fmla="*/ 2918475 w 11269336"/>
              <a:gd name="connsiteY204" fmla="*/ 2103937 h 2323145"/>
              <a:gd name="connsiteX205" fmla="*/ 2910360 w 11269336"/>
              <a:gd name="connsiteY205" fmla="*/ 2103444 h 2323145"/>
              <a:gd name="connsiteX206" fmla="*/ 2904507 w 11269336"/>
              <a:gd name="connsiteY206" fmla="*/ 2104326 h 2323145"/>
              <a:gd name="connsiteX207" fmla="*/ 2889503 w 11269336"/>
              <a:gd name="connsiteY207" fmla="*/ 2104443 h 2323145"/>
              <a:gd name="connsiteX208" fmla="*/ 2884480 w 11269336"/>
              <a:gd name="connsiteY208" fmla="*/ 2102626 h 2323145"/>
              <a:gd name="connsiteX209" fmla="*/ 2882689 w 11269336"/>
              <a:gd name="connsiteY209" fmla="*/ 2099228 h 2323145"/>
              <a:gd name="connsiteX210" fmla="*/ 2881291 w 11269336"/>
              <a:gd name="connsiteY210" fmla="*/ 2099618 h 2323145"/>
              <a:gd name="connsiteX211" fmla="*/ 2853979 w 11269336"/>
              <a:gd name="connsiteY211" fmla="*/ 2090388 h 2323145"/>
              <a:gd name="connsiteX212" fmla="*/ 2791790 w 11269336"/>
              <a:gd name="connsiteY212" fmla="*/ 2080332 h 2323145"/>
              <a:gd name="connsiteX213" fmla="*/ 2755844 w 11269336"/>
              <a:gd name="connsiteY213" fmla="*/ 2078874 h 2323145"/>
              <a:gd name="connsiteX214" fmla="*/ 2657742 w 11269336"/>
              <a:gd name="connsiteY214" fmla="*/ 2070179 h 2323145"/>
              <a:gd name="connsiteX215" fmla="*/ 2559549 w 11269336"/>
              <a:gd name="connsiteY215" fmla="*/ 2057873 h 2323145"/>
              <a:gd name="connsiteX216" fmla="*/ 2512054 w 11269336"/>
              <a:gd name="connsiteY216" fmla="*/ 2031671 h 2323145"/>
              <a:gd name="connsiteX217" fmla="*/ 2506437 w 11269336"/>
              <a:gd name="connsiteY217" fmla="*/ 2030918 h 2323145"/>
              <a:gd name="connsiteX218" fmla="*/ 2491752 w 11269336"/>
              <a:gd name="connsiteY218" fmla="*/ 2033906 h 2323145"/>
              <a:gd name="connsiteX219" fmla="*/ 2486338 w 11269336"/>
              <a:gd name="connsiteY219" fmla="*/ 2035862 h 2323145"/>
              <a:gd name="connsiteX220" fmla="*/ 2478186 w 11269336"/>
              <a:gd name="connsiteY220" fmla="*/ 2036953 h 2323145"/>
              <a:gd name="connsiteX221" fmla="*/ 2477950 w 11269336"/>
              <a:gd name="connsiteY221" fmla="*/ 2036715 h 2323145"/>
              <a:gd name="connsiteX222" fmla="*/ 2470381 w 11269336"/>
              <a:gd name="connsiteY222" fmla="*/ 2038256 h 2323145"/>
              <a:gd name="connsiteX223" fmla="*/ 2433781 w 11269336"/>
              <a:gd name="connsiteY223" fmla="*/ 2049140 h 2323145"/>
              <a:gd name="connsiteX224" fmla="*/ 2381172 w 11269336"/>
              <a:gd name="connsiteY224" fmla="*/ 2030645 h 2323145"/>
              <a:gd name="connsiteX225" fmla="*/ 2360198 w 11269336"/>
              <a:gd name="connsiteY225" fmla="*/ 2029059 h 2323145"/>
              <a:gd name="connsiteX226" fmla="*/ 2348815 w 11269336"/>
              <a:gd name="connsiteY226" fmla="*/ 2026798 h 2323145"/>
              <a:gd name="connsiteX227" fmla="*/ 2347988 w 11269336"/>
              <a:gd name="connsiteY227" fmla="*/ 2025745 h 2323145"/>
              <a:gd name="connsiteX228" fmla="*/ 2312920 w 11269336"/>
              <a:gd name="connsiteY228" fmla="*/ 2036311 h 2323145"/>
              <a:gd name="connsiteX229" fmla="*/ 2307986 w 11269336"/>
              <a:gd name="connsiteY229" fmla="*/ 2035583 h 2323145"/>
              <a:gd name="connsiteX230" fmla="*/ 2285481 w 11269336"/>
              <a:gd name="connsiteY230" fmla="*/ 2045197 h 2323145"/>
              <a:gd name="connsiteX231" fmla="*/ 2273666 w 11269336"/>
              <a:gd name="connsiteY231" fmla="*/ 2048710 h 2323145"/>
              <a:gd name="connsiteX232" fmla="*/ 2270719 w 11269336"/>
              <a:gd name="connsiteY232" fmla="*/ 2052702 h 2323145"/>
              <a:gd name="connsiteX233" fmla="*/ 2253080 w 11269336"/>
              <a:gd name="connsiteY233" fmla="*/ 2056363 h 2323145"/>
              <a:gd name="connsiteX234" fmla="*/ 2250906 w 11269336"/>
              <a:gd name="connsiteY234" fmla="*/ 2055654 h 2323145"/>
              <a:gd name="connsiteX235" fmla="*/ 2236905 w 11269336"/>
              <a:gd name="connsiteY235" fmla="*/ 2062882 h 2323145"/>
              <a:gd name="connsiteX236" fmla="*/ 2225830 w 11269336"/>
              <a:gd name="connsiteY236" fmla="*/ 2074027 h 2323145"/>
              <a:gd name="connsiteX237" fmla="*/ 2073776 w 11269336"/>
              <a:gd name="connsiteY237" fmla="*/ 2089244 h 2323145"/>
              <a:gd name="connsiteX238" fmla="*/ 1948256 w 11269336"/>
              <a:gd name="connsiteY238" fmla="*/ 2146616 h 2323145"/>
              <a:gd name="connsiteX239" fmla="*/ 1865582 w 11269336"/>
              <a:gd name="connsiteY239" fmla="*/ 2153738 h 2323145"/>
              <a:gd name="connsiteX240" fmla="*/ 1835210 w 11269336"/>
              <a:gd name="connsiteY240" fmla="*/ 2134244 h 2323145"/>
              <a:gd name="connsiteX241" fmla="*/ 1632661 w 11269336"/>
              <a:gd name="connsiteY241" fmla="*/ 2173882 h 2323145"/>
              <a:gd name="connsiteX242" fmla="*/ 1579590 w 11269336"/>
              <a:gd name="connsiteY242" fmla="*/ 2173680 h 2323145"/>
              <a:gd name="connsiteX243" fmla="*/ 1535601 w 11269336"/>
              <a:gd name="connsiteY243" fmla="*/ 2194590 h 2323145"/>
              <a:gd name="connsiteX244" fmla="*/ 1515594 w 11269336"/>
              <a:gd name="connsiteY244" fmla="*/ 2189622 h 2323145"/>
              <a:gd name="connsiteX245" fmla="*/ 1512113 w 11269336"/>
              <a:gd name="connsiteY245" fmla="*/ 2188534 h 2323145"/>
              <a:gd name="connsiteX246" fmla="*/ 1498838 w 11269336"/>
              <a:gd name="connsiteY246" fmla="*/ 2189213 h 2323145"/>
              <a:gd name="connsiteX247" fmla="*/ 1494279 w 11269336"/>
              <a:gd name="connsiteY247" fmla="*/ 2183112 h 2323145"/>
              <a:gd name="connsiteX248" fmla="*/ 1473714 w 11269336"/>
              <a:gd name="connsiteY248" fmla="*/ 2179625 h 2323145"/>
              <a:gd name="connsiteX249" fmla="*/ 1449503 w 11269336"/>
              <a:gd name="connsiteY249" fmla="*/ 2182633 h 2323145"/>
              <a:gd name="connsiteX250" fmla="*/ 1335495 w 11269336"/>
              <a:gd name="connsiteY250" fmla="*/ 2203940 h 2323145"/>
              <a:gd name="connsiteX251" fmla="*/ 1266687 w 11269336"/>
              <a:gd name="connsiteY251" fmla="*/ 2212688 h 2323145"/>
              <a:gd name="connsiteX252" fmla="*/ 1239614 w 11269336"/>
              <a:gd name="connsiteY252" fmla="*/ 2209727 h 2323145"/>
              <a:gd name="connsiteX253" fmla="*/ 1202436 w 11269336"/>
              <a:gd name="connsiteY253" fmla="*/ 2209817 h 2323145"/>
              <a:gd name="connsiteX254" fmla="*/ 1136097 w 11269336"/>
              <a:gd name="connsiteY254" fmla="*/ 2205112 h 2323145"/>
              <a:gd name="connsiteX255" fmla="*/ 1048229 w 11269336"/>
              <a:gd name="connsiteY255" fmla="*/ 2207249 h 2323145"/>
              <a:gd name="connsiteX256" fmla="*/ 988232 w 11269336"/>
              <a:gd name="connsiteY256" fmla="*/ 2235635 h 2323145"/>
              <a:gd name="connsiteX257" fmla="*/ 981959 w 11269336"/>
              <a:gd name="connsiteY257" fmla="*/ 2231607 h 2323145"/>
              <a:gd name="connsiteX258" fmla="*/ 938600 w 11269336"/>
              <a:gd name="connsiteY258" fmla="*/ 2238113 h 2323145"/>
              <a:gd name="connsiteX259" fmla="*/ 791788 w 11269336"/>
              <a:gd name="connsiteY259" fmla="*/ 2293224 h 2323145"/>
              <a:gd name="connsiteX260" fmla="*/ 706914 w 11269336"/>
              <a:gd name="connsiteY260" fmla="*/ 2305046 h 2323145"/>
              <a:gd name="connsiteX261" fmla="*/ 675971 w 11269336"/>
              <a:gd name="connsiteY261" fmla="*/ 2304030 h 2323145"/>
              <a:gd name="connsiteX262" fmla="*/ 624180 w 11269336"/>
              <a:gd name="connsiteY262" fmla="*/ 2302650 h 2323145"/>
              <a:gd name="connsiteX263" fmla="*/ 583453 w 11269336"/>
              <a:gd name="connsiteY263" fmla="*/ 2288788 h 2323145"/>
              <a:gd name="connsiteX264" fmla="*/ 540946 w 11269336"/>
              <a:gd name="connsiteY264" fmla="*/ 2292721 h 2323145"/>
              <a:gd name="connsiteX265" fmla="*/ 533680 w 11269336"/>
              <a:gd name="connsiteY265" fmla="*/ 2310233 h 2323145"/>
              <a:gd name="connsiteX266" fmla="*/ 487366 w 11269336"/>
              <a:gd name="connsiteY266" fmla="*/ 2309053 h 2323145"/>
              <a:gd name="connsiteX267" fmla="*/ 416820 w 11269336"/>
              <a:gd name="connsiteY267" fmla="*/ 2305443 h 2323145"/>
              <a:gd name="connsiteX268" fmla="*/ 376805 w 11269336"/>
              <a:gd name="connsiteY268" fmla="*/ 2307647 h 2323145"/>
              <a:gd name="connsiteX269" fmla="*/ 266777 w 11269336"/>
              <a:gd name="connsiteY269" fmla="*/ 2309012 h 2323145"/>
              <a:gd name="connsiteX270" fmla="*/ 156013 w 11269336"/>
              <a:gd name="connsiteY270" fmla="*/ 2306832 h 2323145"/>
              <a:gd name="connsiteX271" fmla="*/ 87258 w 11269336"/>
              <a:gd name="connsiteY271" fmla="*/ 2285511 h 2323145"/>
              <a:gd name="connsiteX272" fmla="*/ 23798 w 11269336"/>
              <a:gd name="connsiteY272" fmla="*/ 2281822 h 2323145"/>
              <a:gd name="connsiteX273" fmla="*/ 0 w 11269336"/>
              <a:gd name="connsiteY273" fmla="*/ 2285369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296127 w 11269336"/>
              <a:gd name="connsiteY139" fmla="*/ 2023208 h 2323145"/>
              <a:gd name="connsiteX140" fmla="*/ 5092476 w 11269336"/>
              <a:gd name="connsiteY140" fmla="*/ 2100737 h 2323145"/>
              <a:gd name="connsiteX141" fmla="*/ 5060738 w 11269336"/>
              <a:gd name="connsiteY141" fmla="*/ 2083274 h 2323145"/>
              <a:gd name="connsiteX142" fmla="*/ 4860988 w 11269336"/>
              <a:gd name="connsiteY142" fmla="*/ 2135698 h 2323145"/>
              <a:gd name="connsiteX143" fmla="*/ 4807902 w 11269336"/>
              <a:gd name="connsiteY143" fmla="*/ 2138894 h 2323145"/>
              <a:gd name="connsiteX144" fmla="*/ 4765388 w 11269336"/>
              <a:gd name="connsiteY144" fmla="*/ 2162525 h 2323145"/>
              <a:gd name="connsiteX145" fmla="*/ 4745033 w 11269336"/>
              <a:gd name="connsiteY145" fmla="*/ 2158859 h 2323145"/>
              <a:gd name="connsiteX146" fmla="*/ 4741475 w 11269336"/>
              <a:gd name="connsiteY146" fmla="*/ 2157998 h 2323145"/>
              <a:gd name="connsiteX147" fmla="*/ 4728247 w 11269336"/>
              <a:gd name="connsiteY147" fmla="*/ 2159526 h 2323145"/>
              <a:gd name="connsiteX148" fmla="*/ 4723263 w 11269336"/>
              <a:gd name="connsiteY148" fmla="*/ 2153742 h 2323145"/>
              <a:gd name="connsiteX149" fmla="*/ 4702453 w 11269336"/>
              <a:gd name="connsiteY149" fmla="*/ 2151586 h 2323145"/>
              <a:gd name="connsiteX150" fmla="*/ 4678455 w 11269336"/>
              <a:gd name="connsiteY150" fmla="*/ 2156131 h 2323145"/>
              <a:gd name="connsiteX151" fmla="*/ 4593061 w 11269336"/>
              <a:gd name="connsiteY151" fmla="*/ 2171597 h 2323145"/>
              <a:gd name="connsiteX152" fmla="*/ 4579902 w 11269336"/>
              <a:gd name="connsiteY152" fmla="*/ 2177927 h 2323145"/>
              <a:gd name="connsiteX153" fmla="*/ 4533444 w 11269336"/>
              <a:gd name="connsiteY153" fmla="*/ 2181200 h 2323145"/>
              <a:gd name="connsiteX154" fmla="*/ 4492832 w 11269336"/>
              <a:gd name="connsiteY154" fmla="*/ 2188033 h 2323145"/>
              <a:gd name="connsiteX155" fmla="*/ 4467257 w 11269336"/>
              <a:gd name="connsiteY155" fmla="*/ 2196121 h 2323145"/>
              <a:gd name="connsiteX156" fmla="*/ 4459937 w 11269336"/>
              <a:gd name="connsiteY156" fmla="*/ 2195182 h 2323145"/>
              <a:gd name="connsiteX157" fmla="*/ 4433312 w 11269336"/>
              <a:gd name="connsiteY157" fmla="*/ 2199004 h 2323145"/>
              <a:gd name="connsiteX158" fmla="*/ 4420601 w 11269336"/>
              <a:gd name="connsiteY158" fmla="*/ 2205158 h 2323145"/>
              <a:gd name="connsiteX159" fmla="*/ 4405765 w 11269336"/>
              <a:gd name="connsiteY159" fmla="*/ 2199902 h 2323145"/>
              <a:gd name="connsiteX160" fmla="*/ 4401354 w 11269336"/>
              <a:gd name="connsiteY160" fmla="*/ 2194745 h 2323145"/>
              <a:gd name="connsiteX161" fmla="*/ 4383151 w 11269336"/>
              <a:gd name="connsiteY161" fmla="*/ 2201140 h 2323145"/>
              <a:gd name="connsiteX162" fmla="*/ 4366646 w 11269336"/>
              <a:gd name="connsiteY162" fmla="*/ 2198564 h 2323145"/>
              <a:gd name="connsiteX163" fmla="*/ 4354009 w 11269336"/>
              <a:gd name="connsiteY163" fmla="*/ 2204984 h 2323145"/>
              <a:gd name="connsiteX164" fmla="*/ 4348284 w 11269336"/>
              <a:gd name="connsiteY164" fmla="*/ 2205270 h 2323145"/>
              <a:gd name="connsiteX165" fmla="*/ 4333906 w 11269336"/>
              <a:gd name="connsiteY165" fmla="*/ 2205251 h 2323145"/>
              <a:gd name="connsiteX166" fmla="*/ 4308819 w 11269336"/>
              <a:gd name="connsiteY166" fmla="*/ 2203822 h 2323145"/>
              <a:gd name="connsiteX167" fmla="*/ 4301210 w 11269336"/>
              <a:gd name="connsiteY167" fmla="*/ 2204456 h 2323145"/>
              <a:gd name="connsiteX168" fmla="*/ 4283095 w 11269336"/>
              <a:gd name="connsiteY168" fmla="*/ 2198177 h 2323145"/>
              <a:gd name="connsiteX169" fmla="*/ 4250119 w 11269336"/>
              <a:gd name="connsiteY169" fmla="*/ 2196342 h 2323145"/>
              <a:gd name="connsiteX170" fmla="*/ 4189203 w 11269336"/>
              <a:gd name="connsiteY170" fmla="*/ 2178994 h 2323145"/>
              <a:gd name="connsiteX171" fmla="*/ 4154035 w 11269336"/>
              <a:gd name="connsiteY171" fmla="*/ 2171950 h 2323145"/>
              <a:gd name="connsiteX172" fmla="*/ 4129569 w 11269336"/>
              <a:gd name="connsiteY172" fmla="*/ 2163850 h 2323145"/>
              <a:gd name="connsiteX173" fmla="*/ 4061250 w 11269336"/>
              <a:gd name="connsiteY173" fmla="*/ 2159236 h 2323145"/>
              <a:gd name="connsiteX174" fmla="*/ 3945480 w 11269336"/>
              <a:gd name="connsiteY174" fmla="*/ 2158279 h 2323145"/>
              <a:gd name="connsiteX175" fmla="*/ 3921468 w 11269336"/>
              <a:gd name="connsiteY175" fmla="*/ 2156588 h 2323145"/>
              <a:gd name="connsiteX176" fmla="*/ 3903348 w 11269336"/>
              <a:gd name="connsiteY176" fmla="*/ 2149220 h 2323145"/>
              <a:gd name="connsiteX177" fmla="*/ 3901342 w 11269336"/>
              <a:gd name="connsiteY177" fmla="*/ 2142355 h 2323145"/>
              <a:gd name="connsiteX178" fmla="*/ 3888539 w 11269336"/>
              <a:gd name="connsiteY178" fmla="*/ 2140476 h 2323145"/>
              <a:gd name="connsiteX179" fmla="*/ 3885662 w 11269336"/>
              <a:gd name="connsiteY179" fmla="*/ 2138740 h 2323145"/>
              <a:gd name="connsiteX180" fmla="*/ 3868627 w 11269336"/>
              <a:gd name="connsiteY180" fmla="*/ 2130023 h 2323145"/>
              <a:gd name="connsiteX181" fmla="*/ 3819177 w 11269336"/>
              <a:gd name="connsiteY181" fmla="*/ 2142111 h 2323145"/>
              <a:gd name="connsiteX182" fmla="*/ 3769100 w 11269336"/>
              <a:gd name="connsiteY182" fmla="*/ 2131731 h 2323145"/>
              <a:gd name="connsiteX183" fmla="*/ 3562752 w 11269336"/>
              <a:gd name="connsiteY183" fmla="*/ 2131785 h 2323145"/>
              <a:gd name="connsiteX184" fmla="*/ 3541402 w 11269336"/>
              <a:gd name="connsiteY184" fmla="*/ 2106821 h 2323145"/>
              <a:gd name="connsiteX185" fmla="*/ 3460591 w 11269336"/>
              <a:gd name="connsiteY185" fmla="*/ 2097951 h 2323145"/>
              <a:gd name="connsiteX186" fmla="*/ 3320348 w 11269336"/>
              <a:gd name="connsiteY186" fmla="*/ 2130191 h 2323145"/>
              <a:gd name="connsiteX187" fmla="*/ 3170922 w 11269336"/>
              <a:gd name="connsiteY187" fmla="*/ 2115957 h 2323145"/>
              <a:gd name="connsiteX188" fmla="*/ 3156256 w 11269336"/>
              <a:gd name="connsiteY188" fmla="*/ 2124773 h 2323145"/>
              <a:gd name="connsiteX189" fmla="*/ 3140298 w 11269336"/>
              <a:gd name="connsiteY189" fmla="*/ 2129182 h 2323145"/>
              <a:gd name="connsiteX190" fmla="*/ 3138514 w 11269336"/>
              <a:gd name="connsiteY190" fmla="*/ 2128069 h 2323145"/>
              <a:gd name="connsiteX191" fmla="*/ 3120467 w 11269336"/>
              <a:gd name="connsiteY191" fmla="*/ 2128281 h 2323145"/>
              <a:gd name="connsiteX192" fmla="*/ 3116175 w 11269336"/>
              <a:gd name="connsiteY192" fmla="*/ 2131633 h 2323145"/>
              <a:gd name="connsiteX193" fmla="*/ 3103685 w 11269336"/>
              <a:gd name="connsiteY193" fmla="*/ 2132814 h 2323145"/>
              <a:gd name="connsiteX194" fmla="*/ 3078794 w 11269336"/>
              <a:gd name="connsiteY194" fmla="*/ 2137935 h 2323145"/>
              <a:gd name="connsiteX195" fmla="*/ 3074407 w 11269336"/>
              <a:gd name="connsiteY195" fmla="*/ 2136274 h 2323145"/>
              <a:gd name="connsiteX196" fmla="*/ 3037285 w 11269336"/>
              <a:gd name="connsiteY196" fmla="*/ 2139919 h 2323145"/>
              <a:gd name="connsiteX197" fmla="*/ 3036901 w 11269336"/>
              <a:gd name="connsiteY197" fmla="*/ 2138726 h 2323145"/>
              <a:gd name="connsiteX198" fmla="*/ 3026996 w 11269336"/>
              <a:gd name="connsiteY198" fmla="*/ 2134322 h 2323145"/>
              <a:gd name="connsiteX199" fmla="*/ 3007772 w 11269336"/>
              <a:gd name="connsiteY199" fmla="*/ 2128742 h 2323145"/>
              <a:gd name="connsiteX200" fmla="*/ 2965030 w 11269336"/>
              <a:gd name="connsiteY200" fmla="*/ 2100494 h 2323145"/>
              <a:gd name="connsiteX201" fmla="*/ 2926342 w 11269336"/>
              <a:gd name="connsiteY201" fmla="*/ 2104155 h 2323145"/>
              <a:gd name="connsiteX202" fmla="*/ 2918608 w 11269336"/>
              <a:gd name="connsiteY202" fmla="*/ 2104215 h 2323145"/>
              <a:gd name="connsiteX203" fmla="*/ 2918475 w 11269336"/>
              <a:gd name="connsiteY203" fmla="*/ 2103937 h 2323145"/>
              <a:gd name="connsiteX204" fmla="*/ 2910360 w 11269336"/>
              <a:gd name="connsiteY204" fmla="*/ 2103444 h 2323145"/>
              <a:gd name="connsiteX205" fmla="*/ 2904507 w 11269336"/>
              <a:gd name="connsiteY205" fmla="*/ 2104326 h 2323145"/>
              <a:gd name="connsiteX206" fmla="*/ 2889503 w 11269336"/>
              <a:gd name="connsiteY206" fmla="*/ 2104443 h 2323145"/>
              <a:gd name="connsiteX207" fmla="*/ 2884480 w 11269336"/>
              <a:gd name="connsiteY207" fmla="*/ 2102626 h 2323145"/>
              <a:gd name="connsiteX208" fmla="*/ 2882689 w 11269336"/>
              <a:gd name="connsiteY208" fmla="*/ 2099228 h 2323145"/>
              <a:gd name="connsiteX209" fmla="*/ 2881291 w 11269336"/>
              <a:gd name="connsiteY209" fmla="*/ 2099618 h 2323145"/>
              <a:gd name="connsiteX210" fmla="*/ 2853979 w 11269336"/>
              <a:gd name="connsiteY210" fmla="*/ 2090388 h 2323145"/>
              <a:gd name="connsiteX211" fmla="*/ 2791790 w 11269336"/>
              <a:gd name="connsiteY211" fmla="*/ 2080332 h 2323145"/>
              <a:gd name="connsiteX212" fmla="*/ 2755844 w 11269336"/>
              <a:gd name="connsiteY212" fmla="*/ 2078874 h 2323145"/>
              <a:gd name="connsiteX213" fmla="*/ 2657742 w 11269336"/>
              <a:gd name="connsiteY213" fmla="*/ 2070179 h 2323145"/>
              <a:gd name="connsiteX214" fmla="*/ 2559549 w 11269336"/>
              <a:gd name="connsiteY214" fmla="*/ 2057873 h 2323145"/>
              <a:gd name="connsiteX215" fmla="*/ 2512054 w 11269336"/>
              <a:gd name="connsiteY215" fmla="*/ 2031671 h 2323145"/>
              <a:gd name="connsiteX216" fmla="*/ 2506437 w 11269336"/>
              <a:gd name="connsiteY216" fmla="*/ 2030918 h 2323145"/>
              <a:gd name="connsiteX217" fmla="*/ 2491752 w 11269336"/>
              <a:gd name="connsiteY217" fmla="*/ 2033906 h 2323145"/>
              <a:gd name="connsiteX218" fmla="*/ 2486338 w 11269336"/>
              <a:gd name="connsiteY218" fmla="*/ 2035862 h 2323145"/>
              <a:gd name="connsiteX219" fmla="*/ 2478186 w 11269336"/>
              <a:gd name="connsiteY219" fmla="*/ 2036953 h 2323145"/>
              <a:gd name="connsiteX220" fmla="*/ 2477950 w 11269336"/>
              <a:gd name="connsiteY220" fmla="*/ 2036715 h 2323145"/>
              <a:gd name="connsiteX221" fmla="*/ 2470381 w 11269336"/>
              <a:gd name="connsiteY221" fmla="*/ 2038256 h 2323145"/>
              <a:gd name="connsiteX222" fmla="*/ 2433781 w 11269336"/>
              <a:gd name="connsiteY222" fmla="*/ 2049140 h 2323145"/>
              <a:gd name="connsiteX223" fmla="*/ 2381172 w 11269336"/>
              <a:gd name="connsiteY223" fmla="*/ 2030645 h 2323145"/>
              <a:gd name="connsiteX224" fmla="*/ 2360198 w 11269336"/>
              <a:gd name="connsiteY224" fmla="*/ 2029059 h 2323145"/>
              <a:gd name="connsiteX225" fmla="*/ 2348815 w 11269336"/>
              <a:gd name="connsiteY225" fmla="*/ 2026798 h 2323145"/>
              <a:gd name="connsiteX226" fmla="*/ 2347988 w 11269336"/>
              <a:gd name="connsiteY226" fmla="*/ 2025745 h 2323145"/>
              <a:gd name="connsiteX227" fmla="*/ 2312920 w 11269336"/>
              <a:gd name="connsiteY227" fmla="*/ 2036311 h 2323145"/>
              <a:gd name="connsiteX228" fmla="*/ 2307986 w 11269336"/>
              <a:gd name="connsiteY228" fmla="*/ 2035583 h 2323145"/>
              <a:gd name="connsiteX229" fmla="*/ 2285481 w 11269336"/>
              <a:gd name="connsiteY229" fmla="*/ 2045197 h 2323145"/>
              <a:gd name="connsiteX230" fmla="*/ 2273666 w 11269336"/>
              <a:gd name="connsiteY230" fmla="*/ 2048710 h 2323145"/>
              <a:gd name="connsiteX231" fmla="*/ 2270719 w 11269336"/>
              <a:gd name="connsiteY231" fmla="*/ 2052702 h 2323145"/>
              <a:gd name="connsiteX232" fmla="*/ 2253080 w 11269336"/>
              <a:gd name="connsiteY232" fmla="*/ 2056363 h 2323145"/>
              <a:gd name="connsiteX233" fmla="*/ 2250906 w 11269336"/>
              <a:gd name="connsiteY233" fmla="*/ 2055654 h 2323145"/>
              <a:gd name="connsiteX234" fmla="*/ 2236905 w 11269336"/>
              <a:gd name="connsiteY234" fmla="*/ 2062882 h 2323145"/>
              <a:gd name="connsiteX235" fmla="*/ 2225830 w 11269336"/>
              <a:gd name="connsiteY235" fmla="*/ 2074027 h 2323145"/>
              <a:gd name="connsiteX236" fmla="*/ 2073776 w 11269336"/>
              <a:gd name="connsiteY236" fmla="*/ 2089244 h 2323145"/>
              <a:gd name="connsiteX237" fmla="*/ 1948256 w 11269336"/>
              <a:gd name="connsiteY237" fmla="*/ 2146616 h 2323145"/>
              <a:gd name="connsiteX238" fmla="*/ 1865582 w 11269336"/>
              <a:gd name="connsiteY238" fmla="*/ 2153738 h 2323145"/>
              <a:gd name="connsiteX239" fmla="*/ 1835210 w 11269336"/>
              <a:gd name="connsiteY239" fmla="*/ 2134244 h 2323145"/>
              <a:gd name="connsiteX240" fmla="*/ 1632661 w 11269336"/>
              <a:gd name="connsiteY240" fmla="*/ 2173882 h 2323145"/>
              <a:gd name="connsiteX241" fmla="*/ 1579590 w 11269336"/>
              <a:gd name="connsiteY241" fmla="*/ 2173680 h 2323145"/>
              <a:gd name="connsiteX242" fmla="*/ 1535601 w 11269336"/>
              <a:gd name="connsiteY242" fmla="*/ 2194590 h 2323145"/>
              <a:gd name="connsiteX243" fmla="*/ 1515594 w 11269336"/>
              <a:gd name="connsiteY243" fmla="*/ 2189622 h 2323145"/>
              <a:gd name="connsiteX244" fmla="*/ 1512113 w 11269336"/>
              <a:gd name="connsiteY244" fmla="*/ 2188534 h 2323145"/>
              <a:gd name="connsiteX245" fmla="*/ 1498838 w 11269336"/>
              <a:gd name="connsiteY245" fmla="*/ 2189213 h 2323145"/>
              <a:gd name="connsiteX246" fmla="*/ 1494279 w 11269336"/>
              <a:gd name="connsiteY246" fmla="*/ 2183112 h 2323145"/>
              <a:gd name="connsiteX247" fmla="*/ 1473714 w 11269336"/>
              <a:gd name="connsiteY247" fmla="*/ 2179625 h 2323145"/>
              <a:gd name="connsiteX248" fmla="*/ 1449503 w 11269336"/>
              <a:gd name="connsiteY248" fmla="*/ 2182633 h 2323145"/>
              <a:gd name="connsiteX249" fmla="*/ 1335495 w 11269336"/>
              <a:gd name="connsiteY249" fmla="*/ 2203940 h 2323145"/>
              <a:gd name="connsiteX250" fmla="*/ 1266687 w 11269336"/>
              <a:gd name="connsiteY250" fmla="*/ 2212688 h 2323145"/>
              <a:gd name="connsiteX251" fmla="*/ 1239614 w 11269336"/>
              <a:gd name="connsiteY251" fmla="*/ 2209727 h 2323145"/>
              <a:gd name="connsiteX252" fmla="*/ 1202436 w 11269336"/>
              <a:gd name="connsiteY252" fmla="*/ 2209817 h 2323145"/>
              <a:gd name="connsiteX253" fmla="*/ 1136097 w 11269336"/>
              <a:gd name="connsiteY253" fmla="*/ 2205112 h 2323145"/>
              <a:gd name="connsiteX254" fmla="*/ 1048229 w 11269336"/>
              <a:gd name="connsiteY254" fmla="*/ 2207249 h 2323145"/>
              <a:gd name="connsiteX255" fmla="*/ 988232 w 11269336"/>
              <a:gd name="connsiteY255" fmla="*/ 2235635 h 2323145"/>
              <a:gd name="connsiteX256" fmla="*/ 981959 w 11269336"/>
              <a:gd name="connsiteY256" fmla="*/ 2231607 h 2323145"/>
              <a:gd name="connsiteX257" fmla="*/ 938600 w 11269336"/>
              <a:gd name="connsiteY257" fmla="*/ 2238113 h 2323145"/>
              <a:gd name="connsiteX258" fmla="*/ 791788 w 11269336"/>
              <a:gd name="connsiteY258" fmla="*/ 2293224 h 2323145"/>
              <a:gd name="connsiteX259" fmla="*/ 706914 w 11269336"/>
              <a:gd name="connsiteY259" fmla="*/ 2305046 h 2323145"/>
              <a:gd name="connsiteX260" fmla="*/ 675971 w 11269336"/>
              <a:gd name="connsiteY260" fmla="*/ 2304030 h 2323145"/>
              <a:gd name="connsiteX261" fmla="*/ 624180 w 11269336"/>
              <a:gd name="connsiteY261" fmla="*/ 2302650 h 2323145"/>
              <a:gd name="connsiteX262" fmla="*/ 583453 w 11269336"/>
              <a:gd name="connsiteY262" fmla="*/ 2288788 h 2323145"/>
              <a:gd name="connsiteX263" fmla="*/ 540946 w 11269336"/>
              <a:gd name="connsiteY263" fmla="*/ 2292721 h 2323145"/>
              <a:gd name="connsiteX264" fmla="*/ 533680 w 11269336"/>
              <a:gd name="connsiteY264" fmla="*/ 2310233 h 2323145"/>
              <a:gd name="connsiteX265" fmla="*/ 487366 w 11269336"/>
              <a:gd name="connsiteY265" fmla="*/ 2309053 h 2323145"/>
              <a:gd name="connsiteX266" fmla="*/ 416820 w 11269336"/>
              <a:gd name="connsiteY266" fmla="*/ 2305443 h 2323145"/>
              <a:gd name="connsiteX267" fmla="*/ 376805 w 11269336"/>
              <a:gd name="connsiteY267" fmla="*/ 2307647 h 2323145"/>
              <a:gd name="connsiteX268" fmla="*/ 266777 w 11269336"/>
              <a:gd name="connsiteY268" fmla="*/ 2309012 h 2323145"/>
              <a:gd name="connsiteX269" fmla="*/ 156013 w 11269336"/>
              <a:gd name="connsiteY269" fmla="*/ 2306832 h 2323145"/>
              <a:gd name="connsiteX270" fmla="*/ 87258 w 11269336"/>
              <a:gd name="connsiteY270" fmla="*/ 2285511 h 2323145"/>
              <a:gd name="connsiteX271" fmla="*/ 23798 w 11269336"/>
              <a:gd name="connsiteY271" fmla="*/ 2281822 h 2323145"/>
              <a:gd name="connsiteX272" fmla="*/ 0 w 11269336"/>
              <a:gd name="connsiteY272" fmla="*/ 2285369 h 2323145"/>
              <a:gd name="connsiteX273" fmla="*/ 0 w 11269336"/>
              <a:gd name="connsiteY273"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092476 w 11269336"/>
              <a:gd name="connsiteY139" fmla="*/ 2100737 h 2323145"/>
              <a:gd name="connsiteX140" fmla="*/ 5060738 w 11269336"/>
              <a:gd name="connsiteY140" fmla="*/ 208327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460591 w 11269336"/>
              <a:gd name="connsiteY184" fmla="*/ 2097951 h 2323145"/>
              <a:gd name="connsiteX185" fmla="*/ 3320348 w 11269336"/>
              <a:gd name="connsiteY185" fmla="*/ 2130191 h 2323145"/>
              <a:gd name="connsiteX186" fmla="*/ 3170922 w 11269336"/>
              <a:gd name="connsiteY186" fmla="*/ 2115957 h 2323145"/>
              <a:gd name="connsiteX187" fmla="*/ 3156256 w 11269336"/>
              <a:gd name="connsiteY187" fmla="*/ 2124773 h 2323145"/>
              <a:gd name="connsiteX188" fmla="*/ 3140298 w 11269336"/>
              <a:gd name="connsiteY188" fmla="*/ 2129182 h 2323145"/>
              <a:gd name="connsiteX189" fmla="*/ 3138514 w 11269336"/>
              <a:gd name="connsiteY189" fmla="*/ 2128069 h 2323145"/>
              <a:gd name="connsiteX190" fmla="*/ 3120467 w 11269336"/>
              <a:gd name="connsiteY190" fmla="*/ 2128281 h 2323145"/>
              <a:gd name="connsiteX191" fmla="*/ 3116175 w 11269336"/>
              <a:gd name="connsiteY191" fmla="*/ 2131633 h 2323145"/>
              <a:gd name="connsiteX192" fmla="*/ 3103685 w 11269336"/>
              <a:gd name="connsiteY192" fmla="*/ 2132814 h 2323145"/>
              <a:gd name="connsiteX193" fmla="*/ 3078794 w 11269336"/>
              <a:gd name="connsiteY193" fmla="*/ 2137935 h 2323145"/>
              <a:gd name="connsiteX194" fmla="*/ 3074407 w 11269336"/>
              <a:gd name="connsiteY194" fmla="*/ 2136274 h 2323145"/>
              <a:gd name="connsiteX195" fmla="*/ 3037285 w 11269336"/>
              <a:gd name="connsiteY195" fmla="*/ 2139919 h 2323145"/>
              <a:gd name="connsiteX196" fmla="*/ 3036901 w 11269336"/>
              <a:gd name="connsiteY196" fmla="*/ 2138726 h 2323145"/>
              <a:gd name="connsiteX197" fmla="*/ 3026996 w 11269336"/>
              <a:gd name="connsiteY197" fmla="*/ 2134322 h 2323145"/>
              <a:gd name="connsiteX198" fmla="*/ 3007772 w 11269336"/>
              <a:gd name="connsiteY198" fmla="*/ 2128742 h 2323145"/>
              <a:gd name="connsiteX199" fmla="*/ 2965030 w 11269336"/>
              <a:gd name="connsiteY199" fmla="*/ 2100494 h 2323145"/>
              <a:gd name="connsiteX200" fmla="*/ 2926342 w 11269336"/>
              <a:gd name="connsiteY200" fmla="*/ 2104155 h 2323145"/>
              <a:gd name="connsiteX201" fmla="*/ 2918608 w 11269336"/>
              <a:gd name="connsiteY201" fmla="*/ 2104215 h 2323145"/>
              <a:gd name="connsiteX202" fmla="*/ 2918475 w 11269336"/>
              <a:gd name="connsiteY202" fmla="*/ 2103937 h 2323145"/>
              <a:gd name="connsiteX203" fmla="*/ 2910360 w 11269336"/>
              <a:gd name="connsiteY203" fmla="*/ 2103444 h 2323145"/>
              <a:gd name="connsiteX204" fmla="*/ 2904507 w 11269336"/>
              <a:gd name="connsiteY204" fmla="*/ 2104326 h 2323145"/>
              <a:gd name="connsiteX205" fmla="*/ 2889503 w 11269336"/>
              <a:gd name="connsiteY205" fmla="*/ 2104443 h 2323145"/>
              <a:gd name="connsiteX206" fmla="*/ 2884480 w 11269336"/>
              <a:gd name="connsiteY206" fmla="*/ 2102626 h 2323145"/>
              <a:gd name="connsiteX207" fmla="*/ 2882689 w 11269336"/>
              <a:gd name="connsiteY207" fmla="*/ 2099228 h 2323145"/>
              <a:gd name="connsiteX208" fmla="*/ 2881291 w 11269336"/>
              <a:gd name="connsiteY208" fmla="*/ 2099618 h 2323145"/>
              <a:gd name="connsiteX209" fmla="*/ 2853979 w 11269336"/>
              <a:gd name="connsiteY209" fmla="*/ 2090388 h 2323145"/>
              <a:gd name="connsiteX210" fmla="*/ 2791790 w 11269336"/>
              <a:gd name="connsiteY210" fmla="*/ 2080332 h 2323145"/>
              <a:gd name="connsiteX211" fmla="*/ 2755844 w 11269336"/>
              <a:gd name="connsiteY211" fmla="*/ 2078874 h 2323145"/>
              <a:gd name="connsiteX212" fmla="*/ 2657742 w 11269336"/>
              <a:gd name="connsiteY212" fmla="*/ 2070179 h 2323145"/>
              <a:gd name="connsiteX213" fmla="*/ 2559549 w 11269336"/>
              <a:gd name="connsiteY213" fmla="*/ 2057873 h 2323145"/>
              <a:gd name="connsiteX214" fmla="*/ 2512054 w 11269336"/>
              <a:gd name="connsiteY214" fmla="*/ 2031671 h 2323145"/>
              <a:gd name="connsiteX215" fmla="*/ 2506437 w 11269336"/>
              <a:gd name="connsiteY215" fmla="*/ 2030918 h 2323145"/>
              <a:gd name="connsiteX216" fmla="*/ 2491752 w 11269336"/>
              <a:gd name="connsiteY216" fmla="*/ 2033906 h 2323145"/>
              <a:gd name="connsiteX217" fmla="*/ 2486338 w 11269336"/>
              <a:gd name="connsiteY217" fmla="*/ 2035862 h 2323145"/>
              <a:gd name="connsiteX218" fmla="*/ 2478186 w 11269336"/>
              <a:gd name="connsiteY218" fmla="*/ 2036953 h 2323145"/>
              <a:gd name="connsiteX219" fmla="*/ 2477950 w 11269336"/>
              <a:gd name="connsiteY219" fmla="*/ 2036715 h 2323145"/>
              <a:gd name="connsiteX220" fmla="*/ 2470381 w 11269336"/>
              <a:gd name="connsiteY220" fmla="*/ 2038256 h 2323145"/>
              <a:gd name="connsiteX221" fmla="*/ 2433781 w 11269336"/>
              <a:gd name="connsiteY221" fmla="*/ 2049140 h 2323145"/>
              <a:gd name="connsiteX222" fmla="*/ 2381172 w 11269336"/>
              <a:gd name="connsiteY222" fmla="*/ 2030645 h 2323145"/>
              <a:gd name="connsiteX223" fmla="*/ 2360198 w 11269336"/>
              <a:gd name="connsiteY223" fmla="*/ 2029059 h 2323145"/>
              <a:gd name="connsiteX224" fmla="*/ 2348815 w 11269336"/>
              <a:gd name="connsiteY224" fmla="*/ 2026798 h 2323145"/>
              <a:gd name="connsiteX225" fmla="*/ 2347988 w 11269336"/>
              <a:gd name="connsiteY225" fmla="*/ 2025745 h 2323145"/>
              <a:gd name="connsiteX226" fmla="*/ 2312920 w 11269336"/>
              <a:gd name="connsiteY226" fmla="*/ 2036311 h 2323145"/>
              <a:gd name="connsiteX227" fmla="*/ 2307986 w 11269336"/>
              <a:gd name="connsiteY227" fmla="*/ 2035583 h 2323145"/>
              <a:gd name="connsiteX228" fmla="*/ 2285481 w 11269336"/>
              <a:gd name="connsiteY228" fmla="*/ 2045197 h 2323145"/>
              <a:gd name="connsiteX229" fmla="*/ 2273666 w 11269336"/>
              <a:gd name="connsiteY229" fmla="*/ 2048710 h 2323145"/>
              <a:gd name="connsiteX230" fmla="*/ 2270719 w 11269336"/>
              <a:gd name="connsiteY230" fmla="*/ 2052702 h 2323145"/>
              <a:gd name="connsiteX231" fmla="*/ 2253080 w 11269336"/>
              <a:gd name="connsiteY231" fmla="*/ 2056363 h 2323145"/>
              <a:gd name="connsiteX232" fmla="*/ 2250906 w 11269336"/>
              <a:gd name="connsiteY232" fmla="*/ 2055654 h 2323145"/>
              <a:gd name="connsiteX233" fmla="*/ 2236905 w 11269336"/>
              <a:gd name="connsiteY233" fmla="*/ 2062882 h 2323145"/>
              <a:gd name="connsiteX234" fmla="*/ 2225830 w 11269336"/>
              <a:gd name="connsiteY234" fmla="*/ 2074027 h 2323145"/>
              <a:gd name="connsiteX235" fmla="*/ 2073776 w 11269336"/>
              <a:gd name="connsiteY235" fmla="*/ 2089244 h 2323145"/>
              <a:gd name="connsiteX236" fmla="*/ 1948256 w 11269336"/>
              <a:gd name="connsiteY236" fmla="*/ 2146616 h 2323145"/>
              <a:gd name="connsiteX237" fmla="*/ 1865582 w 11269336"/>
              <a:gd name="connsiteY237" fmla="*/ 2153738 h 2323145"/>
              <a:gd name="connsiteX238" fmla="*/ 1835210 w 11269336"/>
              <a:gd name="connsiteY238" fmla="*/ 2134244 h 2323145"/>
              <a:gd name="connsiteX239" fmla="*/ 1632661 w 11269336"/>
              <a:gd name="connsiteY239" fmla="*/ 2173882 h 2323145"/>
              <a:gd name="connsiteX240" fmla="*/ 1579590 w 11269336"/>
              <a:gd name="connsiteY240" fmla="*/ 2173680 h 2323145"/>
              <a:gd name="connsiteX241" fmla="*/ 1535601 w 11269336"/>
              <a:gd name="connsiteY241" fmla="*/ 2194590 h 2323145"/>
              <a:gd name="connsiteX242" fmla="*/ 1515594 w 11269336"/>
              <a:gd name="connsiteY242" fmla="*/ 2189622 h 2323145"/>
              <a:gd name="connsiteX243" fmla="*/ 1512113 w 11269336"/>
              <a:gd name="connsiteY243" fmla="*/ 2188534 h 2323145"/>
              <a:gd name="connsiteX244" fmla="*/ 1498838 w 11269336"/>
              <a:gd name="connsiteY244" fmla="*/ 2189213 h 2323145"/>
              <a:gd name="connsiteX245" fmla="*/ 1494279 w 11269336"/>
              <a:gd name="connsiteY245" fmla="*/ 2183112 h 2323145"/>
              <a:gd name="connsiteX246" fmla="*/ 1473714 w 11269336"/>
              <a:gd name="connsiteY246" fmla="*/ 2179625 h 2323145"/>
              <a:gd name="connsiteX247" fmla="*/ 1449503 w 11269336"/>
              <a:gd name="connsiteY247" fmla="*/ 2182633 h 2323145"/>
              <a:gd name="connsiteX248" fmla="*/ 1335495 w 11269336"/>
              <a:gd name="connsiteY248" fmla="*/ 2203940 h 2323145"/>
              <a:gd name="connsiteX249" fmla="*/ 1266687 w 11269336"/>
              <a:gd name="connsiteY249" fmla="*/ 2212688 h 2323145"/>
              <a:gd name="connsiteX250" fmla="*/ 1239614 w 11269336"/>
              <a:gd name="connsiteY250" fmla="*/ 2209727 h 2323145"/>
              <a:gd name="connsiteX251" fmla="*/ 1202436 w 11269336"/>
              <a:gd name="connsiteY251" fmla="*/ 2209817 h 2323145"/>
              <a:gd name="connsiteX252" fmla="*/ 1136097 w 11269336"/>
              <a:gd name="connsiteY252" fmla="*/ 2205112 h 2323145"/>
              <a:gd name="connsiteX253" fmla="*/ 1048229 w 11269336"/>
              <a:gd name="connsiteY253" fmla="*/ 2207249 h 2323145"/>
              <a:gd name="connsiteX254" fmla="*/ 988232 w 11269336"/>
              <a:gd name="connsiteY254" fmla="*/ 2235635 h 2323145"/>
              <a:gd name="connsiteX255" fmla="*/ 981959 w 11269336"/>
              <a:gd name="connsiteY255" fmla="*/ 2231607 h 2323145"/>
              <a:gd name="connsiteX256" fmla="*/ 938600 w 11269336"/>
              <a:gd name="connsiteY256" fmla="*/ 2238113 h 2323145"/>
              <a:gd name="connsiteX257" fmla="*/ 791788 w 11269336"/>
              <a:gd name="connsiteY257" fmla="*/ 2293224 h 2323145"/>
              <a:gd name="connsiteX258" fmla="*/ 706914 w 11269336"/>
              <a:gd name="connsiteY258" fmla="*/ 2305046 h 2323145"/>
              <a:gd name="connsiteX259" fmla="*/ 675971 w 11269336"/>
              <a:gd name="connsiteY259" fmla="*/ 2304030 h 2323145"/>
              <a:gd name="connsiteX260" fmla="*/ 624180 w 11269336"/>
              <a:gd name="connsiteY260" fmla="*/ 2302650 h 2323145"/>
              <a:gd name="connsiteX261" fmla="*/ 583453 w 11269336"/>
              <a:gd name="connsiteY261" fmla="*/ 2288788 h 2323145"/>
              <a:gd name="connsiteX262" fmla="*/ 540946 w 11269336"/>
              <a:gd name="connsiteY262" fmla="*/ 2292721 h 2323145"/>
              <a:gd name="connsiteX263" fmla="*/ 533680 w 11269336"/>
              <a:gd name="connsiteY263" fmla="*/ 2310233 h 2323145"/>
              <a:gd name="connsiteX264" fmla="*/ 487366 w 11269336"/>
              <a:gd name="connsiteY264" fmla="*/ 2309053 h 2323145"/>
              <a:gd name="connsiteX265" fmla="*/ 416820 w 11269336"/>
              <a:gd name="connsiteY265" fmla="*/ 2305443 h 2323145"/>
              <a:gd name="connsiteX266" fmla="*/ 376805 w 11269336"/>
              <a:gd name="connsiteY266" fmla="*/ 2307647 h 2323145"/>
              <a:gd name="connsiteX267" fmla="*/ 266777 w 11269336"/>
              <a:gd name="connsiteY267" fmla="*/ 2309012 h 2323145"/>
              <a:gd name="connsiteX268" fmla="*/ 156013 w 11269336"/>
              <a:gd name="connsiteY268" fmla="*/ 2306832 h 2323145"/>
              <a:gd name="connsiteX269" fmla="*/ 87258 w 11269336"/>
              <a:gd name="connsiteY269" fmla="*/ 2285511 h 2323145"/>
              <a:gd name="connsiteX270" fmla="*/ 23798 w 11269336"/>
              <a:gd name="connsiteY270" fmla="*/ 2281822 h 2323145"/>
              <a:gd name="connsiteX271" fmla="*/ 0 w 11269336"/>
              <a:gd name="connsiteY271" fmla="*/ 2285369 h 2323145"/>
              <a:gd name="connsiteX272" fmla="*/ 0 w 11269336"/>
              <a:gd name="connsiteY27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60738 w 11269336"/>
              <a:gd name="connsiteY140" fmla="*/ 208327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460591 w 11269336"/>
              <a:gd name="connsiteY184" fmla="*/ 2097951 h 2323145"/>
              <a:gd name="connsiteX185" fmla="*/ 3320348 w 11269336"/>
              <a:gd name="connsiteY185" fmla="*/ 2130191 h 2323145"/>
              <a:gd name="connsiteX186" fmla="*/ 3170922 w 11269336"/>
              <a:gd name="connsiteY186" fmla="*/ 2115957 h 2323145"/>
              <a:gd name="connsiteX187" fmla="*/ 3156256 w 11269336"/>
              <a:gd name="connsiteY187" fmla="*/ 2124773 h 2323145"/>
              <a:gd name="connsiteX188" fmla="*/ 3140298 w 11269336"/>
              <a:gd name="connsiteY188" fmla="*/ 2129182 h 2323145"/>
              <a:gd name="connsiteX189" fmla="*/ 3138514 w 11269336"/>
              <a:gd name="connsiteY189" fmla="*/ 2128069 h 2323145"/>
              <a:gd name="connsiteX190" fmla="*/ 3120467 w 11269336"/>
              <a:gd name="connsiteY190" fmla="*/ 2128281 h 2323145"/>
              <a:gd name="connsiteX191" fmla="*/ 3116175 w 11269336"/>
              <a:gd name="connsiteY191" fmla="*/ 2131633 h 2323145"/>
              <a:gd name="connsiteX192" fmla="*/ 3103685 w 11269336"/>
              <a:gd name="connsiteY192" fmla="*/ 2132814 h 2323145"/>
              <a:gd name="connsiteX193" fmla="*/ 3078794 w 11269336"/>
              <a:gd name="connsiteY193" fmla="*/ 2137935 h 2323145"/>
              <a:gd name="connsiteX194" fmla="*/ 3074407 w 11269336"/>
              <a:gd name="connsiteY194" fmla="*/ 2136274 h 2323145"/>
              <a:gd name="connsiteX195" fmla="*/ 3037285 w 11269336"/>
              <a:gd name="connsiteY195" fmla="*/ 2139919 h 2323145"/>
              <a:gd name="connsiteX196" fmla="*/ 3036901 w 11269336"/>
              <a:gd name="connsiteY196" fmla="*/ 2138726 h 2323145"/>
              <a:gd name="connsiteX197" fmla="*/ 3026996 w 11269336"/>
              <a:gd name="connsiteY197" fmla="*/ 2134322 h 2323145"/>
              <a:gd name="connsiteX198" fmla="*/ 3007772 w 11269336"/>
              <a:gd name="connsiteY198" fmla="*/ 2128742 h 2323145"/>
              <a:gd name="connsiteX199" fmla="*/ 2965030 w 11269336"/>
              <a:gd name="connsiteY199" fmla="*/ 2100494 h 2323145"/>
              <a:gd name="connsiteX200" fmla="*/ 2926342 w 11269336"/>
              <a:gd name="connsiteY200" fmla="*/ 2104155 h 2323145"/>
              <a:gd name="connsiteX201" fmla="*/ 2918608 w 11269336"/>
              <a:gd name="connsiteY201" fmla="*/ 2104215 h 2323145"/>
              <a:gd name="connsiteX202" fmla="*/ 2918475 w 11269336"/>
              <a:gd name="connsiteY202" fmla="*/ 2103937 h 2323145"/>
              <a:gd name="connsiteX203" fmla="*/ 2910360 w 11269336"/>
              <a:gd name="connsiteY203" fmla="*/ 2103444 h 2323145"/>
              <a:gd name="connsiteX204" fmla="*/ 2904507 w 11269336"/>
              <a:gd name="connsiteY204" fmla="*/ 2104326 h 2323145"/>
              <a:gd name="connsiteX205" fmla="*/ 2889503 w 11269336"/>
              <a:gd name="connsiteY205" fmla="*/ 2104443 h 2323145"/>
              <a:gd name="connsiteX206" fmla="*/ 2884480 w 11269336"/>
              <a:gd name="connsiteY206" fmla="*/ 2102626 h 2323145"/>
              <a:gd name="connsiteX207" fmla="*/ 2882689 w 11269336"/>
              <a:gd name="connsiteY207" fmla="*/ 2099228 h 2323145"/>
              <a:gd name="connsiteX208" fmla="*/ 2881291 w 11269336"/>
              <a:gd name="connsiteY208" fmla="*/ 2099618 h 2323145"/>
              <a:gd name="connsiteX209" fmla="*/ 2853979 w 11269336"/>
              <a:gd name="connsiteY209" fmla="*/ 2090388 h 2323145"/>
              <a:gd name="connsiteX210" fmla="*/ 2791790 w 11269336"/>
              <a:gd name="connsiteY210" fmla="*/ 2080332 h 2323145"/>
              <a:gd name="connsiteX211" fmla="*/ 2755844 w 11269336"/>
              <a:gd name="connsiteY211" fmla="*/ 2078874 h 2323145"/>
              <a:gd name="connsiteX212" fmla="*/ 2657742 w 11269336"/>
              <a:gd name="connsiteY212" fmla="*/ 2070179 h 2323145"/>
              <a:gd name="connsiteX213" fmla="*/ 2559549 w 11269336"/>
              <a:gd name="connsiteY213" fmla="*/ 2057873 h 2323145"/>
              <a:gd name="connsiteX214" fmla="*/ 2512054 w 11269336"/>
              <a:gd name="connsiteY214" fmla="*/ 2031671 h 2323145"/>
              <a:gd name="connsiteX215" fmla="*/ 2506437 w 11269336"/>
              <a:gd name="connsiteY215" fmla="*/ 2030918 h 2323145"/>
              <a:gd name="connsiteX216" fmla="*/ 2491752 w 11269336"/>
              <a:gd name="connsiteY216" fmla="*/ 2033906 h 2323145"/>
              <a:gd name="connsiteX217" fmla="*/ 2486338 w 11269336"/>
              <a:gd name="connsiteY217" fmla="*/ 2035862 h 2323145"/>
              <a:gd name="connsiteX218" fmla="*/ 2478186 w 11269336"/>
              <a:gd name="connsiteY218" fmla="*/ 2036953 h 2323145"/>
              <a:gd name="connsiteX219" fmla="*/ 2477950 w 11269336"/>
              <a:gd name="connsiteY219" fmla="*/ 2036715 h 2323145"/>
              <a:gd name="connsiteX220" fmla="*/ 2470381 w 11269336"/>
              <a:gd name="connsiteY220" fmla="*/ 2038256 h 2323145"/>
              <a:gd name="connsiteX221" fmla="*/ 2433781 w 11269336"/>
              <a:gd name="connsiteY221" fmla="*/ 2049140 h 2323145"/>
              <a:gd name="connsiteX222" fmla="*/ 2381172 w 11269336"/>
              <a:gd name="connsiteY222" fmla="*/ 2030645 h 2323145"/>
              <a:gd name="connsiteX223" fmla="*/ 2360198 w 11269336"/>
              <a:gd name="connsiteY223" fmla="*/ 2029059 h 2323145"/>
              <a:gd name="connsiteX224" fmla="*/ 2348815 w 11269336"/>
              <a:gd name="connsiteY224" fmla="*/ 2026798 h 2323145"/>
              <a:gd name="connsiteX225" fmla="*/ 2347988 w 11269336"/>
              <a:gd name="connsiteY225" fmla="*/ 2025745 h 2323145"/>
              <a:gd name="connsiteX226" fmla="*/ 2312920 w 11269336"/>
              <a:gd name="connsiteY226" fmla="*/ 2036311 h 2323145"/>
              <a:gd name="connsiteX227" fmla="*/ 2307986 w 11269336"/>
              <a:gd name="connsiteY227" fmla="*/ 2035583 h 2323145"/>
              <a:gd name="connsiteX228" fmla="*/ 2285481 w 11269336"/>
              <a:gd name="connsiteY228" fmla="*/ 2045197 h 2323145"/>
              <a:gd name="connsiteX229" fmla="*/ 2273666 w 11269336"/>
              <a:gd name="connsiteY229" fmla="*/ 2048710 h 2323145"/>
              <a:gd name="connsiteX230" fmla="*/ 2270719 w 11269336"/>
              <a:gd name="connsiteY230" fmla="*/ 2052702 h 2323145"/>
              <a:gd name="connsiteX231" fmla="*/ 2253080 w 11269336"/>
              <a:gd name="connsiteY231" fmla="*/ 2056363 h 2323145"/>
              <a:gd name="connsiteX232" fmla="*/ 2250906 w 11269336"/>
              <a:gd name="connsiteY232" fmla="*/ 2055654 h 2323145"/>
              <a:gd name="connsiteX233" fmla="*/ 2236905 w 11269336"/>
              <a:gd name="connsiteY233" fmla="*/ 2062882 h 2323145"/>
              <a:gd name="connsiteX234" fmla="*/ 2225830 w 11269336"/>
              <a:gd name="connsiteY234" fmla="*/ 2074027 h 2323145"/>
              <a:gd name="connsiteX235" fmla="*/ 2073776 w 11269336"/>
              <a:gd name="connsiteY235" fmla="*/ 2089244 h 2323145"/>
              <a:gd name="connsiteX236" fmla="*/ 1948256 w 11269336"/>
              <a:gd name="connsiteY236" fmla="*/ 2146616 h 2323145"/>
              <a:gd name="connsiteX237" fmla="*/ 1865582 w 11269336"/>
              <a:gd name="connsiteY237" fmla="*/ 2153738 h 2323145"/>
              <a:gd name="connsiteX238" fmla="*/ 1835210 w 11269336"/>
              <a:gd name="connsiteY238" fmla="*/ 2134244 h 2323145"/>
              <a:gd name="connsiteX239" fmla="*/ 1632661 w 11269336"/>
              <a:gd name="connsiteY239" fmla="*/ 2173882 h 2323145"/>
              <a:gd name="connsiteX240" fmla="*/ 1579590 w 11269336"/>
              <a:gd name="connsiteY240" fmla="*/ 2173680 h 2323145"/>
              <a:gd name="connsiteX241" fmla="*/ 1535601 w 11269336"/>
              <a:gd name="connsiteY241" fmla="*/ 2194590 h 2323145"/>
              <a:gd name="connsiteX242" fmla="*/ 1515594 w 11269336"/>
              <a:gd name="connsiteY242" fmla="*/ 2189622 h 2323145"/>
              <a:gd name="connsiteX243" fmla="*/ 1512113 w 11269336"/>
              <a:gd name="connsiteY243" fmla="*/ 2188534 h 2323145"/>
              <a:gd name="connsiteX244" fmla="*/ 1498838 w 11269336"/>
              <a:gd name="connsiteY244" fmla="*/ 2189213 h 2323145"/>
              <a:gd name="connsiteX245" fmla="*/ 1494279 w 11269336"/>
              <a:gd name="connsiteY245" fmla="*/ 2183112 h 2323145"/>
              <a:gd name="connsiteX246" fmla="*/ 1473714 w 11269336"/>
              <a:gd name="connsiteY246" fmla="*/ 2179625 h 2323145"/>
              <a:gd name="connsiteX247" fmla="*/ 1449503 w 11269336"/>
              <a:gd name="connsiteY247" fmla="*/ 2182633 h 2323145"/>
              <a:gd name="connsiteX248" fmla="*/ 1335495 w 11269336"/>
              <a:gd name="connsiteY248" fmla="*/ 2203940 h 2323145"/>
              <a:gd name="connsiteX249" fmla="*/ 1266687 w 11269336"/>
              <a:gd name="connsiteY249" fmla="*/ 2212688 h 2323145"/>
              <a:gd name="connsiteX250" fmla="*/ 1239614 w 11269336"/>
              <a:gd name="connsiteY250" fmla="*/ 2209727 h 2323145"/>
              <a:gd name="connsiteX251" fmla="*/ 1202436 w 11269336"/>
              <a:gd name="connsiteY251" fmla="*/ 2209817 h 2323145"/>
              <a:gd name="connsiteX252" fmla="*/ 1136097 w 11269336"/>
              <a:gd name="connsiteY252" fmla="*/ 2205112 h 2323145"/>
              <a:gd name="connsiteX253" fmla="*/ 1048229 w 11269336"/>
              <a:gd name="connsiteY253" fmla="*/ 2207249 h 2323145"/>
              <a:gd name="connsiteX254" fmla="*/ 988232 w 11269336"/>
              <a:gd name="connsiteY254" fmla="*/ 2235635 h 2323145"/>
              <a:gd name="connsiteX255" fmla="*/ 981959 w 11269336"/>
              <a:gd name="connsiteY255" fmla="*/ 2231607 h 2323145"/>
              <a:gd name="connsiteX256" fmla="*/ 938600 w 11269336"/>
              <a:gd name="connsiteY256" fmla="*/ 2238113 h 2323145"/>
              <a:gd name="connsiteX257" fmla="*/ 791788 w 11269336"/>
              <a:gd name="connsiteY257" fmla="*/ 2293224 h 2323145"/>
              <a:gd name="connsiteX258" fmla="*/ 706914 w 11269336"/>
              <a:gd name="connsiteY258" fmla="*/ 2305046 h 2323145"/>
              <a:gd name="connsiteX259" fmla="*/ 675971 w 11269336"/>
              <a:gd name="connsiteY259" fmla="*/ 2304030 h 2323145"/>
              <a:gd name="connsiteX260" fmla="*/ 624180 w 11269336"/>
              <a:gd name="connsiteY260" fmla="*/ 2302650 h 2323145"/>
              <a:gd name="connsiteX261" fmla="*/ 583453 w 11269336"/>
              <a:gd name="connsiteY261" fmla="*/ 2288788 h 2323145"/>
              <a:gd name="connsiteX262" fmla="*/ 540946 w 11269336"/>
              <a:gd name="connsiteY262" fmla="*/ 2292721 h 2323145"/>
              <a:gd name="connsiteX263" fmla="*/ 533680 w 11269336"/>
              <a:gd name="connsiteY263" fmla="*/ 2310233 h 2323145"/>
              <a:gd name="connsiteX264" fmla="*/ 487366 w 11269336"/>
              <a:gd name="connsiteY264" fmla="*/ 2309053 h 2323145"/>
              <a:gd name="connsiteX265" fmla="*/ 416820 w 11269336"/>
              <a:gd name="connsiteY265" fmla="*/ 2305443 h 2323145"/>
              <a:gd name="connsiteX266" fmla="*/ 376805 w 11269336"/>
              <a:gd name="connsiteY266" fmla="*/ 2307647 h 2323145"/>
              <a:gd name="connsiteX267" fmla="*/ 266777 w 11269336"/>
              <a:gd name="connsiteY267" fmla="*/ 2309012 h 2323145"/>
              <a:gd name="connsiteX268" fmla="*/ 156013 w 11269336"/>
              <a:gd name="connsiteY268" fmla="*/ 2306832 h 2323145"/>
              <a:gd name="connsiteX269" fmla="*/ 87258 w 11269336"/>
              <a:gd name="connsiteY269" fmla="*/ 2285511 h 2323145"/>
              <a:gd name="connsiteX270" fmla="*/ 23798 w 11269336"/>
              <a:gd name="connsiteY270" fmla="*/ 2281822 h 2323145"/>
              <a:gd name="connsiteX271" fmla="*/ 0 w 11269336"/>
              <a:gd name="connsiteY271" fmla="*/ 2285369 h 2323145"/>
              <a:gd name="connsiteX272" fmla="*/ 0 w 11269336"/>
              <a:gd name="connsiteY27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460591 w 11269336"/>
              <a:gd name="connsiteY184" fmla="*/ 2097951 h 2323145"/>
              <a:gd name="connsiteX185" fmla="*/ 3320348 w 11269336"/>
              <a:gd name="connsiteY185" fmla="*/ 2130191 h 2323145"/>
              <a:gd name="connsiteX186" fmla="*/ 3170922 w 11269336"/>
              <a:gd name="connsiteY186" fmla="*/ 2115957 h 2323145"/>
              <a:gd name="connsiteX187" fmla="*/ 3156256 w 11269336"/>
              <a:gd name="connsiteY187" fmla="*/ 2124773 h 2323145"/>
              <a:gd name="connsiteX188" fmla="*/ 3140298 w 11269336"/>
              <a:gd name="connsiteY188" fmla="*/ 2129182 h 2323145"/>
              <a:gd name="connsiteX189" fmla="*/ 3138514 w 11269336"/>
              <a:gd name="connsiteY189" fmla="*/ 2128069 h 2323145"/>
              <a:gd name="connsiteX190" fmla="*/ 3120467 w 11269336"/>
              <a:gd name="connsiteY190" fmla="*/ 2128281 h 2323145"/>
              <a:gd name="connsiteX191" fmla="*/ 3116175 w 11269336"/>
              <a:gd name="connsiteY191" fmla="*/ 2131633 h 2323145"/>
              <a:gd name="connsiteX192" fmla="*/ 3103685 w 11269336"/>
              <a:gd name="connsiteY192" fmla="*/ 2132814 h 2323145"/>
              <a:gd name="connsiteX193" fmla="*/ 3078794 w 11269336"/>
              <a:gd name="connsiteY193" fmla="*/ 2137935 h 2323145"/>
              <a:gd name="connsiteX194" fmla="*/ 3074407 w 11269336"/>
              <a:gd name="connsiteY194" fmla="*/ 2136274 h 2323145"/>
              <a:gd name="connsiteX195" fmla="*/ 3037285 w 11269336"/>
              <a:gd name="connsiteY195" fmla="*/ 2139919 h 2323145"/>
              <a:gd name="connsiteX196" fmla="*/ 3036901 w 11269336"/>
              <a:gd name="connsiteY196" fmla="*/ 2138726 h 2323145"/>
              <a:gd name="connsiteX197" fmla="*/ 3026996 w 11269336"/>
              <a:gd name="connsiteY197" fmla="*/ 2134322 h 2323145"/>
              <a:gd name="connsiteX198" fmla="*/ 3007772 w 11269336"/>
              <a:gd name="connsiteY198" fmla="*/ 2128742 h 2323145"/>
              <a:gd name="connsiteX199" fmla="*/ 2965030 w 11269336"/>
              <a:gd name="connsiteY199" fmla="*/ 2100494 h 2323145"/>
              <a:gd name="connsiteX200" fmla="*/ 2926342 w 11269336"/>
              <a:gd name="connsiteY200" fmla="*/ 2104155 h 2323145"/>
              <a:gd name="connsiteX201" fmla="*/ 2918608 w 11269336"/>
              <a:gd name="connsiteY201" fmla="*/ 2104215 h 2323145"/>
              <a:gd name="connsiteX202" fmla="*/ 2918475 w 11269336"/>
              <a:gd name="connsiteY202" fmla="*/ 2103937 h 2323145"/>
              <a:gd name="connsiteX203" fmla="*/ 2910360 w 11269336"/>
              <a:gd name="connsiteY203" fmla="*/ 2103444 h 2323145"/>
              <a:gd name="connsiteX204" fmla="*/ 2904507 w 11269336"/>
              <a:gd name="connsiteY204" fmla="*/ 2104326 h 2323145"/>
              <a:gd name="connsiteX205" fmla="*/ 2889503 w 11269336"/>
              <a:gd name="connsiteY205" fmla="*/ 2104443 h 2323145"/>
              <a:gd name="connsiteX206" fmla="*/ 2884480 w 11269336"/>
              <a:gd name="connsiteY206" fmla="*/ 2102626 h 2323145"/>
              <a:gd name="connsiteX207" fmla="*/ 2882689 w 11269336"/>
              <a:gd name="connsiteY207" fmla="*/ 2099228 h 2323145"/>
              <a:gd name="connsiteX208" fmla="*/ 2881291 w 11269336"/>
              <a:gd name="connsiteY208" fmla="*/ 2099618 h 2323145"/>
              <a:gd name="connsiteX209" fmla="*/ 2853979 w 11269336"/>
              <a:gd name="connsiteY209" fmla="*/ 2090388 h 2323145"/>
              <a:gd name="connsiteX210" fmla="*/ 2791790 w 11269336"/>
              <a:gd name="connsiteY210" fmla="*/ 2080332 h 2323145"/>
              <a:gd name="connsiteX211" fmla="*/ 2755844 w 11269336"/>
              <a:gd name="connsiteY211" fmla="*/ 2078874 h 2323145"/>
              <a:gd name="connsiteX212" fmla="*/ 2657742 w 11269336"/>
              <a:gd name="connsiteY212" fmla="*/ 2070179 h 2323145"/>
              <a:gd name="connsiteX213" fmla="*/ 2559549 w 11269336"/>
              <a:gd name="connsiteY213" fmla="*/ 2057873 h 2323145"/>
              <a:gd name="connsiteX214" fmla="*/ 2512054 w 11269336"/>
              <a:gd name="connsiteY214" fmla="*/ 2031671 h 2323145"/>
              <a:gd name="connsiteX215" fmla="*/ 2506437 w 11269336"/>
              <a:gd name="connsiteY215" fmla="*/ 2030918 h 2323145"/>
              <a:gd name="connsiteX216" fmla="*/ 2491752 w 11269336"/>
              <a:gd name="connsiteY216" fmla="*/ 2033906 h 2323145"/>
              <a:gd name="connsiteX217" fmla="*/ 2486338 w 11269336"/>
              <a:gd name="connsiteY217" fmla="*/ 2035862 h 2323145"/>
              <a:gd name="connsiteX218" fmla="*/ 2478186 w 11269336"/>
              <a:gd name="connsiteY218" fmla="*/ 2036953 h 2323145"/>
              <a:gd name="connsiteX219" fmla="*/ 2477950 w 11269336"/>
              <a:gd name="connsiteY219" fmla="*/ 2036715 h 2323145"/>
              <a:gd name="connsiteX220" fmla="*/ 2470381 w 11269336"/>
              <a:gd name="connsiteY220" fmla="*/ 2038256 h 2323145"/>
              <a:gd name="connsiteX221" fmla="*/ 2433781 w 11269336"/>
              <a:gd name="connsiteY221" fmla="*/ 2049140 h 2323145"/>
              <a:gd name="connsiteX222" fmla="*/ 2381172 w 11269336"/>
              <a:gd name="connsiteY222" fmla="*/ 2030645 h 2323145"/>
              <a:gd name="connsiteX223" fmla="*/ 2360198 w 11269336"/>
              <a:gd name="connsiteY223" fmla="*/ 2029059 h 2323145"/>
              <a:gd name="connsiteX224" fmla="*/ 2348815 w 11269336"/>
              <a:gd name="connsiteY224" fmla="*/ 2026798 h 2323145"/>
              <a:gd name="connsiteX225" fmla="*/ 2347988 w 11269336"/>
              <a:gd name="connsiteY225" fmla="*/ 2025745 h 2323145"/>
              <a:gd name="connsiteX226" fmla="*/ 2312920 w 11269336"/>
              <a:gd name="connsiteY226" fmla="*/ 2036311 h 2323145"/>
              <a:gd name="connsiteX227" fmla="*/ 2307986 w 11269336"/>
              <a:gd name="connsiteY227" fmla="*/ 2035583 h 2323145"/>
              <a:gd name="connsiteX228" fmla="*/ 2285481 w 11269336"/>
              <a:gd name="connsiteY228" fmla="*/ 2045197 h 2323145"/>
              <a:gd name="connsiteX229" fmla="*/ 2273666 w 11269336"/>
              <a:gd name="connsiteY229" fmla="*/ 2048710 h 2323145"/>
              <a:gd name="connsiteX230" fmla="*/ 2270719 w 11269336"/>
              <a:gd name="connsiteY230" fmla="*/ 2052702 h 2323145"/>
              <a:gd name="connsiteX231" fmla="*/ 2253080 w 11269336"/>
              <a:gd name="connsiteY231" fmla="*/ 2056363 h 2323145"/>
              <a:gd name="connsiteX232" fmla="*/ 2250906 w 11269336"/>
              <a:gd name="connsiteY232" fmla="*/ 2055654 h 2323145"/>
              <a:gd name="connsiteX233" fmla="*/ 2236905 w 11269336"/>
              <a:gd name="connsiteY233" fmla="*/ 2062882 h 2323145"/>
              <a:gd name="connsiteX234" fmla="*/ 2225830 w 11269336"/>
              <a:gd name="connsiteY234" fmla="*/ 2074027 h 2323145"/>
              <a:gd name="connsiteX235" fmla="*/ 2073776 w 11269336"/>
              <a:gd name="connsiteY235" fmla="*/ 2089244 h 2323145"/>
              <a:gd name="connsiteX236" fmla="*/ 1948256 w 11269336"/>
              <a:gd name="connsiteY236" fmla="*/ 2146616 h 2323145"/>
              <a:gd name="connsiteX237" fmla="*/ 1865582 w 11269336"/>
              <a:gd name="connsiteY237" fmla="*/ 2153738 h 2323145"/>
              <a:gd name="connsiteX238" fmla="*/ 1835210 w 11269336"/>
              <a:gd name="connsiteY238" fmla="*/ 2134244 h 2323145"/>
              <a:gd name="connsiteX239" fmla="*/ 1632661 w 11269336"/>
              <a:gd name="connsiteY239" fmla="*/ 2173882 h 2323145"/>
              <a:gd name="connsiteX240" fmla="*/ 1579590 w 11269336"/>
              <a:gd name="connsiteY240" fmla="*/ 2173680 h 2323145"/>
              <a:gd name="connsiteX241" fmla="*/ 1535601 w 11269336"/>
              <a:gd name="connsiteY241" fmla="*/ 2194590 h 2323145"/>
              <a:gd name="connsiteX242" fmla="*/ 1515594 w 11269336"/>
              <a:gd name="connsiteY242" fmla="*/ 2189622 h 2323145"/>
              <a:gd name="connsiteX243" fmla="*/ 1512113 w 11269336"/>
              <a:gd name="connsiteY243" fmla="*/ 2188534 h 2323145"/>
              <a:gd name="connsiteX244" fmla="*/ 1498838 w 11269336"/>
              <a:gd name="connsiteY244" fmla="*/ 2189213 h 2323145"/>
              <a:gd name="connsiteX245" fmla="*/ 1494279 w 11269336"/>
              <a:gd name="connsiteY245" fmla="*/ 2183112 h 2323145"/>
              <a:gd name="connsiteX246" fmla="*/ 1473714 w 11269336"/>
              <a:gd name="connsiteY246" fmla="*/ 2179625 h 2323145"/>
              <a:gd name="connsiteX247" fmla="*/ 1449503 w 11269336"/>
              <a:gd name="connsiteY247" fmla="*/ 2182633 h 2323145"/>
              <a:gd name="connsiteX248" fmla="*/ 1335495 w 11269336"/>
              <a:gd name="connsiteY248" fmla="*/ 2203940 h 2323145"/>
              <a:gd name="connsiteX249" fmla="*/ 1266687 w 11269336"/>
              <a:gd name="connsiteY249" fmla="*/ 2212688 h 2323145"/>
              <a:gd name="connsiteX250" fmla="*/ 1239614 w 11269336"/>
              <a:gd name="connsiteY250" fmla="*/ 2209727 h 2323145"/>
              <a:gd name="connsiteX251" fmla="*/ 1202436 w 11269336"/>
              <a:gd name="connsiteY251" fmla="*/ 2209817 h 2323145"/>
              <a:gd name="connsiteX252" fmla="*/ 1136097 w 11269336"/>
              <a:gd name="connsiteY252" fmla="*/ 2205112 h 2323145"/>
              <a:gd name="connsiteX253" fmla="*/ 1048229 w 11269336"/>
              <a:gd name="connsiteY253" fmla="*/ 2207249 h 2323145"/>
              <a:gd name="connsiteX254" fmla="*/ 988232 w 11269336"/>
              <a:gd name="connsiteY254" fmla="*/ 2235635 h 2323145"/>
              <a:gd name="connsiteX255" fmla="*/ 981959 w 11269336"/>
              <a:gd name="connsiteY255" fmla="*/ 2231607 h 2323145"/>
              <a:gd name="connsiteX256" fmla="*/ 938600 w 11269336"/>
              <a:gd name="connsiteY256" fmla="*/ 2238113 h 2323145"/>
              <a:gd name="connsiteX257" fmla="*/ 791788 w 11269336"/>
              <a:gd name="connsiteY257" fmla="*/ 2293224 h 2323145"/>
              <a:gd name="connsiteX258" fmla="*/ 706914 w 11269336"/>
              <a:gd name="connsiteY258" fmla="*/ 2305046 h 2323145"/>
              <a:gd name="connsiteX259" fmla="*/ 675971 w 11269336"/>
              <a:gd name="connsiteY259" fmla="*/ 2304030 h 2323145"/>
              <a:gd name="connsiteX260" fmla="*/ 624180 w 11269336"/>
              <a:gd name="connsiteY260" fmla="*/ 2302650 h 2323145"/>
              <a:gd name="connsiteX261" fmla="*/ 583453 w 11269336"/>
              <a:gd name="connsiteY261" fmla="*/ 2288788 h 2323145"/>
              <a:gd name="connsiteX262" fmla="*/ 540946 w 11269336"/>
              <a:gd name="connsiteY262" fmla="*/ 2292721 h 2323145"/>
              <a:gd name="connsiteX263" fmla="*/ 533680 w 11269336"/>
              <a:gd name="connsiteY263" fmla="*/ 2310233 h 2323145"/>
              <a:gd name="connsiteX264" fmla="*/ 487366 w 11269336"/>
              <a:gd name="connsiteY264" fmla="*/ 2309053 h 2323145"/>
              <a:gd name="connsiteX265" fmla="*/ 416820 w 11269336"/>
              <a:gd name="connsiteY265" fmla="*/ 2305443 h 2323145"/>
              <a:gd name="connsiteX266" fmla="*/ 376805 w 11269336"/>
              <a:gd name="connsiteY266" fmla="*/ 2307647 h 2323145"/>
              <a:gd name="connsiteX267" fmla="*/ 266777 w 11269336"/>
              <a:gd name="connsiteY267" fmla="*/ 2309012 h 2323145"/>
              <a:gd name="connsiteX268" fmla="*/ 156013 w 11269336"/>
              <a:gd name="connsiteY268" fmla="*/ 2306832 h 2323145"/>
              <a:gd name="connsiteX269" fmla="*/ 87258 w 11269336"/>
              <a:gd name="connsiteY269" fmla="*/ 2285511 h 2323145"/>
              <a:gd name="connsiteX270" fmla="*/ 23798 w 11269336"/>
              <a:gd name="connsiteY270" fmla="*/ 2281822 h 2323145"/>
              <a:gd name="connsiteX271" fmla="*/ 0 w 11269336"/>
              <a:gd name="connsiteY271" fmla="*/ 2285369 h 2323145"/>
              <a:gd name="connsiteX272" fmla="*/ 0 w 11269336"/>
              <a:gd name="connsiteY27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460591 w 11269336"/>
              <a:gd name="connsiteY184" fmla="*/ 2097951 h 2323145"/>
              <a:gd name="connsiteX185" fmla="*/ 3170922 w 11269336"/>
              <a:gd name="connsiteY185" fmla="*/ 2115957 h 2323145"/>
              <a:gd name="connsiteX186" fmla="*/ 3156256 w 11269336"/>
              <a:gd name="connsiteY186" fmla="*/ 2124773 h 2323145"/>
              <a:gd name="connsiteX187" fmla="*/ 3140298 w 11269336"/>
              <a:gd name="connsiteY187" fmla="*/ 2129182 h 2323145"/>
              <a:gd name="connsiteX188" fmla="*/ 3138514 w 11269336"/>
              <a:gd name="connsiteY188" fmla="*/ 2128069 h 2323145"/>
              <a:gd name="connsiteX189" fmla="*/ 3120467 w 11269336"/>
              <a:gd name="connsiteY189" fmla="*/ 2128281 h 2323145"/>
              <a:gd name="connsiteX190" fmla="*/ 3116175 w 11269336"/>
              <a:gd name="connsiteY190" fmla="*/ 2131633 h 2323145"/>
              <a:gd name="connsiteX191" fmla="*/ 3103685 w 11269336"/>
              <a:gd name="connsiteY191" fmla="*/ 2132814 h 2323145"/>
              <a:gd name="connsiteX192" fmla="*/ 3078794 w 11269336"/>
              <a:gd name="connsiteY192" fmla="*/ 2137935 h 2323145"/>
              <a:gd name="connsiteX193" fmla="*/ 3074407 w 11269336"/>
              <a:gd name="connsiteY193" fmla="*/ 2136274 h 2323145"/>
              <a:gd name="connsiteX194" fmla="*/ 3037285 w 11269336"/>
              <a:gd name="connsiteY194" fmla="*/ 2139919 h 2323145"/>
              <a:gd name="connsiteX195" fmla="*/ 3036901 w 11269336"/>
              <a:gd name="connsiteY195" fmla="*/ 2138726 h 2323145"/>
              <a:gd name="connsiteX196" fmla="*/ 3026996 w 11269336"/>
              <a:gd name="connsiteY196" fmla="*/ 2134322 h 2323145"/>
              <a:gd name="connsiteX197" fmla="*/ 3007772 w 11269336"/>
              <a:gd name="connsiteY197" fmla="*/ 2128742 h 2323145"/>
              <a:gd name="connsiteX198" fmla="*/ 2965030 w 11269336"/>
              <a:gd name="connsiteY198" fmla="*/ 2100494 h 2323145"/>
              <a:gd name="connsiteX199" fmla="*/ 2926342 w 11269336"/>
              <a:gd name="connsiteY199" fmla="*/ 2104155 h 2323145"/>
              <a:gd name="connsiteX200" fmla="*/ 2918608 w 11269336"/>
              <a:gd name="connsiteY200" fmla="*/ 2104215 h 2323145"/>
              <a:gd name="connsiteX201" fmla="*/ 2918475 w 11269336"/>
              <a:gd name="connsiteY201" fmla="*/ 2103937 h 2323145"/>
              <a:gd name="connsiteX202" fmla="*/ 2910360 w 11269336"/>
              <a:gd name="connsiteY202" fmla="*/ 2103444 h 2323145"/>
              <a:gd name="connsiteX203" fmla="*/ 2904507 w 11269336"/>
              <a:gd name="connsiteY203" fmla="*/ 2104326 h 2323145"/>
              <a:gd name="connsiteX204" fmla="*/ 2889503 w 11269336"/>
              <a:gd name="connsiteY204" fmla="*/ 2104443 h 2323145"/>
              <a:gd name="connsiteX205" fmla="*/ 2884480 w 11269336"/>
              <a:gd name="connsiteY205" fmla="*/ 2102626 h 2323145"/>
              <a:gd name="connsiteX206" fmla="*/ 2882689 w 11269336"/>
              <a:gd name="connsiteY206" fmla="*/ 2099228 h 2323145"/>
              <a:gd name="connsiteX207" fmla="*/ 2881291 w 11269336"/>
              <a:gd name="connsiteY207" fmla="*/ 2099618 h 2323145"/>
              <a:gd name="connsiteX208" fmla="*/ 2853979 w 11269336"/>
              <a:gd name="connsiteY208" fmla="*/ 2090388 h 2323145"/>
              <a:gd name="connsiteX209" fmla="*/ 2791790 w 11269336"/>
              <a:gd name="connsiteY209" fmla="*/ 2080332 h 2323145"/>
              <a:gd name="connsiteX210" fmla="*/ 2755844 w 11269336"/>
              <a:gd name="connsiteY210" fmla="*/ 2078874 h 2323145"/>
              <a:gd name="connsiteX211" fmla="*/ 2657742 w 11269336"/>
              <a:gd name="connsiteY211" fmla="*/ 2070179 h 2323145"/>
              <a:gd name="connsiteX212" fmla="*/ 2559549 w 11269336"/>
              <a:gd name="connsiteY212" fmla="*/ 2057873 h 2323145"/>
              <a:gd name="connsiteX213" fmla="*/ 2512054 w 11269336"/>
              <a:gd name="connsiteY213" fmla="*/ 2031671 h 2323145"/>
              <a:gd name="connsiteX214" fmla="*/ 2506437 w 11269336"/>
              <a:gd name="connsiteY214" fmla="*/ 2030918 h 2323145"/>
              <a:gd name="connsiteX215" fmla="*/ 2491752 w 11269336"/>
              <a:gd name="connsiteY215" fmla="*/ 2033906 h 2323145"/>
              <a:gd name="connsiteX216" fmla="*/ 2486338 w 11269336"/>
              <a:gd name="connsiteY216" fmla="*/ 2035862 h 2323145"/>
              <a:gd name="connsiteX217" fmla="*/ 2478186 w 11269336"/>
              <a:gd name="connsiteY217" fmla="*/ 2036953 h 2323145"/>
              <a:gd name="connsiteX218" fmla="*/ 2477950 w 11269336"/>
              <a:gd name="connsiteY218" fmla="*/ 2036715 h 2323145"/>
              <a:gd name="connsiteX219" fmla="*/ 2470381 w 11269336"/>
              <a:gd name="connsiteY219" fmla="*/ 2038256 h 2323145"/>
              <a:gd name="connsiteX220" fmla="*/ 2433781 w 11269336"/>
              <a:gd name="connsiteY220" fmla="*/ 2049140 h 2323145"/>
              <a:gd name="connsiteX221" fmla="*/ 2381172 w 11269336"/>
              <a:gd name="connsiteY221" fmla="*/ 2030645 h 2323145"/>
              <a:gd name="connsiteX222" fmla="*/ 2360198 w 11269336"/>
              <a:gd name="connsiteY222" fmla="*/ 2029059 h 2323145"/>
              <a:gd name="connsiteX223" fmla="*/ 2348815 w 11269336"/>
              <a:gd name="connsiteY223" fmla="*/ 2026798 h 2323145"/>
              <a:gd name="connsiteX224" fmla="*/ 2347988 w 11269336"/>
              <a:gd name="connsiteY224" fmla="*/ 2025745 h 2323145"/>
              <a:gd name="connsiteX225" fmla="*/ 2312920 w 11269336"/>
              <a:gd name="connsiteY225" fmla="*/ 2036311 h 2323145"/>
              <a:gd name="connsiteX226" fmla="*/ 2307986 w 11269336"/>
              <a:gd name="connsiteY226" fmla="*/ 2035583 h 2323145"/>
              <a:gd name="connsiteX227" fmla="*/ 2285481 w 11269336"/>
              <a:gd name="connsiteY227" fmla="*/ 2045197 h 2323145"/>
              <a:gd name="connsiteX228" fmla="*/ 2273666 w 11269336"/>
              <a:gd name="connsiteY228" fmla="*/ 2048710 h 2323145"/>
              <a:gd name="connsiteX229" fmla="*/ 2270719 w 11269336"/>
              <a:gd name="connsiteY229" fmla="*/ 2052702 h 2323145"/>
              <a:gd name="connsiteX230" fmla="*/ 2253080 w 11269336"/>
              <a:gd name="connsiteY230" fmla="*/ 2056363 h 2323145"/>
              <a:gd name="connsiteX231" fmla="*/ 2250906 w 11269336"/>
              <a:gd name="connsiteY231" fmla="*/ 2055654 h 2323145"/>
              <a:gd name="connsiteX232" fmla="*/ 2236905 w 11269336"/>
              <a:gd name="connsiteY232" fmla="*/ 2062882 h 2323145"/>
              <a:gd name="connsiteX233" fmla="*/ 2225830 w 11269336"/>
              <a:gd name="connsiteY233" fmla="*/ 2074027 h 2323145"/>
              <a:gd name="connsiteX234" fmla="*/ 2073776 w 11269336"/>
              <a:gd name="connsiteY234" fmla="*/ 2089244 h 2323145"/>
              <a:gd name="connsiteX235" fmla="*/ 1948256 w 11269336"/>
              <a:gd name="connsiteY235" fmla="*/ 2146616 h 2323145"/>
              <a:gd name="connsiteX236" fmla="*/ 1865582 w 11269336"/>
              <a:gd name="connsiteY236" fmla="*/ 2153738 h 2323145"/>
              <a:gd name="connsiteX237" fmla="*/ 1835210 w 11269336"/>
              <a:gd name="connsiteY237" fmla="*/ 2134244 h 2323145"/>
              <a:gd name="connsiteX238" fmla="*/ 1632661 w 11269336"/>
              <a:gd name="connsiteY238" fmla="*/ 2173882 h 2323145"/>
              <a:gd name="connsiteX239" fmla="*/ 1579590 w 11269336"/>
              <a:gd name="connsiteY239" fmla="*/ 2173680 h 2323145"/>
              <a:gd name="connsiteX240" fmla="*/ 1535601 w 11269336"/>
              <a:gd name="connsiteY240" fmla="*/ 2194590 h 2323145"/>
              <a:gd name="connsiteX241" fmla="*/ 1515594 w 11269336"/>
              <a:gd name="connsiteY241" fmla="*/ 2189622 h 2323145"/>
              <a:gd name="connsiteX242" fmla="*/ 1512113 w 11269336"/>
              <a:gd name="connsiteY242" fmla="*/ 2188534 h 2323145"/>
              <a:gd name="connsiteX243" fmla="*/ 1498838 w 11269336"/>
              <a:gd name="connsiteY243" fmla="*/ 2189213 h 2323145"/>
              <a:gd name="connsiteX244" fmla="*/ 1494279 w 11269336"/>
              <a:gd name="connsiteY244" fmla="*/ 2183112 h 2323145"/>
              <a:gd name="connsiteX245" fmla="*/ 1473714 w 11269336"/>
              <a:gd name="connsiteY245" fmla="*/ 2179625 h 2323145"/>
              <a:gd name="connsiteX246" fmla="*/ 1449503 w 11269336"/>
              <a:gd name="connsiteY246" fmla="*/ 2182633 h 2323145"/>
              <a:gd name="connsiteX247" fmla="*/ 1335495 w 11269336"/>
              <a:gd name="connsiteY247" fmla="*/ 2203940 h 2323145"/>
              <a:gd name="connsiteX248" fmla="*/ 1266687 w 11269336"/>
              <a:gd name="connsiteY248" fmla="*/ 2212688 h 2323145"/>
              <a:gd name="connsiteX249" fmla="*/ 1239614 w 11269336"/>
              <a:gd name="connsiteY249" fmla="*/ 2209727 h 2323145"/>
              <a:gd name="connsiteX250" fmla="*/ 1202436 w 11269336"/>
              <a:gd name="connsiteY250" fmla="*/ 2209817 h 2323145"/>
              <a:gd name="connsiteX251" fmla="*/ 1136097 w 11269336"/>
              <a:gd name="connsiteY251" fmla="*/ 2205112 h 2323145"/>
              <a:gd name="connsiteX252" fmla="*/ 1048229 w 11269336"/>
              <a:gd name="connsiteY252" fmla="*/ 2207249 h 2323145"/>
              <a:gd name="connsiteX253" fmla="*/ 988232 w 11269336"/>
              <a:gd name="connsiteY253" fmla="*/ 2235635 h 2323145"/>
              <a:gd name="connsiteX254" fmla="*/ 981959 w 11269336"/>
              <a:gd name="connsiteY254" fmla="*/ 2231607 h 2323145"/>
              <a:gd name="connsiteX255" fmla="*/ 938600 w 11269336"/>
              <a:gd name="connsiteY255" fmla="*/ 2238113 h 2323145"/>
              <a:gd name="connsiteX256" fmla="*/ 791788 w 11269336"/>
              <a:gd name="connsiteY256" fmla="*/ 2293224 h 2323145"/>
              <a:gd name="connsiteX257" fmla="*/ 706914 w 11269336"/>
              <a:gd name="connsiteY257" fmla="*/ 2305046 h 2323145"/>
              <a:gd name="connsiteX258" fmla="*/ 675971 w 11269336"/>
              <a:gd name="connsiteY258" fmla="*/ 2304030 h 2323145"/>
              <a:gd name="connsiteX259" fmla="*/ 624180 w 11269336"/>
              <a:gd name="connsiteY259" fmla="*/ 2302650 h 2323145"/>
              <a:gd name="connsiteX260" fmla="*/ 583453 w 11269336"/>
              <a:gd name="connsiteY260" fmla="*/ 2288788 h 2323145"/>
              <a:gd name="connsiteX261" fmla="*/ 540946 w 11269336"/>
              <a:gd name="connsiteY261" fmla="*/ 2292721 h 2323145"/>
              <a:gd name="connsiteX262" fmla="*/ 533680 w 11269336"/>
              <a:gd name="connsiteY262" fmla="*/ 2310233 h 2323145"/>
              <a:gd name="connsiteX263" fmla="*/ 487366 w 11269336"/>
              <a:gd name="connsiteY263" fmla="*/ 2309053 h 2323145"/>
              <a:gd name="connsiteX264" fmla="*/ 416820 w 11269336"/>
              <a:gd name="connsiteY264" fmla="*/ 2305443 h 2323145"/>
              <a:gd name="connsiteX265" fmla="*/ 376805 w 11269336"/>
              <a:gd name="connsiteY265" fmla="*/ 2307647 h 2323145"/>
              <a:gd name="connsiteX266" fmla="*/ 266777 w 11269336"/>
              <a:gd name="connsiteY266" fmla="*/ 2309012 h 2323145"/>
              <a:gd name="connsiteX267" fmla="*/ 156013 w 11269336"/>
              <a:gd name="connsiteY267" fmla="*/ 2306832 h 2323145"/>
              <a:gd name="connsiteX268" fmla="*/ 87258 w 11269336"/>
              <a:gd name="connsiteY268" fmla="*/ 2285511 h 2323145"/>
              <a:gd name="connsiteX269" fmla="*/ 23798 w 11269336"/>
              <a:gd name="connsiteY269" fmla="*/ 2281822 h 2323145"/>
              <a:gd name="connsiteX270" fmla="*/ 0 w 11269336"/>
              <a:gd name="connsiteY270" fmla="*/ 2285369 h 2323145"/>
              <a:gd name="connsiteX271" fmla="*/ 0 w 11269336"/>
              <a:gd name="connsiteY271"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365341 w 11269336"/>
              <a:gd name="connsiteY184" fmla="*/ 2077638 h 2323145"/>
              <a:gd name="connsiteX185" fmla="*/ 3170922 w 11269336"/>
              <a:gd name="connsiteY185" fmla="*/ 2115957 h 2323145"/>
              <a:gd name="connsiteX186" fmla="*/ 3156256 w 11269336"/>
              <a:gd name="connsiteY186" fmla="*/ 2124773 h 2323145"/>
              <a:gd name="connsiteX187" fmla="*/ 3140298 w 11269336"/>
              <a:gd name="connsiteY187" fmla="*/ 2129182 h 2323145"/>
              <a:gd name="connsiteX188" fmla="*/ 3138514 w 11269336"/>
              <a:gd name="connsiteY188" fmla="*/ 2128069 h 2323145"/>
              <a:gd name="connsiteX189" fmla="*/ 3120467 w 11269336"/>
              <a:gd name="connsiteY189" fmla="*/ 2128281 h 2323145"/>
              <a:gd name="connsiteX190" fmla="*/ 3116175 w 11269336"/>
              <a:gd name="connsiteY190" fmla="*/ 2131633 h 2323145"/>
              <a:gd name="connsiteX191" fmla="*/ 3103685 w 11269336"/>
              <a:gd name="connsiteY191" fmla="*/ 2132814 h 2323145"/>
              <a:gd name="connsiteX192" fmla="*/ 3078794 w 11269336"/>
              <a:gd name="connsiteY192" fmla="*/ 2137935 h 2323145"/>
              <a:gd name="connsiteX193" fmla="*/ 3074407 w 11269336"/>
              <a:gd name="connsiteY193" fmla="*/ 2136274 h 2323145"/>
              <a:gd name="connsiteX194" fmla="*/ 3037285 w 11269336"/>
              <a:gd name="connsiteY194" fmla="*/ 2139919 h 2323145"/>
              <a:gd name="connsiteX195" fmla="*/ 3036901 w 11269336"/>
              <a:gd name="connsiteY195" fmla="*/ 2138726 h 2323145"/>
              <a:gd name="connsiteX196" fmla="*/ 3026996 w 11269336"/>
              <a:gd name="connsiteY196" fmla="*/ 2134322 h 2323145"/>
              <a:gd name="connsiteX197" fmla="*/ 3007772 w 11269336"/>
              <a:gd name="connsiteY197" fmla="*/ 2128742 h 2323145"/>
              <a:gd name="connsiteX198" fmla="*/ 2965030 w 11269336"/>
              <a:gd name="connsiteY198" fmla="*/ 2100494 h 2323145"/>
              <a:gd name="connsiteX199" fmla="*/ 2926342 w 11269336"/>
              <a:gd name="connsiteY199" fmla="*/ 2104155 h 2323145"/>
              <a:gd name="connsiteX200" fmla="*/ 2918608 w 11269336"/>
              <a:gd name="connsiteY200" fmla="*/ 2104215 h 2323145"/>
              <a:gd name="connsiteX201" fmla="*/ 2918475 w 11269336"/>
              <a:gd name="connsiteY201" fmla="*/ 2103937 h 2323145"/>
              <a:gd name="connsiteX202" fmla="*/ 2910360 w 11269336"/>
              <a:gd name="connsiteY202" fmla="*/ 2103444 h 2323145"/>
              <a:gd name="connsiteX203" fmla="*/ 2904507 w 11269336"/>
              <a:gd name="connsiteY203" fmla="*/ 2104326 h 2323145"/>
              <a:gd name="connsiteX204" fmla="*/ 2889503 w 11269336"/>
              <a:gd name="connsiteY204" fmla="*/ 2104443 h 2323145"/>
              <a:gd name="connsiteX205" fmla="*/ 2884480 w 11269336"/>
              <a:gd name="connsiteY205" fmla="*/ 2102626 h 2323145"/>
              <a:gd name="connsiteX206" fmla="*/ 2882689 w 11269336"/>
              <a:gd name="connsiteY206" fmla="*/ 2099228 h 2323145"/>
              <a:gd name="connsiteX207" fmla="*/ 2881291 w 11269336"/>
              <a:gd name="connsiteY207" fmla="*/ 2099618 h 2323145"/>
              <a:gd name="connsiteX208" fmla="*/ 2853979 w 11269336"/>
              <a:gd name="connsiteY208" fmla="*/ 2090388 h 2323145"/>
              <a:gd name="connsiteX209" fmla="*/ 2791790 w 11269336"/>
              <a:gd name="connsiteY209" fmla="*/ 2080332 h 2323145"/>
              <a:gd name="connsiteX210" fmla="*/ 2755844 w 11269336"/>
              <a:gd name="connsiteY210" fmla="*/ 2078874 h 2323145"/>
              <a:gd name="connsiteX211" fmla="*/ 2657742 w 11269336"/>
              <a:gd name="connsiteY211" fmla="*/ 2070179 h 2323145"/>
              <a:gd name="connsiteX212" fmla="*/ 2559549 w 11269336"/>
              <a:gd name="connsiteY212" fmla="*/ 2057873 h 2323145"/>
              <a:gd name="connsiteX213" fmla="*/ 2512054 w 11269336"/>
              <a:gd name="connsiteY213" fmla="*/ 2031671 h 2323145"/>
              <a:gd name="connsiteX214" fmla="*/ 2506437 w 11269336"/>
              <a:gd name="connsiteY214" fmla="*/ 2030918 h 2323145"/>
              <a:gd name="connsiteX215" fmla="*/ 2491752 w 11269336"/>
              <a:gd name="connsiteY215" fmla="*/ 2033906 h 2323145"/>
              <a:gd name="connsiteX216" fmla="*/ 2486338 w 11269336"/>
              <a:gd name="connsiteY216" fmla="*/ 2035862 h 2323145"/>
              <a:gd name="connsiteX217" fmla="*/ 2478186 w 11269336"/>
              <a:gd name="connsiteY217" fmla="*/ 2036953 h 2323145"/>
              <a:gd name="connsiteX218" fmla="*/ 2477950 w 11269336"/>
              <a:gd name="connsiteY218" fmla="*/ 2036715 h 2323145"/>
              <a:gd name="connsiteX219" fmla="*/ 2470381 w 11269336"/>
              <a:gd name="connsiteY219" fmla="*/ 2038256 h 2323145"/>
              <a:gd name="connsiteX220" fmla="*/ 2433781 w 11269336"/>
              <a:gd name="connsiteY220" fmla="*/ 2049140 h 2323145"/>
              <a:gd name="connsiteX221" fmla="*/ 2381172 w 11269336"/>
              <a:gd name="connsiteY221" fmla="*/ 2030645 h 2323145"/>
              <a:gd name="connsiteX222" fmla="*/ 2360198 w 11269336"/>
              <a:gd name="connsiteY222" fmla="*/ 2029059 h 2323145"/>
              <a:gd name="connsiteX223" fmla="*/ 2348815 w 11269336"/>
              <a:gd name="connsiteY223" fmla="*/ 2026798 h 2323145"/>
              <a:gd name="connsiteX224" fmla="*/ 2347988 w 11269336"/>
              <a:gd name="connsiteY224" fmla="*/ 2025745 h 2323145"/>
              <a:gd name="connsiteX225" fmla="*/ 2312920 w 11269336"/>
              <a:gd name="connsiteY225" fmla="*/ 2036311 h 2323145"/>
              <a:gd name="connsiteX226" fmla="*/ 2307986 w 11269336"/>
              <a:gd name="connsiteY226" fmla="*/ 2035583 h 2323145"/>
              <a:gd name="connsiteX227" fmla="*/ 2285481 w 11269336"/>
              <a:gd name="connsiteY227" fmla="*/ 2045197 h 2323145"/>
              <a:gd name="connsiteX228" fmla="*/ 2273666 w 11269336"/>
              <a:gd name="connsiteY228" fmla="*/ 2048710 h 2323145"/>
              <a:gd name="connsiteX229" fmla="*/ 2270719 w 11269336"/>
              <a:gd name="connsiteY229" fmla="*/ 2052702 h 2323145"/>
              <a:gd name="connsiteX230" fmla="*/ 2253080 w 11269336"/>
              <a:gd name="connsiteY230" fmla="*/ 2056363 h 2323145"/>
              <a:gd name="connsiteX231" fmla="*/ 2250906 w 11269336"/>
              <a:gd name="connsiteY231" fmla="*/ 2055654 h 2323145"/>
              <a:gd name="connsiteX232" fmla="*/ 2236905 w 11269336"/>
              <a:gd name="connsiteY232" fmla="*/ 2062882 h 2323145"/>
              <a:gd name="connsiteX233" fmla="*/ 2225830 w 11269336"/>
              <a:gd name="connsiteY233" fmla="*/ 2074027 h 2323145"/>
              <a:gd name="connsiteX234" fmla="*/ 2073776 w 11269336"/>
              <a:gd name="connsiteY234" fmla="*/ 2089244 h 2323145"/>
              <a:gd name="connsiteX235" fmla="*/ 1948256 w 11269336"/>
              <a:gd name="connsiteY235" fmla="*/ 2146616 h 2323145"/>
              <a:gd name="connsiteX236" fmla="*/ 1865582 w 11269336"/>
              <a:gd name="connsiteY236" fmla="*/ 2153738 h 2323145"/>
              <a:gd name="connsiteX237" fmla="*/ 1835210 w 11269336"/>
              <a:gd name="connsiteY237" fmla="*/ 2134244 h 2323145"/>
              <a:gd name="connsiteX238" fmla="*/ 1632661 w 11269336"/>
              <a:gd name="connsiteY238" fmla="*/ 2173882 h 2323145"/>
              <a:gd name="connsiteX239" fmla="*/ 1579590 w 11269336"/>
              <a:gd name="connsiteY239" fmla="*/ 2173680 h 2323145"/>
              <a:gd name="connsiteX240" fmla="*/ 1535601 w 11269336"/>
              <a:gd name="connsiteY240" fmla="*/ 2194590 h 2323145"/>
              <a:gd name="connsiteX241" fmla="*/ 1515594 w 11269336"/>
              <a:gd name="connsiteY241" fmla="*/ 2189622 h 2323145"/>
              <a:gd name="connsiteX242" fmla="*/ 1512113 w 11269336"/>
              <a:gd name="connsiteY242" fmla="*/ 2188534 h 2323145"/>
              <a:gd name="connsiteX243" fmla="*/ 1498838 w 11269336"/>
              <a:gd name="connsiteY243" fmla="*/ 2189213 h 2323145"/>
              <a:gd name="connsiteX244" fmla="*/ 1494279 w 11269336"/>
              <a:gd name="connsiteY244" fmla="*/ 2183112 h 2323145"/>
              <a:gd name="connsiteX245" fmla="*/ 1473714 w 11269336"/>
              <a:gd name="connsiteY245" fmla="*/ 2179625 h 2323145"/>
              <a:gd name="connsiteX246" fmla="*/ 1449503 w 11269336"/>
              <a:gd name="connsiteY246" fmla="*/ 2182633 h 2323145"/>
              <a:gd name="connsiteX247" fmla="*/ 1335495 w 11269336"/>
              <a:gd name="connsiteY247" fmla="*/ 2203940 h 2323145"/>
              <a:gd name="connsiteX248" fmla="*/ 1266687 w 11269336"/>
              <a:gd name="connsiteY248" fmla="*/ 2212688 h 2323145"/>
              <a:gd name="connsiteX249" fmla="*/ 1239614 w 11269336"/>
              <a:gd name="connsiteY249" fmla="*/ 2209727 h 2323145"/>
              <a:gd name="connsiteX250" fmla="*/ 1202436 w 11269336"/>
              <a:gd name="connsiteY250" fmla="*/ 2209817 h 2323145"/>
              <a:gd name="connsiteX251" fmla="*/ 1136097 w 11269336"/>
              <a:gd name="connsiteY251" fmla="*/ 2205112 h 2323145"/>
              <a:gd name="connsiteX252" fmla="*/ 1048229 w 11269336"/>
              <a:gd name="connsiteY252" fmla="*/ 2207249 h 2323145"/>
              <a:gd name="connsiteX253" fmla="*/ 988232 w 11269336"/>
              <a:gd name="connsiteY253" fmla="*/ 2235635 h 2323145"/>
              <a:gd name="connsiteX254" fmla="*/ 981959 w 11269336"/>
              <a:gd name="connsiteY254" fmla="*/ 2231607 h 2323145"/>
              <a:gd name="connsiteX255" fmla="*/ 938600 w 11269336"/>
              <a:gd name="connsiteY255" fmla="*/ 2238113 h 2323145"/>
              <a:gd name="connsiteX256" fmla="*/ 791788 w 11269336"/>
              <a:gd name="connsiteY256" fmla="*/ 2293224 h 2323145"/>
              <a:gd name="connsiteX257" fmla="*/ 706914 w 11269336"/>
              <a:gd name="connsiteY257" fmla="*/ 2305046 h 2323145"/>
              <a:gd name="connsiteX258" fmla="*/ 675971 w 11269336"/>
              <a:gd name="connsiteY258" fmla="*/ 2304030 h 2323145"/>
              <a:gd name="connsiteX259" fmla="*/ 624180 w 11269336"/>
              <a:gd name="connsiteY259" fmla="*/ 2302650 h 2323145"/>
              <a:gd name="connsiteX260" fmla="*/ 583453 w 11269336"/>
              <a:gd name="connsiteY260" fmla="*/ 2288788 h 2323145"/>
              <a:gd name="connsiteX261" fmla="*/ 540946 w 11269336"/>
              <a:gd name="connsiteY261" fmla="*/ 2292721 h 2323145"/>
              <a:gd name="connsiteX262" fmla="*/ 533680 w 11269336"/>
              <a:gd name="connsiteY262" fmla="*/ 2310233 h 2323145"/>
              <a:gd name="connsiteX263" fmla="*/ 487366 w 11269336"/>
              <a:gd name="connsiteY263" fmla="*/ 2309053 h 2323145"/>
              <a:gd name="connsiteX264" fmla="*/ 416820 w 11269336"/>
              <a:gd name="connsiteY264" fmla="*/ 2305443 h 2323145"/>
              <a:gd name="connsiteX265" fmla="*/ 376805 w 11269336"/>
              <a:gd name="connsiteY265" fmla="*/ 2307647 h 2323145"/>
              <a:gd name="connsiteX266" fmla="*/ 266777 w 11269336"/>
              <a:gd name="connsiteY266" fmla="*/ 2309012 h 2323145"/>
              <a:gd name="connsiteX267" fmla="*/ 156013 w 11269336"/>
              <a:gd name="connsiteY267" fmla="*/ 2306832 h 2323145"/>
              <a:gd name="connsiteX268" fmla="*/ 87258 w 11269336"/>
              <a:gd name="connsiteY268" fmla="*/ 2285511 h 2323145"/>
              <a:gd name="connsiteX269" fmla="*/ 23798 w 11269336"/>
              <a:gd name="connsiteY269" fmla="*/ 2281822 h 2323145"/>
              <a:gd name="connsiteX270" fmla="*/ 0 w 11269336"/>
              <a:gd name="connsiteY270" fmla="*/ 2285369 h 2323145"/>
              <a:gd name="connsiteX271" fmla="*/ 0 w 11269336"/>
              <a:gd name="connsiteY271"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365341 w 11269336"/>
              <a:gd name="connsiteY184" fmla="*/ 2077638 h 2323145"/>
              <a:gd name="connsiteX185" fmla="*/ 3170922 w 11269336"/>
              <a:gd name="connsiteY185" fmla="*/ 2115957 h 2323145"/>
              <a:gd name="connsiteX186" fmla="*/ 3156256 w 11269336"/>
              <a:gd name="connsiteY186" fmla="*/ 2124773 h 2323145"/>
              <a:gd name="connsiteX187" fmla="*/ 3140298 w 11269336"/>
              <a:gd name="connsiteY187" fmla="*/ 2129182 h 2323145"/>
              <a:gd name="connsiteX188" fmla="*/ 3138514 w 11269336"/>
              <a:gd name="connsiteY188" fmla="*/ 2128069 h 2323145"/>
              <a:gd name="connsiteX189" fmla="*/ 3120467 w 11269336"/>
              <a:gd name="connsiteY189" fmla="*/ 2128281 h 2323145"/>
              <a:gd name="connsiteX190" fmla="*/ 3116175 w 11269336"/>
              <a:gd name="connsiteY190" fmla="*/ 2131633 h 2323145"/>
              <a:gd name="connsiteX191" fmla="*/ 3103685 w 11269336"/>
              <a:gd name="connsiteY191" fmla="*/ 2132814 h 2323145"/>
              <a:gd name="connsiteX192" fmla="*/ 3078794 w 11269336"/>
              <a:gd name="connsiteY192" fmla="*/ 2137935 h 2323145"/>
              <a:gd name="connsiteX193" fmla="*/ 3074407 w 11269336"/>
              <a:gd name="connsiteY193" fmla="*/ 2136274 h 2323145"/>
              <a:gd name="connsiteX194" fmla="*/ 3037285 w 11269336"/>
              <a:gd name="connsiteY194" fmla="*/ 2139919 h 2323145"/>
              <a:gd name="connsiteX195" fmla="*/ 3036901 w 11269336"/>
              <a:gd name="connsiteY195" fmla="*/ 2138726 h 2323145"/>
              <a:gd name="connsiteX196" fmla="*/ 3026996 w 11269336"/>
              <a:gd name="connsiteY196" fmla="*/ 2134322 h 2323145"/>
              <a:gd name="connsiteX197" fmla="*/ 3007772 w 11269336"/>
              <a:gd name="connsiteY197" fmla="*/ 2128742 h 2323145"/>
              <a:gd name="connsiteX198" fmla="*/ 2965030 w 11269336"/>
              <a:gd name="connsiteY198" fmla="*/ 2100494 h 2323145"/>
              <a:gd name="connsiteX199" fmla="*/ 2926342 w 11269336"/>
              <a:gd name="connsiteY199" fmla="*/ 2104155 h 2323145"/>
              <a:gd name="connsiteX200" fmla="*/ 2918608 w 11269336"/>
              <a:gd name="connsiteY200" fmla="*/ 2104215 h 2323145"/>
              <a:gd name="connsiteX201" fmla="*/ 2918475 w 11269336"/>
              <a:gd name="connsiteY201" fmla="*/ 2103937 h 2323145"/>
              <a:gd name="connsiteX202" fmla="*/ 2910360 w 11269336"/>
              <a:gd name="connsiteY202" fmla="*/ 2103444 h 2323145"/>
              <a:gd name="connsiteX203" fmla="*/ 2904507 w 11269336"/>
              <a:gd name="connsiteY203" fmla="*/ 2104326 h 2323145"/>
              <a:gd name="connsiteX204" fmla="*/ 2889503 w 11269336"/>
              <a:gd name="connsiteY204" fmla="*/ 2104443 h 2323145"/>
              <a:gd name="connsiteX205" fmla="*/ 2884480 w 11269336"/>
              <a:gd name="connsiteY205" fmla="*/ 2102626 h 2323145"/>
              <a:gd name="connsiteX206" fmla="*/ 2882689 w 11269336"/>
              <a:gd name="connsiteY206" fmla="*/ 2099228 h 2323145"/>
              <a:gd name="connsiteX207" fmla="*/ 2881291 w 11269336"/>
              <a:gd name="connsiteY207" fmla="*/ 2099618 h 2323145"/>
              <a:gd name="connsiteX208" fmla="*/ 2853979 w 11269336"/>
              <a:gd name="connsiteY208" fmla="*/ 2090388 h 2323145"/>
              <a:gd name="connsiteX209" fmla="*/ 2791790 w 11269336"/>
              <a:gd name="connsiteY209" fmla="*/ 2080332 h 2323145"/>
              <a:gd name="connsiteX210" fmla="*/ 2755844 w 11269336"/>
              <a:gd name="connsiteY210" fmla="*/ 2078874 h 2323145"/>
              <a:gd name="connsiteX211" fmla="*/ 2657742 w 11269336"/>
              <a:gd name="connsiteY211" fmla="*/ 2070179 h 2323145"/>
              <a:gd name="connsiteX212" fmla="*/ 2559549 w 11269336"/>
              <a:gd name="connsiteY212" fmla="*/ 2057873 h 2323145"/>
              <a:gd name="connsiteX213" fmla="*/ 2512054 w 11269336"/>
              <a:gd name="connsiteY213" fmla="*/ 2031671 h 2323145"/>
              <a:gd name="connsiteX214" fmla="*/ 2506437 w 11269336"/>
              <a:gd name="connsiteY214" fmla="*/ 2030918 h 2323145"/>
              <a:gd name="connsiteX215" fmla="*/ 2491752 w 11269336"/>
              <a:gd name="connsiteY215" fmla="*/ 2033906 h 2323145"/>
              <a:gd name="connsiteX216" fmla="*/ 2486338 w 11269336"/>
              <a:gd name="connsiteY216" fmla="*/ 2035862 h 2323145"/>
              <a:gd name="connsiteX217" fmla="*/ 2478186 w 11269336"/>
              <a:gd name="connsiteY217" fmla="*/ 2036953 h 2323145"/>
              <a:gd name="connsiteX218" fmla="*/ 2477950 w 11269336"/>
              <a:gd name="connsiteY218" fmla="*/ 2036715 h 2323145"/>
              <a:gd name="connsiteX219" fmla="*/ 2470381 w 11269336"/>
              <a:gd name="connsiteY219" fmla="*/ 2038256 h 2323145"/>
              <a:gd name="connsiteX220" fmla="*/ 2433781 w 11269336"/>
              <a:gd name="connsiteY220" fmla="*/ 2049140 h 2323145"/>
              <a:gd name="connsiteX221" fmla="*/ 2381172 w 11269336"/>
              <a:gd name="connsiteY221" fmla="*/ 2030645 h 2323145"/>
              <a:gd name="connsiteX222" fmla="*/ 2360198 w 11269336"/>
              <a:gd name="connsiteY222" fmla="*/ 2029059 h 2323145"/>
              <a:gd name="connsiteX223" fmla="*/ 2348815 w 11269336"/>
              <a:gd name="connsiteY223" fmla="*/ 2026798 h 2323145"/>
              <a:gd name="connsiteX224" fmla="*/ 2347988 w 11269336"/>
              <a:gd name="connsiteY224" fmla="*/ 2025745 h 2323145"/>
              <a:gd name="connsiteX225" fmla="*/ 2312920 w 11269336"/>
              <a:gd name="connsiteY225" fmla="*/ 2036311 h 2323145"/>
              <a:gd name="connsiteX226" fmla="*/ 2307986 w 11269336"/>
              <a:gd name="connsiteY226" fmla="*/ 2035583 h 2323145"/>
              <a:gd name="connsiteX227" fmla="*/ 2285481 w 11269336"/>
              <a:gd name="connsiteY227" fmla="*/ 2045197 h 2323145"/>
              <a:gd name="connsiteX228" fmla="*/ 2273666 w 11269336"/>
              <a:gd name="connsiteY228" fmla="*/ 2048710 h 2323145"/>
              <a:gd name="connsiteX229" fmla="*/ 2270719 w 11269336"/>
              <a:gd name="connsiteY229" fmla="*/ 2052702 h 2323145"/>
              <a:gd name="connsiteX230" fmla="*/ 2253080 w 11269336"/>
              <a:gd name="connsiteY230" fmla="*/ 2056363 h 2323145"/>
              <a:gd name="connsiteX231" fmla="*/ 2250906 w 11269336"/>
              <a:gd name="connsiteY231" fmla="*/ 2055654 h 2323145"/>
              <a:gd name="connsiteX232" fmla="*/ 2236905 w 11269336"/>
              <a:gd name="connsiteY232" fmla="*/ 2062882 h 2323145"/>
              <a:gd name="connsiteX233" fmla="*/ 2225830 w 11269336"/>
              <a:gd name="connsiteY233" fmla="*/ 2074027 h 2323145"/>
              <a:gd name="connsiteX234" fmla="*/ 2073776 w 11269336"/>
              <a:gd name="connsiteY234" fmla="*/ 2089244 h 2323145"/>
              <a:gd name="connsiteX235" fmla="*/ 1948256 w 11269336"/>
              <a:gd name="connsiteY235" fmla="*/ 2146616 h 2323145"/>
              <a:gd name="connsiteX236" fmla="*/ 1865582 w 11269336"/>
              <a:gd name="connsiteY236" fmla="*/ 2153738 h 2323145"/>
              <a:gd name="connsiteX237" fmla="*/ 1835210 w 11269336"/>
              <a:gd name="connsiteY237" fmla="*/ 2134244 h 2323145"/>
              <a:gd name="connsiteX238" fmla="*/ 1632661 w 11269336"/>
              <a:gd name="connsiteY238" fmla="*/ 2173882 h 2323145"/>
              <a:gd name="connsiteX239" fmla="*/ 1579590 w 11269336"/>
              <a:gd name="connsiteY239" fmla="*/ 2173680 h 2323145"/>
              <a:gd name="connsiteX240" fmla="*/ 1535601 w 11269336"/>
              <a:gd name="connsiteY240" fmla="*/ 2194590 h 2323145"/>
              <a:gd name="connsiteX241" fmla="*/ 1515594 w 11269336"/>
              <a:gd name="connsiteY241" fmla="*/ 2189622 h 2323145"/>
              <a:gd name="connsiteX242" fmla="*/ 1512113 w 11269336"/>
              <a:gd name="connsiteY242" fmla="*/ 2188534 h 2323145"/>
              <a:gd name="connsiteX243" fmla="*/ 1498838 w 11269336"/>
              <a:gd name="connsiteY243" fmla="*/ 2189213 h 2323145"/>
              <a:gd name="connsiteX244" fmla="*/ 1494279 w 11269336"/>
              <a:gd name="connsiteY244" fmla="*/ 2183112 h 2323145"/>
              <a:gd name="connsiteX245" fmla="*/ 1473714 w 11269336"/>
              <a:gd name="connsiteY245" fmla="*/ 2179625 h 2323145"/>
              <a:gd name="connsiteX246" fmla="*/ 1449503 w 11269336"/>
              <a:gd name="connsiteY246" fmla="*/ 2182633 h 2323145"/>
              <a:gd name="connsiteX247" fmla="*/ 1335495 w 11269336"/>
              <a:gd name="connsiteY247" fmla="*/ 2203940 h 2323145"/>
              <a:gd name="connsiteX248" fmla="*/ 1266687 w 11269336"/>
              <a:gd name="connsiteY248" fmla="*/ 2212688 h 2323145"/>
              <a:gd name="connsiteX249" fmla="*/ 1239614 w 11269336"/>
              <a:gd name="connsiteY249" fmla="*/ 2209727 h 2323145"/>
              <a:gd name="connsiteX250" fmla="*/ 1202436 w 11269336"/>
              <a:gd name="connsiteY250" fmla="*/ 2209817 h 2323145"/>
              <a:gd name="connsiteX251" fmla="*/ 1136097 w 11269336"/>
              <a:gd name="connsiteY251" fmla="*/ 2205112 h 2323145"/>
              <a:gd name="connsiteX252" fmla="*/ 988232 w 11269336"/>
              <a:gd name="connsiteY252" fmla="*/ 2235635 h 2323145"/>
              <a:gd name="connsiteX253" fmla="*/ 981959 w 11269336"/>
              <a:gd name="connsiteY253" fmla="*/ 2231607 h 2323145"/>
              <a:gd name="connsiteX254" fmla="*/ 938600 w 11269336"/>
              <a:gd name="connsiteY254" fmla="*/ 2238113 h 2323145"/>
              <a:gd name="connsiteX255" fmla="*/ 791788 w 11269336"/>
              <a:gd name="connsiteY255" fmla="*/ 2293224 h 2323145"/>
              <a:gd name="connsiteX256" fmla="*/ 706914 w 11269336"/>
              <a:gd name="connsiteY256" fmla="*/ 2305046 h 2323145"/>
              <a:gd name="connsiteX257" fmla="*/ 675971 w 11269336"/>
              <a:gd name="connsiteY257" fmla="*/ 2304030 h 2323145"/>
              <a:gd name="connsiteX258" fmla="*/ 624180 w 11269336"/>
              <a:gd name="connsiteY258" fmla="*/ 2302650 h 2323145"/>
              <a:gd name="connsiteX259" fmla="*/ 583453 w 11269336"/>
              <a:gd name="connsiteY259" fmla="*/ 2288788 h 2323145"/>
              <a:gd name="connsiteX260" fmla="*/ 540946 w 11269336"/>
              <a:gd name="connsiteY260" fmla="*/ 2292721 h 2323145"/>
              <a:gd name="connsiteX261" fmla="*/ 533680 w 11269336"/>
              <a:gd name="connsiteY261" fmla="*/ 2310233 h 2323145"/>
              <a:gd name="connsiteX262" fmla="*/ 487366 w 11269336"/>
              <a:gd name="connsiteY262" fmla="*/ 2309053 h 2323145"/>
              <a:gd name="connsiteX263" fmla="*/ 416820 w 11269336"/>
              <a:gd name="connsiteY263" fmla="*/ 2305443 h 2323145"/>
              <a:gd name="connsiteX264" fmla="*/ 376805 w 11269336"/>
              <a:gd name="connsiteY264" fmla="*/ 2307647 h 2323145"/>
              <a:gd name="connsiteX265" fmla="*/ 266777 w 11269336"/>
              <a:gd name="connsiteY265" fmla="*/ 2309012 h 2323145"/>
              <a:gd name="connsiteX266" fmla="*/ 156013 w 11269336"/>
              <a:gd name="connsiteY266" fmla="*/ 2306832 h 2323145"/>
              <a:gd name="connsiteX267" fmla="*/ 87258 w 11269336"/>
              <a:gd name="connsiteY267" fmla="*/ 2285511 h 2323145"/>
              <a:gd name="connsiteX268" fmla="*/ 23798 w 11269336"/>
              <a:gd name="connsiteY268" fmla="*/ 2281822 h 2323145"/>
              <a:gd name="connsiteX269" fmla="*/ 0 w 11269336"/>
              <a:gd name="connsiteY269" fmla="*/ 2285369 h 2323145"/>
              <a:gd name="connsiteX270" fmla="*/ 0 w 11269336"/>
              <a:gd name="connsiteY270"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365341 w 11269336"/>
              <a:gd name="connsiteY184" fmla="*/ 2077638 h 2323145"/>
              <a:gd name="connsiteX185" fmla="*/ 3170922 w 11269336"/>
              <a:gd name="connsiteY185" fmla="*/ 2115957 h 2323145"/>
              <a:gd name="connsiteX186" fmla="*/ 3156256 w 11269336"/>
              <a:gd name="connsiteY186" fmla="*/ 2124773 h 2323145"/>
              <a:gd name="connsiteX187" fmla="*/ 3140298 w 11269336"/>
              <a:gd name="connsiteY187" fmla="*/ 2129182 h 2323145"/>
              <a:gd name="connsiteX188" fmla="*/ 3138514 w 11269336"/>
              <a:gd name="connsiteY188" fmla="*/ 2128069 h 2323145"/>
              <a:gd name="connsiteX189" fmla="*/ 3120467 w 11269336"/>
              <a:gd name="connsiteY189" fmla="*/ 2128281 h 2323145"/>
              <a:gd name="connsiteX190" fmla="*/ 3116175 w 11269336"/>
              <a:gd name="connsiteY190" fmla="*/ 2131633 h 2323145"/>
              <a:gd name="connsiteX191" fmla="*/ 3103685 w 11269336"/>
              <a:gd name="connsiteY191" fmla="*/ 2132814 h 2323145"/>
              <a:gd name="connsiteX192" fmla="*/ 3078794 w 11269336"/>
              <a:gd name="connsiteY192" fmla="*/ 2137935 h 2323145"/>
              <a:gd name="connsiteX193" fmla="*/ 3074407 w 11269336"/>
              <a:gd name="connsiteY193" fmla="*/ 2136274 h 2323145"/>
              <a:gd name="connsiteX194" fmla="*/ 3037285 w 11269336"/>
              <a:gd name="connsiteY194" fmla="*/ 2139919 h 2323145"/>
              <a:gd name="connsiteX195" fmla="*/ 3036901 w 11269336"/>
              <a:gd name="connsiteY195" fmla="*/ 2138726 h 2323145"/>
              <a:gd name="connsiteX196" fmla="*/ 3026996 w 11269336"/>
              <a:gd name="connsiteY196" fmla="*/ 2134322 h 2323145"/>
              <a:gd name="connsiteX197" fmla="*/ 3007772 w 11269336"/>
              <a:gd name="connsiteY197" fmla="*/ 2128742 h 2323145"/>
              <a:gd name="connsiteX198" fmla="*/ 2965030 w 11269336"/>
              <a:gd name="connsiteY198" fmla="*/ 2100494 h 2323145"/>
              <a:gd name="connsiteX199" fmla="*/ 2926342 w 11269336"/>
              <a:gd name="connsiteY199" fmla="*/ 2104155 h 2323145"/>
              <a:gd name="connsiteX200" fmla="*/ 2918608 w 11269336"/>
              <a:gd name="connsiteY200" fmla="*/ 2104215 h 2323145"/>
              <a:gd name="connsiteX201" fmla="*/ 2918475 w 11269336"/>
              <a:gd name="connsiteY201" fmla="*/ 2103937 h 2323145"/>
              <a:gd name="connsiteX202" fmla="*/ 2910360 w 11269336"/>
              <a:gd name="connsiteY202" fmla="*/ 2103444 h 2323145"/>
              <a:gd name="connsiteX203" fmla="*/ 2904507 w 11269336"/>
              <a:gd name="connsiteY203" fmla="*/ 2104326 h 2323145"/>
              <a:gd name="connsiteX204" fmla="*/ 2889503 w 11269336"/>
              <a:gd name="connsiteY204" fmla="*/ 2104443 h 2323145"/>
              <a:gd name="connsiteX205" fmla="*/ 2884480 w 11269336"/>
              <a:gd name="connsiteY205" fmla="*/ 2102626 h 2323145"/>
              <a:gd name="connsiteX206" fmla="*/ 2882689 w 11269336"/>
              <a:gd name="connsiteY206" fmla="*/ 2099228 h 2323145"/>
              <a:gd name="connsiteX207" fmla="*/ 2881291 w 11269336"/>
              <a:gd name="connsiteY207" fmla="*/ 2099618 h 2323145"/>
              <a:gd name="connsiteX208" fmla="*/ 2853979 w 11269336"/>
              <a:gd name="connsiteY208" fmla="*/ 2090388 h 2323145"/>
              <a:gd name="connsiteX209" fmla="*/ 2791790 w 11269336"/>
              <a:gd name="connsiteY209" fmla="*/ 2080332 h 2323145"/>
              <a:gd name="connsiteX210" fmla="*/ 2755844 w 11269336"/>
              <a:gd name="connsiteY210" fmla="*/ 2078874 h 2323145"/>
              <a:gd name="connsiteX211" fmla="*/ 2657742 w 11269336"/>
              <a:gd name="connsiteY211" fmla="*/ 2070179 h 2323145"/>
              <a:gd name="connsiteX212" fmla="*/ 2559549 w 11269336"/>
              <a:gd name="connsiteY212" fmla="*/ 2057873 h 2323145"/>
              <a:gd name="connsiteX213" fmla="*/ 2512054 w 11269336"/>
              <a:gd name="connsiteY213" fmla="*/ 2031671 h 2323145"/>
              <a:gd name="connsiteX214" fmla="*/ 2506437 w 11269336"/>
              <a:gd name="connsiteY214" fmla="*/ 2030918 h 2323145"/>
              <a:gd name="connsiteX215" fmla="*/ 2491752 w 11269336"/>
              <a:gd name="connsiteY215" fmla="*/ 2033906 h 2323145"/>
              <a:gd name="connsiteX216" fmla="*/ 2486338 w 11269336"/>
              <a:gd name="connsiteY216" fmla="*/ 2035862 h 2323145"/>
              <a:gd name="connsiteX217" fmla="*/ 2478186 w 11269336"/>
              <a:gd name="connsiteY217" fmla="*/ 2036953 h 2323145"/>
              <a:gd name="connsiteX218" fmla="*/ 2477950 w 11269336"/>
              <a:gd name="connsiteY218" fmla="*/ 2036715 h 2323145"/>
              <a:gd name="connsiteX219" fmla="*/ 2470381 w 11269336"/>
              <a:gd name="connsiteY219" fmla="*/ 2038256 h 2323145"/>
              <a:gd name="connsiteX220" fmla="*/ 2433781 w 11269336"/>
              <a:gd name="connsiteY220" fmla="*/ 2049140 h 2323145"/>
              <a:gd name="connsiteX221" fmla="*/ 2381172 w 11269336"/>
              <a:gd name="connsiteY221" fmla="*/ 2030645 h 2323145"/>
              <a:gd name="connsiteX222" fmla="*/ 2360198 w 11269336"/>
              <a:gd name="connsiteY222" fmla="*/ 2029059 h 2323145"/>
              <a:gd name="connsiteX223" fmla="*/ 2348815 w 11269336"/>
              <a:gd name="connsiteY223" fmla="*/ 2026798 h 2323145"/>
              <a:gd name="connsiteX224" fmla="*/ 2347988 w 11269336"/>
              <a:gd name="connsiteY224" fmla="*/ 2025745 h 2323145"/>
              <a:gd name="connsiteX225" fmla="*/ 2312920 w 11269336"/>
              <a:gd name="connsiteY225" fmla="*/ 2036311 h 2323145"/>
              <a:gd name="connsiteX226" fmla="*/ 2307986 w 11269336"/>
              <a:gd name="connsiteY226" fmla="*/ 2035583 h 2323145"/>
              <a:gd name="connsiteX227" fmla="*/ 2285481 w 11269336"/>
              <a:gd name="connsiteY227" fmla="*/ 2045197 h 2323145"/>
              <a:gd name="connsiteX228" fmla="*/ 2273666 w 11269336"/>
              <a:gd name="connsiteY228" fmla="*/ 2048710 h 2323145"/>
              <a:gd name="connsiteX229" fmla="*/ 2270719 w 11269336"/>
              <a:gd name="connsiteY229" fmla="*/ 2052702 h 2323145"/>
              <a:gd name="connsiteX230" fmla="*/ 2253080 w 11269336"/>
              <a:gd name="connsiteY230" fmla="*/ 2056363 h 2323145"/>
              <a:gd name="connsiteX231" fmla="*/ 2250906 w 11269336"/>
              <a:gd name="connsiteY231" fmla="*/ 2055654 h 2323145"/>
              <a:gd name="connsiteX232" fmla="*/ 2236905 w 11269336"/>
              <a:gd name="connsiteY232" fmla="*/ 2062882 h 2323145"/>
              <a:gd name="connsiteX233" fmla="*/ 2225830 w 11269336"/>
              <a:gd name="connsiteY233" fmla="*/ 2074027 h 2323145"/>
              <a:gd name="connsiteX234" fmla="*/ 2073776 w 11269336"/>
              <a:gd name="connsiteY234" fmla="*/ 2089244 h 2323145"/>
              <a:gd name="connsiteX235" fmla="*/ 1948256 w 11269336"/>
              <a:gd name="connsiteY235" fmla="*/ 2146616 h 2323145"/>
              <a:gd name="connsiteX236" fmla="*/ 1865582 w 11269336"/>
              <a:gd name="connsiteY236" fmla="*/ 2153738 h 2323145"/>
              <a:gd name="connsiteX237" fmla="*/ 1835210 w 11269336"/>
              <a:gd name="connsiteY237" fmla="*/ 2134244 h 2323145"/>
              <a:gd name="connsiteX238" fmla="*/ 1632661 w 11269336"/>
              <a:gd name="connsiteY238" fmla="*/ 2173882 h 2323145"/>
              <a:gd name="connsiteX239" fmla="*/ 1579590 w 11269336"/>
              <a:gd name="connsiteY239" fmla="*/ 2173680 h 2323145"/>
              <a:gd name="connsiteX240" fmla="*/ 1535601 w 11269336"/>
              <a:gd name="connsiteY240" fmla="*/ 2194590 h 2323145"/>
              <a:gd name="connsiteX241" fmla="*/ 1515594 w 11269336"/>
              <a:gd name="connsiteY241" fmla="*/ 2189622 h 2323145"/>
              <a:gd name="connsiteX242" fmla="*/ 1512113 w 11269336"/>
              <a:gd name="connsiteY242" fmla="*/ 2188534 h 2323145"/>
              <a:gd name="connsiteX243" fmla="*/ 1498838 w 11269336"/>
              <a:gd name="connsiteY243" fmla="*/ 2189213 h 2323145"/>
              <a:gd name="connsiteX244" fmla="*/ 1494279 w 11269336"/>
              <a:gd name="connsiteY244" fmla="*/ 2183112 h 2323145"/>
              <a:gd name="connsiteX245" fmla="*/ 1473714 w 11269336"/>
              <a:gd name="connsiteY245" fmla="*/ 2179625 h 2323145"/>
              <a:gd name="connsiteX246" fmla="*/ 1449503 w 11269336"/>
              <a:gd name="connsiteY246" fmla="*/ 2182633 h 2323145"/>
              <a:gd name="connsiteX247" fmla="*/ 1266687 w 11269336"/>
              <a:gd name="connsiteY247" fmla="*/ 2212688 h 2323145"/>
              <a:gd name="connsiteX248" fmla="*/ 1239614 w 11269336"/>
              <a:gd name="connsiteY248" fmla="*/ 2209727 h 2323145"/>
              <a:gd name="connsiteX249" fmla="*/ 1202436 w 11269336"/>
              <a:gd name="connsiteY249" fmla="*/ 2209817 h 2323145"/>
              <a:gd name="connsiteX250" fmla="*/ 1136097 w 11269336"/>
              <a:gd name="connsiteY250" fmla="*/ 2205112 h 2323145"/>
              <a:gd name="connsiteX251" fmla="*/ 988232 w 11269336"/>
              <a:gd name="connsiteY251" fmla="*/ 2235635 h 2323145"/>
              <a:gd name="connsiteX252" fmla="*/ 981959 w 11269336"/>
              <a:gd name="connsiteY252" fmla="*/ 2231607 h 2323145"/>
              <a:gd name="connsiteX253" fmla="*/ 938600 w 11269336"/>
              <a:gd name="connsiteY253" fmla="*/ 2238113 h 2323145"/>
              <a:gd name="connsiteX254" fmla="*/ 791788 w 11269336"/>
              <a:gd name="connsiteY254" fmla="*/ 2293224 h 2323145"/>
              <a:gd name="connsiteX255" fmla="*/ 706914 w 11269336"/>
              <a:gd name="connsiteY255" fmla="*/ 2305046 h 2323145"/>
              <a:gd name="connsiteX256" fmla="*/ 675971 w 11269336"/>
              <a:gd name="connsiteY256" fmla="*/ 2304030 h 2323145"/>
              <a:gd name="connsiteX257" fmla="*/ 624180 w 11269336"/>
              <a:gd name="connsiteY257" fmla="*/ 2302650 h 2323145"/>
              <a:gd name="connsiteX258" fmla="*/ 583453 w 11269336"/>
              <a:gd name="connsiteY258" fmla="*/ 2288788 h 2323145"/>
              <a:gd name="connsiteX259" fmla="*/ 540946 w 11269336"/>
              <a:gd name="connsiteY259" fmla="*/ 2292721 h 2323145"/>
              <a:gd name="connsiteX260" fmla="*/ 533680 w 11269336"/>
              <a:gd name="connsiteY260" fmla="*/ 2310233 h 2323145"/>
              <a:gd name="connsiteX261" fmla="*/ 487366 w 11269336"/>
              <a:gd name="connsiteY261" fmla="*/ 2309053 h 2323145"/>
              <a:gd name="connsiteX262" fmla="*/ 416820 w 11269336"/>
              <a:gd name="connsiteY262" fmla="*/ 2305443 h 2323145"/>
              <a:gd name="connsiteX263" fmla="*/ 376805 w 11269336"/>
              <a:gd name="connsiteY263" fmla="*/ 2307647 h 2323145"/>
              <a:gd name="connsiteX264" fmla="*/ 266777 w 11269336"/>
              <a:gd name="connsiteY264" fmla="*/ 2309012 h 2323145"/>
              <a:gd name="connsiteX265" fmla="*/ 156013 w 11269336"/>
              <a:gd name="connsiteY265" fmla="*/ 2306832 h 2323145"/>
              <a:gd name="connsiteX266" fmla="*/ 87258 w 11269336"/>
              <a:gd name="connsiteY266" fmla="*/ 2285511 h 2323145"/>
              <a:gd name="connsiteX267" fmla="*/ 23798 w 11269336"/>
              <a:gd name="connsiteY267" fmla="*/ 2281822 h 2323145"/>
              <a:gd name="connsiteX268" fmla="*/ 0 w 11269336"/>
              <a:gd name="connsiteY268" fmla="*/ 2285369 h 2323145"/>
              <a:gd name="connsiteX269" fmla="*/ 0 w 11269336"/>
              <a:gd name="connsiteY269"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197391 w 11269336"/>
              <a:gd name="connsiteY54" fmla="*/ 1107746 h 2323145"/>
              <a:gd name="connsiteX55" fmla="*/ 8081474 w 11269336"/>
              <a:gd name="connsiteY55" fmla="*/ 1130125 h 2323145"/>
              <a:gd name="connsiteX56" fmla="*/ 8053585 w 11269336"/>
              <a:gd name="connsiteY56" fmla="*/ 1129169 h 2323145"/>
              <a:gd name="connsiteX57" fmla="*/ 8038422 w 11269336"/>
              <a:gd name="connsiteY57" fmla="*/ 1119092 h 2323145"/>
              <a:gd name="connsiteX58" fmla="*/ 8029450 w 11269336"/>
              <a:gd name="connsiteY58" fmla="*/ 1125592 h 2323145"/>
              <a:gd name="connsiteX59" fmla="*/ 7959552 w 11269336"/>
              <a:gd name="connsiteY59" fmla="*/ 1140188 h 2323145"/>
              <a:gd name="connsiteX60" fmla="*/ 7914188 w 11269336"/>
              <a:gd name="connsiteY60" fmla="*/ 1150862 h 2323145"/>
              <a:gd name="connsiteX61" fmla="*/ 7914918 w 11269336"/>
              <a:gd name="connsiteY61" fmla="*/ 1168758 h 2323145"/>
              <a:gd name="connsiteX62" fmla="*/ 7875510 w 11269336"/>
              <a:gd name="connsiteY62" fmla="*/ 1183153 h 2323145"/>
              <a:gd name="connsiteX63" fmla="*/ 7829932 w 11269336"/>
              <a:gd name="connsiteY63" fmla="*/ 1180782 h 2323145"/>
              <a:gd name="connsiteX64" fmla="*/ 7779182 w 11269336"/>
              <a:gd name="connsiteY64" fmla="*/ 1192665 h 2323145"/>
              <a:gd name="connsiteX65" fmla="*/ 7748774 w 11269336"/>
              <a:gd name="connsiteY65" fmla="*/ 1199586 h 2323145"/>
              <a:gd name="connsiteX66" fmla="*/ 7671846 w 11269336"/>
              <a:gd name="connsiteY66" fmla="*/ 1231966 h 2323145"/>
              <a:gd name="connsiteX67" fmla="*/ 7554146 w 11269336"/>
              <a:gd name="connsiteY67" fmla="*/ 1319748 h 2323145"/>
              <a:gd name="connsiteX68" fmla="*/ 7515052 w 11269336"/>
              <a:gd name="connsiteY68" fmla="*/ 1336718 h 2323145"/>
              <a:gd name="connsiteX69" fmla="*/ 7507193 w 11269336"/>
              <a:gd name="connsiteY69" fmla="*/ 1334617 h 2323145"/>
              <a:gd name="connsiteX70" fmla="*/ 7461694 w 11269336"/>
              <a:gd name="connsiteY70" fmla="*/ 1375866 h 2323145"/>
              <a:gd name="connsiteX71" fmla="*/ 7377571 w 11269336"/>
              <a:gd name="connsiteY71" fmla="*/ 1400128 h 2323145"/>
              <a:gd name="connsiteX72" fmla="*/ 7311261 w 11269336"/>
              <a:gd name="connsiteY72" fmla="*/ 1412652 h 2323145"/>
              <a:gd name="connsiteX73" fmla="*/ 7275307 w 11269336"/>
              <a:gd name="connsiteY73" fmla="*/ 1422171 h 2323145"/>
              <a:gd name="connsiteX74" fmla="*/ 7247783 w 11269336"/>
              <a:gd name="connsiteY74" fmla="*/ 1426330 h 2323145"/>
              <a:gd name="connsiteX75" fmla="*/ 7185047 w 11269336"/>
              <a:gd name="connsiteY75" fmla="*/ 1451812 h 2323145"/>
              <a:gd name="connsiteX76" fmla="*/ 7084117 w 11269336"/>
              <a:gd name="connsiteY76" fmla="*/ 1500281 h 2323145"/>
              <a:gd name="connsiteX77" fmla="*/ 7062011 w 11269336"/>
              <a:gd name="connsiteY77" fmla="*/ 1509183 h 2323145"/>
              <a:gd name="connsiteX78" fmla="*/ 7040555 w 11269336"/>
              <a:gd name="connsiteY78" fmla="*/ 1511207 h 2323145"/>
              <a:gd name="connsiteX79" fmla="*/ 7033438 w 11269336"/>
              <a:gd name="connsiteY79" fmla="*/ 1506772 h 2323145"/>
              <a:gd name="connsiteX80" fmla="*/ 7020886 w 11269336"/>
              <a:gd name="connsiteY80" fmla="*/ 1510764 h 2323145"/>
              <a:gd name="connsiteX81" fmla="*/ 7017033 w 11269336"/>
              <a:gd name="connsiteY81" fmla="*/ 1510650 h 2323145"/>
              <a:gd name="connsiteX82" fmla="*/ 6995460 w 11269336"/>
              <a:gd name="connsiteY82" fmla="*/ 1511173 h 2323145"/>
              <a:gd name="connsiteX83" fmla="*/ 6962144 w 11269336"/>
              <a:gd name="connsiteY83" fmla="*/ 1541508 h 2323145"/>
              <a:gd name="connsiteX84" fmla="*/ 6910674 w 11269336"/>
              <a:gd name="connsiteY84" fmla="*/ 1554793 h 2323145"/>
              <a:gd name="connsiteX85" fmla="*/ 6732152 w 11269336"/>
              <a:gd name="connsiteY85" fmla="*/ 1642538 h 2323145"/>
              <a:gd name="connsiteX86" fmla="*/ 6694106 w 11269336"/>
              <a:gd name="connsiteY86" fmla="*/ 1632377 h 2323145"/>
              <a:gd name="connsiteX87" fmla="*/ 6617223 w 11269336"/>
              <a:gd name="connsiteY87" fmla="*/ 1659889 h 2323145"/>
              <a:gd name="connsiteX88" fmla="*/ 6521138 w 11269336"/>
              <a:gd name="connsiteY88" fmla="*/ 1744340 h 2323145"/>
              <a:gd name="connsiteX89" fmla="*/ 6380677 w 11269336"/>
              <a:gd name="connsiteY89" fmla="*/ 1796883 h 2323145"/>
              <a:gd name="connsiteX90" fmla="*/ 6374897 w 11269336"/>
              <a:gd name="connsiteY90" fmla="*/ 1809910 h 2323145"/>
              <a:gd name="connsiteX91" fmla="*/ 6364545 w 11269336"/>
              <a:gd name="connsiteY91" fmla="*/ 1820090 h 2323145"/>
              <a:gd name="connsiteX92" fmla="*/ 6362126 w 11269336"/>
              <a:gd name="connsiteY92" fmla="*/ 1819991 h 2323145"/>
              <a:gd name="connsiteX93" fmla="*/ 6346673 w 11269336"/>
              <a:gd name="connsiteY93" fmla="*/ 1827824 h 2323145"/>
              <a:gd name="connsiteX94" fmla="*/ 6345588 w 11269336"/>
              <a:gd name="connsiteY94" fmla="*/ 1832232 h 2323145"/>
              <a:gd name="connsiteX95" fmla="*/ 6335708 w 11269336"/>
              <a:gd name="connsiteY95" fmla="*/ 1838451 h 2323145"/>
              <a:gd name="connsiteX96" fmla="*/ 6318182 w 11269336"/>
              <a:gd name="connsiteY96" fmla="*/ 1852975 h 2323145"/>
              <a:gd name="connsiteX97" fmla="*/ 6313084 w 11269336"/>
              <a:gd name="connsiteY97" fmla="*/ 1853561 h 2323145"/>
              <a:gd name="connsiteX98" fmla="*/ 6283816 w 11269336"/>
              <a:gd name="connsiteY98" fmla="*/ 1872148 h 2323145"/>
              <a:gd name="connsiteX99" fmla="*/ 6282550 w 11269336"/>
              <a:gd name="connsiteY99" fmla="*/ 1871392 h 2323145"/>
              <a:gd name="connsiteX100" fmla="*/ 6270527 w 11269336"/>
              <a:gd name="connsiteY100" fmla="*/ 1872208 h 2323145"/>
              <a:gd name="connsiteX101" fmla="*/ 6249518 w 11269336"/>
              <a:gd name="connsiteY101" fmla="*/ 1876079 h 2323145"/>
              <a:gd name="connsiteX102" fmla="*/ 6190386 w 11269336"/>
              <a:gd name="connsiteY102" fmla="*/ 1872478 h 2323145"/>
              <a:gd name="connsiteX103" fmla="*/ 6159777 w 11269336"/>
              <a:gd name="connsiteY103" fmla="*/ 1891745 h 2323145"/>
              <a:gd name="connsiteX104" fmla="*/ 6153131 w 11269336"/>
              <a:gd name="connsiteY104" fmla="*/ 1895079 h 2323145"/>
              <a:gd name="connsiteX105" fmla="*/ 6152798 w 11269336"/>
              <a:gd name="connsiteY105" fmla="*/ 1894920 h 2323145"/>
              <a:gd name="connsiteX106" fmla="*/ 6145388 w 11269336"/>
              <a:gd name="connsiteY106" fmla="*/ 1897990 h 2323145"/>
              <a:gd name="connsiteX107" fmla="*/ 6141014 w 11269336"/>
              <a:gd name="connsiteY107" fmla="*/ 1901155 h 2323145"/>
              <a:gd name="connsiteX108" fmla="*/ 6128122 w 11269336"/>
              <a:gd name="connsiteY108" fmla="*/ 1907623 h 2323145"/>
              <a:gd name="connsiteX109" fmla="*/ 6122351 w 11269336"/>
              <a:gd name="connsiteY109" fmla="*/ 1908359 h 2323145"/>
              <a:gd name="connsiteX110" fmla="*/ 6064750 w 11269336"/>
              <a:gd name="connsiteY110" fmla="*/ 1896394 h 2323145"/>
              <a:gd name="connsiteX111" fmla="*/ 5964230 w 11269336"/>
              <a:gd name="connsiteY111" fmla="*/ 1910038 h 2323145"/>
              <a:gd name="connsiteX112" fmla="*/ 5865399 w 11269336"/>
              <a:gd name="connsiteY112" fmla="*/ 1926966 h 2323145"/>
              <a:gd name="connsiteX113" fmla="*/ 5829951 w 11269336"/>
              <a:gd name="connsiteY113" fmla="*/ 1934755 h 2323145"/>
              <a:gd name="connsiteX114" fmla="*/ 5765285 w 11269336"/>
              <a:gd name="connsiteY114" fmla="*/ 1941322 h 2323145"/>
              <a:gd name="connsiteX115" fmla="*/ 5734750 w 11269336"/>
              <a:gd name="connsiteY115" fmla="*/ 1939793 h 2323145"/>
              <a:gd name="connsiteX116" fmla="*/ 5733569 w 11269336"/>
              <a:gd name="connsiteY116" fmla="*/ 1940505 h 2323145"/>
              <a:gd name="connsiteX117" fmla="*/ 5730329 w 11269336"/>
              <a:gd name="connsiteY117" fmla="*/ 1937845 h 2323145"/>
              <a:gd name="connsiteX118" fmla="*/ 5724661 w 11269336"/>
              <a:gd name="connsiteY118" fmla="*/ 1937455 h 2323145"/>
              <a:gd name="connsiteX119" fmla="*/ 5710186 w 11269336"/>
              <a:gd name="connsiteY119" fmla="*/ 1941370 h 2323145"/>
              <a:gd name="connsiteX120" fmla="*/ 5704910 w 11269336"/>
              <a:gd name="connsiteY120" fmla="*/ 1943663 h 2323145"/>
              <a:gd name="connsiteX121" fmla="*/ 5696836 w 11269336"/>
              <a:gd name="connsiteY121" fmla="*/ 1945271 h 2323145"/>
              <a:gd name="connsiteX122" fmla="*/ 5696583 w 11269336"/>
              <a:gd name="connsiteY122" fmla="*/ 1945050 h 2323145"/>
              <a:gd name="connsiteX123" fmla="*/ 5689123 w 11269336"/>
              <a:gd name="connsiteY123" fmla="*/ 1947067 h 2323145"/>
              <a:gd name="connsiteX124" fmla="*/ 5653291 w 11269336"/>
              <a:gd name="connsiteY124" fmla="*/ 1960245 h 2323145"/>
              <a:gd name="connsiteX125" fmla="*/ 5599385 w 11269336"/>
              <a:gd name="connsiteY125" fmla="*/ 1945198 h 2323145"/>
              <a:gd name="connsiteX126" fmla="*/ 5578300 w 11269336"/>
              <a:gd name="connsiteY126" fmla="*/ 1944963 h 2323145"/>
              <a:gd name="connsiteX127" fmla="*/ 5566758 w 11269336"/>
              <a:gd name="connsiteY127" fmla="*/ 1943441 h 2323145"/>
              <a:gd name="connsiteX128" fmla="*/ 5565857 w 11269336"/>
              <a:gd name="connsiteY128" fmla="*/ 1942445 h 2323145"/>
              <a:gd name="connsiteX129" fmla="*/ 5531534 w 11269336"/>
              <a:gd name="connsiteY129" fmla="*/ 1955208 h 2323145"/>
              <a:gd name="connsiteX130" fmla="*/ 5526552 w 11269336"/>
              <a:gd name="connsiteY130" fmla="*/ 1954799 h 2323145"/>
              <a:gd name="connsiteX131" fmla="*/ 5504723 w 11269336"/>
              <a:gd name="connsiteY131" fmla="*/ 1965811 h 2323145"/>
              <a:gd name="connsiteX132" fmla="*/ 5493156 w 11269336"/>
              <a:gd name="connsiteY132" fmla="*/ 1970063 h 2323145"/>
              <a:gd name="connsiteX133" fmla="*/ 5490486 w 11269336"/>
              <a:gd name="connsiteY133" fmla="*/ 1974227 h 2323145"/>
              <a:gd name="connsiteX134" fmla="*/ 5473107 w 11269336"/>
              <a:gd name="connsiteY134" fmla="*/ 1979001 h 2323145"/>
              <a:gd name="connsiteX135" fmla="*/ 5470885 w 11269336"/>
              <a:gd name="connsiteY135" fmla="*/ 1978432 h 2323145"/>
              <a:gd name="connsiteX136" fmla="*/ 5457393 w 11269336"/>
              <a:gd name="connsiteY136" fmla="*/ 1986525 h 2323145"/>
              <a:gd name="connsiteX137" fmla="*/ 5447102 w 11269336"/>
              <a:gd name="connsiteY137" fmla="*/ 1998329 h 2323145"/>
              <a:gd name="connsiteX138" fmla="*/ 5159151 w 11269336"/>
              <a:gd name="connsiteY138" fmla="*/ 2029640 h 2323145"/>
              <a:gd name="connsiteX139" fmla="*/ 5041688 w 11269336"/>
              <a:gd name="connsiteY139" fmla="*/ 2022334 h 2323145"/>
              <a:gd name="connsiteX140" fmla="*/ 4860988 w 11269336"/>
              <a:gd name="connsiteY140" fmla="*/ 2135698 h 2323145"/>
              <a:gd name="connsiteX141" fmla="*/ 4807902 w 11269336"/>
              <a:gd name="connsiteY141" fmla="*/ 2138894 h 2323145"/>
              <a:gd name="connsiteX142" fmla="*/ 4765388 w 11269336"/>
              <a:gd name="connsiteY142" fmla="*/ 2162525 h 2323145"/>
              <a:gd name="connsiteX143" fmla="*/ 4745033 w 11269336"/>
              <a:gd name="connsiteY143" fmla="*/ 2158859 h 2323145"/>
              <a:gd name="connsiteX144" fmla="*/ 4741475 w 11269336"/>
              <a:gd name="connsiteY144" fmla="*/ 2157998 h 2323145"/>
              <a:gd name="connsiteX145" fmla="*/ 4728247 w 11269336"/>
              <a:gd name="connsiteY145" fmla="*/ 2159526 h 2323145"/>
              <a:gd name="connsiteX146" fmla="*/ 4723263 w 11269336"/>
              <a:gd name="connsiteY146" fmla="*/ 2153742 h 2323145"/>
              <a:gd name="connsiteX147" fmla="*/ 4702453 w 11269336"/>
              <a:gd name="connsiteY147" fmla="*/ 2151586 h 2323145"/>
              <a:gd name="connsiteX148" fmla="*/ 4678455 w 11269336"/>
              <a:gd name="connsiteY148" fmla="*/ 2156131 h 2323145"/>
              <a:gd name="connsiteX149" fmla="*/ 4593061 w 11269336"/>
              <a:gd name="connsiteY149" fmla="*/ 2171597 h 2323145"/>
              <a:gd name="connsiteX150" fmla="*/ 4579902 w 11269336"/>
              <a:gd name="connsiteY150" fmla="*/ 2177927 h 2323145"/>
              <a:gd name="connsiteX151" fmla="*/ 4533444 w 11269336"/>
              <a:gd name="connsiteY151" fmla="*/ 2181200 h 2323145"/>
              <a:gd name="connsiteX152" fmla="*/ 4492832 w 11269336"/>
              <a:gd name="connsiteY152" fmla="*/ 2188033 h 2323145"/>
              <a:gd name="connsiteX153" fmla="*/ 4467257 w 11269336"/>
              <a:gd name="connsiteY153" fmla="*/ 2196121 h 2323145"/>
              <a:gd name="connsiteX154" fmla="*/ 4459937 w 11269336"/>
              <a:gd name="connsiteY154" fmla="*/ 2195182 h 2323145"/>
              <a:gd name="connsiteX155" fmla="*/ 4433312 w 11269336"/>
              <a:gd name="connsiteY155" fmla="*/ 2199004 h 2323145"/>
              <a:gd name="connsiteX156" fmla="*/ 4420601 w 11269336"/>
              <a:gd name="connsiteY156" fmla="*/ 2205158 h 2323145"/>
              <a:gd name="connsiteX157" fmla="*/ 4405765 w 11269336"/>
              <a:gd name="connsiteY157" fmla="*/ 2199902 h 2323145"/>
              <a:gd name="connsiteX158" fmla="*/ 4401354 w 11269336"/>
              <a:gd name="connsiteY158" fmla="*/ 2194745 h 2323145"/>
              <a:gd name="connsiteX159" fmla="*/ 4383151 w 11269336"/>
              <a:gd name="connsiteY159" fmla="*/ 2201140 h 2323145"/>
              <a:gd name="connsiteX160" fmla="*/ 4366646 w 11269336"/>
              <a:gd name="connsiteY160" fmla="*/ 2198564 h 2323145"/>
              <a:gd name="connsiteX161" fmla="*/ 4354009 w 11269336"/>
              <a:gd name="connsiteY161" fmla="*/ 2204984 h 2323145"/>
              <a:gd name="connsiteX162" fmla="*/ 4348284 w 11269336"/>
              <a:gd name="connsiteY162" fmla="*/ 2205270 h 2323145"/>
              <a:gd name="connsiteX163" fmla="*/ 4333906 w 11269336"/>
              <a:gd name="connsiteY163" fmla="*/ 2205251 h 2323145"/>
              <a:gd name="connsiteX164" fmla="*/ 4308819 w 11269336"/>
              <a:gd name="connsiteY164" fmla="*/ 2203822 h 2323145"/>
              <a:gd name="connsiteX165" fmla="*/ 4301210 w 11269336"/>
              <a:gd name="connsiteY165" fmla="*/ 2204456 h 2323145"/>
              <a:gd name="connsiteX166" fmla="*/ 4283095 w 11269336"/>
              <a:gd name="connsiteY166" fmla="*/ 2198177 h 2323145"/>
              <a:gd name="connsiteX167" fmla="*/ 4250119 w 11269336"/>
              <a:gd name="connsiteY167" fmla="*/ 2196342 h 2323145"/>
              <a:gd name="connsiteX168" fmla="*/ 4189203 w 11269336"/>
              <a:gd name="connsiteY168" fmla="*/ 2178994 h 2323145"/>
              <a:gd name="connsiteX169" fmla="*/ 4154035 w 11269336"/>
              <a:gd name="connsiteY169" fmla="*/ 2171950 h 2323145"/>
              <a:gd name="connsiteX170" fmla="*/ 4129569 w 11269336"/>
              <a:gd name="connsiteY170" fmla="*/ 2163850 h 2323145"/>
              <a:gd name="connsiteX171" fmla="*/ 4061250 w 11269336"/>
              <a:gd name="connsiteY171" fmla="*/ 2159236 h 2323145"/>
              <a:gd name="connsiteX172" fmla="*/ 3945480 w 11269336"/>
              <a:gd name="connsiteY172" fmla="*/ 2158279 h 2323145"/>
              <a:gd name="connsiteX173" fmla="*/ 3921468 w 11269336"/>
              <a:gd name="connsiteY173" fmla="*/ 2156588 h 2323145"/>
              <a:gd name="connsiteX174" fmla="*/ 3903348 w 11269336"/>
              <a:gd name="connsiteY174" fmla="*/ 2149220 h 2323145"/>
              <a:gd name="connsiteX175" fmla="*/ 3901342 w 11269336"/>
              <a:gd name="connsiteY175" fmla="*/ 2142355 h 2323145"/>
              <a:gd name="connsiteX176" fmla="*/ 3888539 w 11269336"/>
              <a:gd name="connsiteY176" fmla="*/ 2140476 h 2323145"/>
              <a:gd name="connsiteX177" fmla="*/ 3885662 w 11269336"/>
              <a:gd name="connsiteY177" fmla="*/ 2138740 h 2323145"/>
              <a:gd name="connsiteX178" fmla="*/ 3868627 w 11269336"/>
              <a:gd name="connsiteY178" fmla="*/ 2130023 h 2323145"/>
              <a:gd name="connsiteX179" fmla="*/ 3819177 w 11269336"/>
              <a:gd name="connsiteY179" fmla="*/ 2142111 h 2323145"/>
              <a:gd name="connsiteX180" fmla="*/ 3769100 w 11269336"/>
              <a:gd name="connsiteY180" fmla="*/ 2131731 h 2323145"/>
              <a:gd name="connsiteX181" fmla="*/ 3562752 w 11269336"/>
              <a:gd name="connsiteY181" fmla="*/ 2131785 h 2323145"/>
              <a:gd name="connsiteX182" fmla="*/ 3541402 w 11269336"/>
              <a:gd name="connsiteY182" fmla="*/ 2106821 h 2323145"/>
              <a:gd name="connsiteX183" fmla="*/ 3365341 w 11269336"/>
              <a:gd name="connsiteY183" fmla="*/ 2077638 h 2323145"/>
              <a:gd name="connsiteX184" fmla="*/ 3170922 w 11269336"/>
              <a:gd name="connsiteY184" fmla="*/ 2115957 h 2323145"/>
              <a:gd name="connsiteX185" fmla="*/ 3156256 w 11269336"/>
              <a:gd name="connsiteY185" fmla="*/ 2124773 h 2323145"/>
              <a:gd name="connsiteX186" fmla="*/ 3140298 w 11269336"/>
              <a:gd name="connsiteY186" fmla="*/ 2129182 h 2323145"/>
              <a:gd name="connsiteX187" fmla="*/ 3138514 w 11269336"/>
              <a:gd name="connsiteY187" fmla="*/ 2128069 h 2323145"/>
              <a:gd name="connsiteX188" fmla="*/ 3120467 w 11269336"/>
              <a:gd name="connsiteY188" fmla="*/ 2128281 h 2323145"/>
              <a:gd name="connsiteX189" fmla="*/ 3116175 w 11269336"/>
              <a:gd name="connsiteY189" fmla="*/ 2131633 h 2323145"/>
              <a:gd name="connsiteX190" fmla="*/ 3103685 w 11269336"/>
              <a:gd name="connsiteY190" fmla="*/ 2132814 h 2323145"/>
              <a:gd name="connsiteX191" fmla="*/ 3078794 w 11269336"/>
              <a:gd name="connsiteY191" fmla="*/ 2137935 h 2323145"/>
              <a:gd name="connsiteX192" fmla="*/ 3074407 w 11269336"/>
              <a:gd name="connsiteY192" fmla="*/ 2136274 h 2323145"/>
              <a:gd name="connsiteX193" fmla="*/ 3037285 w 11269336"/>
              <a:gd name="connsiteY193" fmla="*/ 2139919 h 2323145"/>
              <a:gd name="connsiteX194" fmla="*/ 3036901 w 11269336"/>
              <a:gd name="connsiteY194" fmla="*/ 2138726 h 2323145"/>
              <a:gd name="connsiteX195" fmla="*/ 3026996 w 11269336"/>
              <a:gd name="connsiteY195" fmla="*/ 2134322 h 2323145"/>
              <a:gd name="connsiteX196" fmla="*/ 3007772 w 11269336"/>
              <a:gd name="connsiteY196" fmla="*/ 2128742 h 2323145"/>
              <a:gd name="connsiteX197" fmla="*/ 2965030 w 11269336"/>
              <a:gd name="connsiteY197" fmla="*/ 2100494 h 2323145"/>
              <a:gd name="connsiteX198" fmla="*/ 2926342 w 11269336"/>
              <a:gd name="connsiteY198" fmla="*/ 2104155 h 2323145"/>
              <a:gd name="connsiteX199" fmla="*/ 2918608 w 11269336"/>
              <a:gd name="connsiteY199" fmla="*/ 2104215 h 2323145"/>
              <a:gd name="connsiteX200" fmla="*/ 2918475 w 11269336"/>
              <a:gd name="connsiteY200" fmla="*/ 2103937 h 2323145"/>
              <a:gd name="connsiteX201" fmla="*/ 2910360 w 11269336"/>
              <a:gd name="connsiteY201" fmla="*/ 2103444 h 2323145"/>
              <a:gd name="connsiteX202" fmla="*/ 2904507 w 11269336"/>
              <a:gd name="connsiteY202" fmla="*/ 2104326 h 2323145"/>
              <a:gd name="connsiteX203" fmla="*/ 2889503 w 11269336"/>
              <a:gd name="connsiteY203" fmla="*/ 2104443 h 2323145"/>
              <a:gd name="connsiteX204" fmla="*/ 2884480 w 11269336"/>
              <a:gd name="connsiteY204" fmla="*/ 2102626 h 2323145"/>
              <a:gd name="connsiteX205" fmla="*/ 2882689 w 11269336"/>
              <a:gd name="connsiteY205" fmla="*/ 2099228 h 2323145"/>
              <a:gd name="connsiteX206" fmla="*/ 2881291 w 11269336"/>
              <a:gd name="connsiteY206" fmla="*/ 2099618 h 2323145"/>
              <a:gd name="connsiteX207" fmla="*/ 2853979 w 11269336"/>
              <a:gd name="connsiteY207" fmla="*/ 2090388 h 2323145"/>
              <a:gd name="connsiteX208" fmla="*/ 2791790 w 11269336"/>
              <a:gd name="connsiteY208" fmla="*/ 2080332 h 2323145"/>
              <a:gd name="connsiteX209" fmla="*/ 2755844 w 11269336"/>
              <a:gd name="connsiteY209" fmla="*/ 2078874 h 2323145"/>
              <a:gd name="connsiteX210" fmla="*/ 2657742 w 11269336"/>
              <a:gd name="connsiteY210" fmla="*/ 2070179 h 2323145"/>
              <a:gd name="connsiteX211" fmla="*/ 2559549 w 11269336"/>
              <a:gd name="connsiteY211" fmla="*/ 2057873 h 2323145"/>
              <a:gd name="connsiteX212" fmla="*/ 2512054 w 11269336"/>
              <a:gd name="connsiteY212" fmla="*/ 2031671 h 2323145"/>
              <a:gd name="connsiteX213" fmla="*/ 2506437 w 11269336"/>
              <a:gd name="connsiteY213" fmla="*/ 2030918 h 2323145"/>
              <a:gd name="connsiteX214" fmla="*/ 2491752 w 11269336"/>
              <a:gd name="connsiteY214" fmla="*/ 2033906 h 2323145"/>
              <a:gd name="connsiteX215" fmla="*/ 2486338 w 11269336"/>
              <a:gd name="connsiteY215" fmla="*/ 2035862 h 2323145"/>
              <a:gd name="connsiteX216" fmla="*/ 2478186 w 11269336"/>
              <a:gd name="connsiteY216" fmla="*/ 2036953 h 2323145"/>
              <a:gd name="connsiteX217" fmla="*/ 2477950 w 11269336"/>
              <a:gd name="connsiteY217" fmla="*/ 2036715 h 2323145"/>
              <a:gd name="connsiteX218" fmla="*/ 2470381 w 11269336"/>
              <a:gd name="connsiteY218" fmla="*/ 2038256 h 2323145"/>
              <a:gd name="connsiteX219" fmla="*/ 2433781 w 11269336"/>
              <a:gd name="connsiteY219" fmla="*/ 2049140 h 2323145"/>
              <a:gd name="connsiteX220" fmla="*/ 2381172 w 11269336"/>
              <a:gd name="connsiteY220" fmla="*/ 2030645 h 2323145"/>
              <a:gd name="connsiteX221" fmla="*/ 2360198 w 11269336"/>
              <a:gd name="connsiteY221" fmla="*/ 2029059 h 2323145"/>
              <a:gd name="connsiteX222" fmla="*/ 2348815 w 11269336"/>
              <a:gd name="connsiteY222" fmla="*/ 2026798 h 2323145"/>
              <a:gd name="connsiteX223" fmla="*/ 2347988 w 11269336"/>
              <a:gd name="connsiteY223" fmla="*/ 2025745 h 2323145"/>
              <a:gd name="connsiteX224" fmla="*/ 2312920 w 11269336"/>
              <a:gd name="connsiteY224" fmla="*/ 2036311 h 2323145"/>
              <a:gd name="connsiteX225" fmla="*/ 2307986 w 11269336"/>
              <a:gd name="connsiteY225" fmla="*/ 2035583 h 2323145"/>
              <a:gd name="connsiteX226" fmla="*/ 2285481 w 11269336"/>
              <a:gd name="connsiteY226" fmla="*/ 2045197 h 2323145"/>
              <a:gd name="connsiteX227" fmla="*/ 2273666 w 11269336"/>
              <a:gd name="connsiteY227" fmla="*/ 2048710 h 2323145"/>
              <a:gd name="connsiteX228" fmla="*/ 2270719 w 11269336"/>
              <a:gd name="connsiteY228" fmla="*/ 2052702 h 2323145"/>
              <a:gd name="connsiteX229" fmla="*/ 2253080 w 11269336"/>
              <a:gd name="connsiteY229" fmla="*/ 2056363 h 2323145"/>
              <a:gd name="connsiteX230" fmla="*/ 2250906 w 11269336"/>
              <a:gd name="connsiteY230" fmla="*/ 2055654 h 2323145"/>
              <a:gd name="connsiteX231" fmla="*/ 2236905 w 11269336"/>
              <a:gd name="connsiteY231" fmla="*/ 2062882 h 2323145"/>
              <a:gd name="connsiteX232" fmla="*/ 2225830 w 11269336"/>
              <a:gd name="connsiteY232" fmla="*/ 2074027 h 2323145"/>
              <a:gd name="connsiteX233" fmla="*/ 2073776 w 11269336"/>
              <a:gd name="connsiteY233" fmla="*/ 2089244 h 2323145"/>
              <a:gd name="connsiteX234" fmla="*/ 1948256 w 11269336"/>
              <a:gd name="connsiteY234" fmla="*/ 2146616 h 2323145"/>
              <a:gd name="connsiteX235" fmla="*/ 1865582 w 11269336"/>
              <a:gd name="connsiteY235" fmla="*/ 2153738 h 2323145"/>
              <a:gd name="connsiteX236" fmla="*/ 1835210 w 11269336"/>
              <a:gd name="connsiteY236" fmla="*/ 2134244 h 2323145"/>
              <a:gd name="connsiteX237" fmla="*/ 1632661 w 11269336"/>
              <a:gd name="connsiteY237" fmla="*/ 2173882 h 2323145"/>
              <a:gd name="connsiteX238" fmla="*/ 1579590 w 11269336"/>
              <a:gd name="connsiteY238" fmla="*/ 2173680 h 2323145"/>
              <a:gd name="connsiteX239" fmla="*/ 1535601 w 11269336"/>
              <a:gd name="connsiteY239" fmla="*/ 2194590 h 2323145"/>
              <a:gd name="connsiteX240" fmla="*/ 1515594 w 11269336"/>
              <a:gd name="connsiteY240" fmla="*/ 2189622 h 2323145"/>
              <a:gd name="connsiteX241" fmla="*/ 1512113 w 11269336"/>
              <a:gd name="connsiteY241" fmla="*/ 2188534 h 2323145"/>
              <a:gd name="connsiteX242" fmla="*/ 1498838 w 11269336"/>
              <a:gd name="connsiteY242" fmla="*/ 2189213 h 2323145"/>
              <a:gd name="connsiteX243" fmla="*/ 1494279 w 11269336"/>
              <a:gd name="connsiteY243" fmla="*/ 2183112 h 2323145"/>
              <a:gd name="connsiteX244" fmla="*/ 1473714 w 11269336"/>
              <a:gd name="connsiteY244" fmla="*/ 2179625 h 2323145"/>
              <a:gd name="connsiteX245" fmla="*/ 1449503 w 11269336"/>
              <a:gd name="connsiteY245" fmla="*/ 2182633 h 2323145"/>
              <a:gd name="connsiteX246" fmla="*/ 1266687 w 11269336"/>
              <a:gd name="connsiteY246" fmla="*/ 2212688 h 2323145"/>
              <a:gd name="connsiteX247" fmla="*/ 1239614 w 11269336"/>
              <a:gd name="connsiteY247" fmla="*/ 2209727 h 2323145"/>
              <a:gd name="connsiteX248" fmla="*/ 1202436 w 11269336"/>
              <a:gd name="connsiteY248" fmla="*/ 2209817 h 2323145"/>
              <a:gd name="connsiteX249" fmla="*/ 1136097 w 11269336"/>
              <a:gd name="connsiteY249" fmla="*/ 2205112 h 2323145"/>
              <a:gd name="connsiteX250" fmla="*/ 988232 w 11269336"/>
              <a:gd name="connsiteY250" fmla="*/ 2235635 h 2323145"/>
              <a:gd name="connsiteX251" fmla="*/ 981959 w 11269336"/>
              <a:gd name="connsiteY251" fmla="*/ 2231607 h 2323145"/>
              <a:gd name="connsiteX252" fmla="*/ 938600 w 11269336"/>
              <a:gd name="connsiteY252" fmla="*/ 2238113 h 2323145"/>
              <a:gd name="connsiteX253" fmla="*/ 791788 w 11269336"/>
              <a:gd name="connsiteY253" fmla="*/ 2293224 h 2323145"/>
              <a:gd name="connsiteX254" fmla="*/ 706914 w 11269336"/>
              <a:gd name="connsiteY254" fmla="*/ 2305046 h 2323145"/>
              <a:gd name="connsiteX255" fmla="*/ 675971 w 11269336"/>
              <a:gd name="connsiteY255" fmla="*/ 2304030 h 2323145"/>
              <a:gd name="connsiteX256" fmla="*/ 624180 w 11269336"/>
              <a:gd name="connsiteY256" fmla="*/ 2302650 h 2323145"/>
              <a:gd name="connsiteX257" fmla="*/ 583453 w 11269336"/>
              <a:gd name="connsiteY257" fmla="*/ 2288788 h 2323145"/>
              <a:gd name="connsiteX258" fmla="*/ 540946 w 11269336"/>
              <a:gd name="connsiteY258" fmla="*/ 2292721 h 2323145"/>
              <a:gd name="connsiteX259" fmla="*/ 533680 w 11269336"/>
              <a:gd name="connsiteY259" fmla="*/ 2310233 h 2323145"/>
              <a:gd name="connsiteX260" fmla="*/ 487366 w 11269336"/>
              <a:gd name="connsiteY260" fmla="*/ 2309053 h 2323145"/>
              <a:gd name="connsiteX261" fmla="*/ 416820 w 11269336"/>
              <a:gd name="connsiteY261" fmla="*/ 2305443 h 2323145"/>
              <a:gd name="connsiteX262" fmla="*/ 376805 w 11269336"/>
              <a:gd name="connsiteY262" fmla="*/ 2307647 h 2323145"/>
              <a:gd name="connsiteX263" fmla="*/ 266777 w 11269336"/>
              <a:gd name="connsiteY263" fmla="*/ 2309012 h 2323145"/>
              <a:gd name="connsiteX264" fmla="*/ 156013 w 11269336"/>
              <a:gd name="connsiteY264" fmla="*/ 2306832 h 2323145"/>
              <a:gd name="connsiteX265" fmla="*/ 87258 w 11269336"/>
              <a:gd name="connsiteY265" fmla="*/ 2285511 h 2323145"/>
              <a:gd name="connsiteX266" fmla="*/ 23798 w 11269336"/>
              <a:gd name="connsiteY266" fmla="*/ 2281822 h 2323145"/>
              <a:gd name="connsiteX267" fmla="*/ 0 w 11269336"/>
              <a:gd name="connsiteY267" fmla="*/ 2285369 h 2323145"/>
              <a:gd name="connsiteX268" fmla="*/ 0 w 11269336"/>
              <a:gd name="connsiteY268"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795998 w 11269336"/>
              <a:gd name="connsiteY32" fmla="*/ 863337 h 2323145"/>
              <a:gd name="connsiteX33" fmla="*/ 8776970 w 11269336"/>
              <a:gd name="connsiteY33" fmla="*/ 885177 h 2323145"/>
              <a:gd name="connsiteX34" fmla="*/ 8755719 w 11269336"/>
              <a:gd name="connsiteY34" fmla="*/ 889754 h 2323145"/>
              <a:gd name="connsiteX35" fmla="*/ 8743257 w 11269336"/>
              <a:gd name="connsiteY35" fmla="*/ 904723 h 2323145"/>
              <a:gd name="connsiteX36" fmla="*/ 8721366 w 11269336"/>
              <a:gd name="connsiteY36" fmla="*/ 904711 h 2323145"/>
              <a:gd name="connsiteX37" fmla="*/ 8678353 w 11269336"/>
              <a:gd name="connsiteY37" fmla="*/ 926318 h 2323145"/>
              <a:gd name="connsiteX38" fmla="*/ 8636849 w 11269336"/>
              <a:gd name="connsiteY38" fmla="*/ 937900 h 2323145"/>
              <a:gd name="connsiteX39" fmla="*/ 8620213 w 11269336"/>
              <a:gd name="connsiteY39" fmla="*/ 943068 h 2323145"/>
              <a:gd name="connsiteX40" fmla="*/ 8612581 w 11269336"/>
              <a:gd name="connsiteY40" fmla="*/ 952695 h 2323145"/>
              <a:gd name="connsiteX41" fmla="*/ 8589038 w 11269336"/>
              <a:gd name="connsiteY41" fmla="*/ 963892 h 2323145"/>
              <a:gd name="connsiteX42" fmla="*/ 8579950 w 11269336"/>
              <a:gd name="connsiteY42" fmla="*/ 960899 h 2323145"/>
              <a:gd name="connsiteX43" fmla="*/ 8579319 w 11269336"/>
              <a:gd name="connsiteY43" fmla="*/ 965630 h 2323145"/>
              <a:gd name="connsiteX44" fmla="*/ 8547429 w 11269336"/>
              <a:gd name="connsiteY44" fmla="*/ 984506 h 2323145"/>
              <a:gd name="connsiteX45" fmla="*/ 8478704 w 11269336"/>
              <a:gd name="connsiteY45" fmla="*/ 1025490 h 2323145"/>
              <a:gd name="connsiteX46" fmla="*/ 8461421 w 11269336"/>
              <a:gd name="connsiteY46" fmla="*/ 1035512 h 2323145"/>
              <a:gd name="connsiteX47" fmla="*/ 8445003 w 11269336"/>
              <a:gd name="connsiteY47" fmla="*/ 1036851 h 2323145"/>
              <a:gd name="connsiteX48" fmla="*/ 8357350 w 11269336"/>
              <a:gd name="connsiteY48" fmla="*/ 1060213 h 2323145"/>
              <a:gd name="connsiteX49" fmla="*/ 8335565 w 11269336"/>
              <a:gd name="connsiteY49" fmla="*/ 1061151 h 2323145"/>
              <a:gd name="connsiteX50" fmla="*/ 8325267 w 11269336"/>
              <a:gd name="connsiteY50" fmla="*/ 1055919 h 2323145"/>
              <a:gd name="connsiteX51" fmla="*/ 8293586 w 11269336"/>
              <a:gd name="connsiteY51" fmla="*/ 1076144 h 2323145"/>
              <a:gd name="connsiteX52" fmla="*/ 8242405 w 11269336"/>
              <a:gd name="connsiteY52" fmla="*/ 1095960 h 2323145"/>
              <a:gd name="connsiteX53" fmla="*/ 8197391 w 11269336"/>
              <a:gd name="connsiteY53" fmla="*/ 1107746 h 2323145"/>
              <a:gd name="connsiteX54" fmla="*/ 8081474 w 11269336"/>
              <a:gd name="connsiteY54" fmla="*/ 1130125 h 2323145"/>
              <a:gd name="connsiteX55" fmla="*/ 8053585 w 11269336"/>
              <a:gd name="connsiteY55" fmla="*/ 1129169 h 2323145"/>
              <a:gd name="connsiteX56" fmla="*/ 8038422 w 11269336"/>
              <a:gd name="connsiteY56" fmla="*/ 1119092 h 2323145"/>
              <a:gd name="connsiteX57" fmla="*/ 8029450 w 11269336"/>
              <a:gd name="connsiteY57" fmla="*/ 1125592 h 2323145"/>
              <a:gd name="connsiteX58" fmla="*/ 7959552 w 11269336"/>
              <a:gd name="connsiteY58" fmla="*/ 1140188 h 2323145"/>
              <a:gd name="connsiteX59" fmla="*/ 7914188 w 11269336"/>
              <a:gd name="connsiteY59" fmla="*/ 1150862 h 2323145"/>
              <a:gd name="connsiteX60" fmla="*/ 7914918 w 11269336"/>
              <a:gd name="connsiteY60" fmla="*/ 1168758 h 2323145"/>
              <a:gd name="connsiteX61" fmla="*/ 7875510 w 11269336"/>
              <a:gd name="connsiteY61" fmla="*/ 1183153 h 2323145"/>
              <a:gd name="connsiteX62" fmla="*/ 7829932 w 11269336"/>
              <a:gd name="connsiteY62" fmla="*/ 1180782 h 2323145"/>
              <a:gd name="connsiteX63" fmla="*/ 7779182 w 11269336"/>
              <a:gd name="connsiteY63" fmla="*/ 1192665 h 2323145"/>
              <a:gd name="connsiteX64" fmla="*/ 7748774 w 11269336"/>
              <a:gd name="connsiteY64" fmla="*/ 1199586 h 2323145"/>
              <a:gd name="connsiteX65" fmla="*/ 7671846 w 11269336"/>
              <a:gd name="connsiteY65" fmla="*/ 1231966 h 2323145"/>
              <a:gd name="connsiteX66" fmla="*/ 7554146 w 11269336"/>
              <a:gd name="connsiteY66" fmla="*/ 1319748 h 2323145"/>
              <a:gd name="connsiteX67" fmla="*/ 7515052 w 11269336"/>
              <a:gd name="connsiteY67" fmla="*/ 1336718 h 2323145"/>
              <a:gd name="connsiteX68" fmla="*/ 7507193 w 11269336"/>
              <a:gd name="connsiteY68" fmla="*/ 1334617 h 2323145"/>
              <a:gd name="connsiteX69" fmla="*/ 7461694 w 11269336"/>
              <a:gd name="connsiteY69" fmla="*/ 1375866 h 2323145"/>
              <a:gd name="connsiteX70" fmla="*/ 7377571 w 11269336"/>
              <a:gd name="connsiteY70" fmla="*/ 1400128 h 2323145"/>
              <a:gd name="connsiteX71" fmla="*/ 7311261 w 11269336"/>
              <a:gd name="connsiteY71" fmla="*/ 1412652 h 2323145"/>
              <a:gd name="connsiteX72" fmla="*/ 7275307 w 11269336"/>
              <a:gd name="connsiteY72" fmla="*/ 1422171 h 2323145"/>
              <a:gd name="connsiteX73" fmla="*/ 7247783 w 11269336"/>
              <a:gd name="connsiteY73" fmla="*/ 1426330 h 2323145"/>
              <a:gd name="connsiteX74" fmla="*/ 7185047 w 11269336"/>
              <a:gd name="connsiteY74" fmla="*/ 1451812 h 2323145"/>
              <a:gd name="connsiteX75" fmla="*/ 7084117 w 11269336"/>
              <a:gd name="connsiteY75" fmla="*/ 1500281 h 2323145"/>
              <a:gd name="connsiteX76" fmla="*/ 7062011 w 11269336"/>
              <a:gd name="connsiteY76" fmla="*/ 1509183 h 2323145"/>
              <a:gd name="connsiteX77" fmla="*/ 7040555 w 11269336"/>
              <a:gd name="connsiteY77" fmla="*/ 1511207 h 2323145"/>
              <a:gd name="connsiteX78" fmla="*/ 7033438 w 11269336"/>
              <a:gd name="connsiteY78" fmla="*/ 1506772 h 2323145"/>
              <a:gd name="connsiteX79" fmla="*/ 7020886 w 11269336"/>
              <a:gd name="connsiteY79" fmla="*/ 1510764 h 2323145"/>
              <a:gd name="connsiteX80" fmla="*/ 7017033 w 11269336"/>
              <a:gd name="connsiteY80" fmla="*/ 1510650 h 2323145"/>
              <a:gd name="connsiteX81" fmla="*/ 6995460 w 11269336"/>
              <a:gd name="connsiteY81" fmla="*/ 1511173 h 2323145"/>
              <a:gd name="connsiteX82" fmla="*/ 6962144 w 11269336"/>
              <a:gd name="connsiteY82" fmla="*/ 1541508 h 2323145"/>
              <a:gd name="connsiteX83" fmla="*/ 6910674 w 11269336"/>
              <a:gd name="connsiteY83" fmla="*/ 1554793 h 2323145"/>
              <a:gd name="connsiteX84" fmla="*/ 6732152 w 11269336"/>
              <a:gd name="connsiteY84" fmla="*/ 1642538 h 2323145"/>
              <a:gd name="connsiteX85" fmla="*/ 6694106 w 11269336"/>
              <a:gd name="connsiteY85" fmla="*/ 1632377 h 2323145"/>
              <a:gd name="connsiteX86" fmla="*/ 6617223 w 11269336"/>
              <a:gd name="connsiteY86" fmla="*/ 1659889 h 2323145"/>
              <a:gd name="connsiteX87" fmla="*/ 6521138 w 11269336"/>
              <a:gd name="connsiteY87" fmla="*/ 1744340 h 2323145"/>
              <a:gd name="connsiteX88" fmla="*/ 6380677 w 11269336"/>
              <a:gd name="connsiteY88" fmla="*/ 1796883 h 2323145"/>
              <a:gd name="connsiteX89" fmla="*/ 6374897 w 11269336"/>
              <a:gd name="connsiteY89" fmla="*/ 1809910 h 2323145"/>
              <a:gd name="connsiteX90" fmla="*/ 6364545 w 11269336"/>
              <a:gd name="connsiteY90" fmla="*/ 1820090 h 2323145"/>
              <a:gd name="connsiteX91" fmla="*/ 6362126 w 11269336"/>
              <a:gd name="connsiteY91" fmla="*/ 1819991 h 2323145"/>
              <a:gd name="connsiteX92" fmla="*/ 6346673 w 11269336"/>
              <a:gd name="connsiteY92" fmla="*/ 1827824 h 2323145"/>
              <a:gd name="connsiteX93" fmla="*/ 6345588 w 11269336"/>
              <a:gd name="connsiteY93" fmla="*/ 1832232 h 2323145"/>
              <a:gd name="connsiteX94" fmla="*/ 6335708 w 11269336"/>
              <a:gd name="connsiteY94" fmla="*/ 1838451 h 2323145"/>
              <a:gd name="connsiteX95" fmla="*/ 6318182 w 11269336"/>
              <a:gd name="connsiteY95" fmla="*/ 1852975 h 2323145"/>
              <a:gd name="connsiteX96" fmla="*/ 6313084 w 11269336"/>
              <a:gd name="connsiteY96" fmla="*/ 1853561 h 2323145"/>
              <a:gd name="connsiteX97" fmla="*/ 6283816 w 11269336"/>
              <a:gd name="connsiteY97" fmla="*/ 1872148 h 2323145"/>
              <a:gd name="connsiteX98" fmla="*/ 6282550 w 11269336"/>
              <a:gd name="connsiteY98" fmla="*/ 1871392 h 2323145"/>
              <a:gd name="connsiteX99" fmla="*/ 6270527 w 11269336"/>
              <a:gd name="connsiteY99" fmla="*/ 1872208 h 2323145"/>
              <a:gd name="connsiteX100" fmla="*/ 6249518 w 11269336"/>
              <a:gd name="connsiteY100" fmla="*/ 1876079 h 2323145"/>
              <a:gd name="connsiteX101" fmla="*/ 6190386 w 11269336"/>
              <a:gd name="connsiteY101" fmla="*/ 1872478 h 2323145"/>
              <a:gd name="connsiteX102" fmla="*/ 6159777 w 11269336"/>
              <a:gd name="connsiteY102" fmla="*/ 1891745 h 2323145"/>
              <a:gd name="connsiteX103" fmla="*/ 6153131 w 11269336"/>
              <a:gd name="connsiteY103" fmla="*/ 1895079 h 2323145"/>
              <a:gd name="connsiteX104" fmla="*/ 6152798 w 11269336"/>
              <a:gd name="connsiteY104" fmla="*/ 1894920 h 2323145"/>
              <a:gd name="connsiteX105" fmla="*/ 6145388 w 11269336"/>
              <a:gd name="connsiteY105" fmla="*/ 1897990 h 2323145"/>
              <a:gd name="connsiteX106" fmla="*/ 6141014 w 11269336"/>
              <a:gd name="connsiteY106" fmla="*/ 1901155 h 2323145"/>
              <a:gd name="connsiteX107" fmla="*/ 6128122 w 11269336"/>
              <a:gd name="connsiteY107" fmla="*/ 1907623 h 2323145"/>
              <a:gd name="connsiteX108" fmla="*/ 6122351 w 11269336"/>
              <a:gd name="connsiteY108" fmla="*/ 1908359 h 2323145"/>
              <a:gd name="connsiteX109" fmla="*/ 6064750 w 11269336"/>
              <a:gd name="connsiteY109" fmla="*/ 1896394 h 2323145"/>
              <a:gd name="connsiteX110" fmla="*/ 5964230 w 11269336"/>
              <a:gd name="connsiteY110" fmla="*/ 1910038 h 2323145"/>
              <a:gd name="connsiteX111" fmla="*/ 5865399 w 11269336"/>
              <a:gd name="connsiteY111" fmla="*/ 1926966 h 2323145"/>
              <a:gd name="connsiteX112" fmla="*/ 5829951 w 11269336"/>
              <a:gd name="connsiteY112" fmla="*/ 1934755 h 2323145"/>
              <a:gd name="connsiteX113" fmla="*/ 5765285 w 11269336"/>
              <a:gd name="connsiteY113" fmla="*/ 1941322 h 2323145"/>
              <a:gd name="connsiteX114" fmla="*/ 5734750 w 11269336"/>
              <a:gd name="connsiteY114" fmla="*/ 1939793 h 2323145"/>
              <a:gd name="connsiteX115" fmla="*/ 5733569 w 11269336"/>
              <a:gd name="connsiteY115" fmla="*/ 1940505 h 2323145"/>
              <a:gd name="connsiteX116" fmla="*/ 5730329 w 11269336"/>
              <a:gd name="connsiteY116" fmla="*/ 1937845 h 2323145"/>
              <a:gd name="connsiteX117" fmla="*/ 5724661 w 11269336"/>
              <a:gd name="connsiteY117" fmla="*/ 1937455 h 2323145"/>
              <a:gd name="connsiteX118" fmla="*/ 5710186 w 11269336"/>
              <a:gd name="connsiteY118" fmla="*/ 1941370 h 2323145"/>
              <a:gd name="connsiteX119" fmla="*/ 5704910 w 11269336"/>
              <a:gd name="connsiteY119" fmla="*/ 1943663 h 2323145"/>
              <a:gd name="connsiteX120" fmla="*/ 5696836 w 11269336"/>
              <a:gd name="connsiteY120" fmla="*/ 1945271 h 2323145"/>
              <a:gd name="connsiteX121" fmla="*/ 5696583 w 11269336"/>
              <a:gd name="connsiteY121" fmla="*/ 1945050 h 2323145"/>
              <a:gd name="connsiteX122" fmla="*/ 5689123 w 11269336"/>
              <a:gd name="connsiteY122" fmla="*/ 1947067 h 2323145"/>
              <a:gd name="connsiteX123" fmla="*/ 5653291 w 11269336"/>
              <a:gd name="connsiteY123" fmla="*/ 1960245 h 2323145"/>
              <a:gd name="connsiteX124" fmla="*/ 5599385 w 11269336"/>
              <a:gd name="connsiteY124" fmla="*/ 1945198 h 2323145"/>
              <a:gd name="connsiteX125" fmla="*/ 5578300 w 11269336"/>
              <a:gd name="connsiteY125" fmla="*/ 1944963 h 2323145"/>
              <a:gd name="connsiteX126" fmla="*/ 5566758 w 11269336"/>
              <a:gd name="connsiteY126" fmla="*/ 1943441 h 2323145"/>
              <a:gd name="connsiteX127" fmla="*/ 5565857 w 11269336"/>
              <a:gd name="connsiteY127" fmla="*/ 1942445 h 2323145"/>
              <a:gd name="connsiteX128" fmla="*/ 5531534 w 11269336"/>
              <a:gd name="connsiteY128" fmla="*/ 1955208 h 2323145"/>
              <a:gd name="connsiteX129" fmla="*/ 5526552 w 11269336"/>
              <a:gd name="connsiteY129" fmla="*/ 1954799 h 2323145"/>
              <a:gd name="connsiteX130" fmla="*/ 5504723 w 11269336"/>
              <a:gd name="connsiteY130" fmla="*/ 1965811 h 2323145"/>
              <a:gd name="connsiteX131" fmla="*/ 5493156 w 11269336"/>
              <a:gd name="connsiteY131" fmla="*/ 1970063 h 2323145"/>
              <a:gd name="connsiteX132" fmla="*/ 5490486 w 11269336"/>
              <a:gd name="connsiteY132" fmla="*/ 1974227 h 2323145"/>
              <a:gd name="connsiteX133" fmla="*/ 5473107 w 11269336"/>
              <a:gd name="connsiteY133" fmla="*/ 1979001 h 2323145"/>
              <a:gd name="connsiteX134" fmla="*/ 5470885 w 11269336"/>
              <a:gd name="connsiteY134" fmla="*/ 1978432 h 2323145"/>
              <a:gd name="connsiteX135" fmla="*/ 5457393 w 11269336"/>
              <a:gd name="connsiteY135" fmla="*/ 1986525 h 2323145"/>
              <a:gd name="connsiteX136" fmla="*/ 5447102 w 11269336"/>
              <a:gd name="connsiteY136" fmla="*/ 1998329 h 2323145"/>
              <a:gd name="connsiteX137" fmla="*/ 5159151 w 11269336"/>
              <a:gd name="connsiteY137" fmla="*/ 2029640 h 2323145"/>
              <a:gd name="connsiteX138" fmla="*/ 5041688 w 11269336"/>
              <a:gd name="connsiteY138" fmla="*/ 2022334 h 2323145"/>
              <a:gd name="connsiteX139" fmla="*/ 4860988 w 11269336"/>
              <a:gd name="connsiteY139" fmla="*/ 2135698 h 2323145"/>
              <a:gd name="connsiteX140" fmla="*/ 4807902 w 11269336"/>
              <a:gd name="connsiteY140" fmla="*/ 2138894 h 2323145"/>
              <a:gd name="connsiteX141" fmla="*/ 4765388 w 11269336"/>
              <a:gd name="connsiteY141" fmla="*/ 2162525 h 2323145"/>
              <a:gd name="connsiteX142" fmla="*/ 4745033 w 11269336"/>
              <a:gd name="connsiteY142" fmla="*/ 2158859 h 2323145"/>
              <a:gd name="connsiteX143" fmla="*/ 4741475 w 11269336"/>
              <a:gd name="connsiteY143" fmla="*/ 2157998 h 2323145"/>
              <a:gd name="connsiteX144" fmla="*/ 4728247 w 11269336"/>
              <a:gd name="connsiteY144" fmla="*/ 2159526 h 2323145"/>
              <a:gd name="connsiteX145" fmla="*/ 4723263 w 11269336"/>
              <a:gd name="connsiteY145" fmla="*/ 2153742 h 2323145"/>
              <a:gd name="connsiteX146" fmla="*/ 4702453 w 11269336"/>
              <a:gd name="connsiteY146" fmla="*/ 2151586 h 2323145"/>
              <a:gd name="connsiteX147" fmla="*/ 4678455 w 11269336"/>
              <a:gd name="connsiteY147" fmla="*/ 2156131 h 2323145"/>
              <a:gd name="connsiteX148" fmla="*/ 4593061 w 11269336"/>
              <a:gd name="connsiteY148" fmla="*/ 2171597 h 2323145"/>
              <a:gd name="connsiteX149" fmla="*/ 4579902 w 11269336"/>
              <a:gd name="connsiteY149" fmla="*/ 2177927 h 2323145"/>
              <a:gd name="connsiteX150" fmla="*/ 4533444 w 11269336"/>
              <a:gd name="connsiteY150" fmla="*/ 2181200 h 2323145"/>
              <a:gd name="connsiteX151" fmla="*/ 4492832 w 11269336"/>
              <a:gd name="connsiteY151" fmla="*/ 2188033 h 2323145"/>
              <a:gd name="connsiteX152" fmla="*/ 4467257 w 11269336"/>
              <a:gd name="connsiteY152" fmla="*/ 2196121 h 2323145"/>
              <a:gd name="connsiteX153" fmla="*/ 4459937 w 11269336"/>
              <a:gd name="connsiteY153" fmla="*/ 2195182 h 2323145"/>
              <a:gd name="connsiteX154" fmla="*/ 4433312 w 11269336"/>
              <a:gd name="connsiteY154" fmla="*/ 2199004 h 2323145"/>
              <a:gd name="connsiteX155" fmla="*/ 4420601 w 11269336"/>
              <a:gd name="connsiteY155" fmla="*/ 2205158 h 2323145"/>
              <a:gd name="connsiteX156" fmla="*/ 4405765 w 11269336"/>
              <a:gd name="connsiteY156" fmla="*/ 2199902 h 2323145"/>
              <a:gd name="connsiteX157" fmla="*/ 4401354 w 11269336"/>
              <a:gd name="connsiteY157" fmla="*/ 2194745 h 2323145"/>
              <a:gd name="connsiteX158" fmla="*/ 4383151 w 11269336"/>
              <a:gd name="connsiteY158" fmla="*/ 2201140 h 2323145"/>
              <a:gd name="connsiteX159" fmla="*/ 4366646 w 11269336"/>
              <a:gd name="connsiteY159" fmla="*/ 2198564 h 2323145"/>
              <a:gd name="connsiteX160" fmla="*/ 4354009 w 11269336"/>
              <a:gd name="connsiteY160" fmla="*/ 2204984 h 2323145"/>
              <a:gd name="connsiteX161" fmla="*/ 4348284 w 11269336"/>
              <a:gd name="connsiteY161" fmla="*/ 2205270 h 2323145"/>
              <a:gd name="connsiteX162" fmla="*/ 4333906 w 11269336"/>
              <a:gd name="connsiteY162" fmla="*/ 2205251 h 2323145"/>
              <a:gd name="connsiteX163" fmla="*/ 4308819 w 11269336"/>
              <a:gd name="connsiteY163" fmla="*/ 2203822 h 2323145"/>
              <a:gd name="connsiteX164" fmla="*/ 4301210 w 11269336"/>
              <a:gd name="connsiteY164" fmla="*/ 2204456 h 2323145"/>
              <a:gd name="connsiteX165" fmla="*/ 4283095 w 11269336"/>
              <a:gd name="connsiteY165" fmla="*/ 2198177 h 2323145"/>
              <a:gd name="connsiteX166" fmla="*/ 4250119 w 11269336"/>
              <a:gd name="connsiteY166" fmla="*/ 2196342 h 2323145"/>
              <a:gd name="connsiteX167" fmla="*/ 4189203 w 11269336"/>
              <a:gd name="connsiteY167" fmla="*/ 2178994 h 2323145"/>
              <a:gd name="connsiteX168" fmla="*/ 4154035 w 11269336"/>
              <a:gd name="connsiteY168" fmla="*/ 2171950 h 2323145"/>
              <a:gd name="connsiteX169" fmla="*/ 4129569 w 11269336"/>
              <a:gd name="connsiteY169" fmla="*/ 2163850 h 2323145"/>
              <a:gd name="connsiteX170" fmla="*/ 4061250 w 11269336"/>
              <a:gd name="connsiteY170" fmla="*/ 2159236 h 2323145"/>
              <a:gd name="connsiteX171" fmla="*/ 3945480 w 11269336"/>
              <a:gd name="connsiteY171" fmla="*/ 2158279 h 2323145"/>
              <a:gd name="connsiteX172" fmla="*/ 3921468 w 11269336"/>
              <a:gd name="connsiteY172" fmla="*/ 2156588 h 2323145"/>
              <a:gd name="connsiteX173" fmla="*/ 3903348 w 11269336"/>
              <a:gd name="connsiteY173" fmla="*/ 2149220 h 2323145"/>
              <a:gd name="connsiteX174" fmla="*/ 3901342 w 11269336"/>
              <a:gd name="connsiteY174" fmla="*/ 2142355 h 2323145"/>
              <a:gd name="connsiteX175" fmla="*/ 3888539 w 11269336"/>
              <a:gd name="connsiteY175" fmla="*/ 2140476 h 2323145"/>
              <a:gd name="connsiteX176" fmla="*/ 3885662 w 11269336"/>
              <a:gd name="connsiteY176" fmla="*/ 2138740 h 2323145"/>
              <a:gd name="connsiteX177" fmla="*/ 3868627 w 11269336"/>
              <a:gd name="connsiteY177" fmla="*/ 2130023 h 2323145"/>
              <a:gd name="connsiteX178" fmla="*/ 3819177 w 11269336"/>
              <a:gd name="connsiteY178" fmla="*/ 2142111 h 2323145"/>
              <a:gd name="connsiteX179" fmla="*/ 3769100 w 11269336"/>
              <a:gd name="connsiteY179" fmla="*/ 2131731 h 2323145"/>
              <a:gd name="connsiteX180" fmla="*/ 3562752 w 11269336"/>
              <a:gd name="connsiteY180" fmla="*/ 2131785 h 2323145"/>
              <a:gd name="connsiteX181" fmla="*/ 3541402 w 11269336"/>
              <a:gd name="connsiteY181" fmla="*/ 2106821 h 2323145"/>
              <a:gd name="connsiteX182" fmla="*/ 3365341 w 11269336"/>
              <a:gd name="connsiteY182" fmla="*/ 2077638 h 2323145"/>
              <a:gd name="connsiteX183" fmla="*/ 3170922 w 11269336"/>
              <a:gd name="connsiteY183" fmla="*/ 2115957 h 2323145"/>
              <a:gd name="connsiteX184" fmla="*/ 3156256 w 11269336"/>
              <a:gd name="connsiteY184" fmla="*/ 2124773 h 2323145"/>
              <a:gd name="connsiteX185" fmla="*/ 3140298 w 11269336"/>
              <a:gd name="connsiteY185" fmla="*/ 2129182 h 2323145"/>
              <a:gd name="connsiteX186" fmla="*/ 3138514 w 11269336"/>
              <a:gd name="connsiteY186" fmla="*/ 2128069 h 2323145"/>
              <a:gd name="connsiteX187" fmla="*/ 3120467 w 11269336"/>
              <a:gd name="connsiteY187" fmla="*/ 2128281 h 2323145"/>
              <a:gd name="connsiteX188" fmla="*/ 3116175 w 11269336"/>
              <a:gd name="connsiteY188" fmla="*/ 2131633 h 2323145"/>
              <a:gd name="connsiteX189" fmla="*/ 3103685 w 11269336"/>
              <a:gd name="connsiteY189" fmla="*/ 2132814 h 2323145"/>
              <a:gd name="connsiteX190" fmla="*/ 3078794 w 11269336"/>
              <a:gd name="connsiteY190" fmla="*/ 2137935 h 2323145"/>
              <a:gd name="connsiteX191" fmla="*/ 3074407 w 11269336"/>
              <a:gd name="connsiteY191" fmla="*/ 2136274 h 2323145"/>
              <a:gd name="connsiteX192" fmla="*/ 3037285 w 11269336"/>
              <a:gd name="connsiteY192" fmla="*/ 2139919 h 2323145"/>
              <a:gd name="connsiteX193" fmla="*/ 3036901 w 11269336"/>
              <a:gd name="connsiteY193" fmla="*/ 2138726 h 2323145"/>
              <a:gd name="connsiteX194" fmla="*/ 3026996 w 11269336"/>
              <a:gd name="connsiteY194" fmla="*/ 2134322 h 2323145"/>
              <a:gd name="connsiteX195" fmla="*/ 3007772 w 11269336"/>
              <a:gd name="connsiteY195" fmla="*/ 2128742 h 2323145"/>
              <a:gd name="connsiteX196" fmla="*/ 2965030 w 11269336"/>
              <a:gd name="connsiteY196" fmla="*/ 2100494 h 2323145"/>
              <a:gd name="connsiteX197" fmla="*/ 2926342 w 11269336"/>
              <a:gd name="connsiteY197" fmla="*/ 2104155 h 2323145"/>
              <a:gd name="connsiteX198" fmla="*/ 2918608 w 11269336"/>
              <a:gd name="connsiteY198" fmla="*/ 2104215 h 2323145"/>
              <a:gd name="connsiteX199" fmla="*/ 2918475 w 11269336"/>
              <a:gd name="connsiteY199" fmla="*/ 2103937 h 2323145"/>
              <a:gd name="connsiteX200" fmla="*/ 2910360 w 11269336"/>
              <a:gd name="connsiteY200" fmla="*/ 2103444 h 2323145"/>
              <a:gd name="connsiteX201" fmla="*/ 2904507 w 11269336"/>
              <a:gd name="connsiteY201" fmla="*/ 2104326 h 2323145"/>
              <a:gd name="connsiteX202" fmla="*/ 2889503 w 11269336"/>
              <a:gd name="connsiteY202" fmla="*/ 2104443 h 2323145"/>
              <a:gd name="connsiteX203" fmla="*/ 2884480 w 11269336"/>
              <a:gd name="connsiteY203" fmla="*/ 2102626 h 2323145"/>
              <a:gd name="connsiteX204" fmla="*/ 2882689 w 11269336"/>
              <a:gd name="connsiteY204" fmla="*/ 2099228 h 2323145"/>
              <a:gd name="connsiteX205" fmla="*/ 2881291 w 11269336"/>
              <a:gd name="connsiteY205" fmla="*/ 2099618 h 2323145"/>
              <a:gd name="connsiteX206" fmla="*/ 2853979 w 11269336"/>
              <a:gd name="connsiteY206" fmla="*/ 2090388 h 2323145"/>
              <a:gd name="connsiteX207" fmla="*/ 2791790 w 11269336"/>
              <a:gd name="connsiteY207" fmla="*/ 2080332 h 2323145"/>
              <a:gd name="connsiteX208" fmla="*/ 2755844 w 11269336"/>
              <a:gd name="connsiteY208" fmla="*/ 2078874 h 2323145"/>
              <a:gd name="connsiteX209" fmla="*/ 2657742 w 11269336"/>
              <a:gd name="connsiteY209" fmla="*/ 2070179 h 2323145"/>
              <a:gd name="connsiteX210" fmla="*/ 2559549 w 11269336"/>
              <a:gd name="connsiteY210" fmla="*/ 2057873 h 2323145"/>
              <a:gd name="connsiteX211" fmla="*/ 2512054 w 11269336"/>
              <a:gd name="connsiteY211" fmla="*/ 2031671 h 2323145"/>
              <a:gd name="connsiteX212" fmla="*/ 2506437 w 11269336"/>
              <a:gd name="connsiteY212" fmla="*/ 2030918 h 2323145"/>
              <a:gd name="connsiteX213" fmla="*/ 2491752 w 11269336"/>
              <a:gd name="connsiteY213" fmla="*/ 2033906 h 2323145"/>
              <a:gd name="connsiteX214" fmla="*/ 2486338 w 11269336"/>
              <a:gd name="connsiteY214" fmla="*/ 2035862 h 2323145"/>
              <a:gd name="connsiteX215" fmla="*/ 2478186 w 11269336"/>
              <a:gd name="connsiteY215" fmla="*/ 2036953 h 2323145"/>
              <a:gd name="connsiteX216" fmla="*/ 2477950 w 11269336"/>
              <a:gd name="connsiteY216" fmla="*/ 2036715 h 2323145"/>
              <a:gd name="connsiteX217" fmla="*/ 2470381 w 11269336"/>
              <a:gd name="connsiteY217" fmla="*/ 2038256 h 2323145"/>
              <a:gd name="connsiteX218" fmla="*/ 2433781 w 11269336"/>
              <a:gd name="connsiteY218" fmla="*/ 2049140 h 2323145"/>
              <a:gd name="connsiteX219" fmla="*/ 2381172 w 11269336"/>
              <a:gd name="connsiteY219" fmla="*/ 2030645 h 2323145"/>
              <a:gd name="connsiteX220" fmla="*/ 2360198 w 11269336"/>
              <a:gd name="connsiteY220" fmla="*/ 2029059 h 2323145"/>
              <a:gd name="connsiteX221" fmla="*/ 2348815 w 11269336"/>
              <a:gd name="connsiteY221" fmla="*/ 2026798 h 2323145"/>
              <a:gd name="connsiteX222" fmla="*/ 2347988 w 11269336"/>
              <a:gd name="connsiteY222" fmla="*/ 2025745 h 2323145"/>
              <a:gd name="connsiteX223" fmla="*/ 2312920 w 11269336"/>
              <a:gd name="connsiteY223" fmla="*/ 2036311 h 2323145"/>
              <a:gd name="connsiteX224" fmla="*/ 2307986 w 11269336"/>
              <a:gd name="connsiteY224" fmla="*/ 2035583 h 2323145"/>
              <a:gd name="connsiteX225" fmla="*/ 2285481 w 11269336"/>
              <a:gd name="connsiteY225" fmla="*/ 2045197 h 2323145"/>
              <a:gd name="connsiteX226" fmla="*/ 2273666 w 11269336"/>
              <a:gd name="connsiteY226" fmla="*/ 2048710 h 2323145"/>
              <a:gd name="connsiteX227" fmla="*/ 2270719 w 11269336"/>
              <a:gd name="connsiteY227" fmla="*/ 2052702 h 2323145"/>
              <a:gd name="connsiteX228" fmla="*/ 2253080 w 11269336"/>
              <a:gd name="connsiteY228" fmla="*/ 2056363 h 2323145"/>
              <a:gd name="connsiteX229" fmla="*/ 2250906 w 11269336"/>
              <a:gd name="connsiteY229" fmla="*/ 2055654 h 2323145"/>
              <a:gd name="connsiteX230" fmla="*/ 2236905 w 11269336"/>
              <a:gd name="connsiteY230" fmla="*/ 2062882 h 2323145"/>
              <a:gd name="connsiteX231" fmla="*/ 2225830 w 11269336"/>
              <a:gd name="connsiteY231" fmla="*/ 2074027 h 2323145"/>
              <a:gd name="connsiteX232" fmla="*/ 2073776 w 11269336"/>
              <a:gd name="connsiteY232" fmla="*/ 2089244 h 2323145"/>
              <a:gd name="connsiteX233" fmla="*/ 1948256 w 11269336"/>
              <a:gd name="connsiteY233" fmla="*/ 2146616 h 2323145"/>
              <a:gd name="connsiteX234" fmla="*/ 1865582 w 11269336"/>
              <a:gd name="connsiteY234" fmla="*/ 2153738 h 2323145"/>
              <a:gd name="connsiteX235" fmla="*/ 1835210 w 11269336"/>
              <a:gd name="connsiteY235" fmla="*/ 2134244 h 2323145"/>
              <a:gd name="connsiteX236" fmla="*/ 1632661 w 11269336"/>
              <a:gd name="connsiteY236" fmla="*/ 2173882 h 2323145"/>
              <a:gd name="connsiteX237" fmla="*/ 1579590 w 11269336"/>
              <a:gd name="connsiteY237" fmla="*/ 2173680 h 2323145"/>
              <a:gd name="connsiteX238" fmla="*/ 1535601 w 11269336"/>
              <a:gd name="connsiteY238" fmla="*/ 2194590 h 2323145"/>
              <a:gd name="connsiteX239" fmla="*/ 1515594 w 11269336"/>
              <a:gd name="connsiteY239" fmla="*/ 2189622 h 2323145"/>
              <a:gd name="connsiteX240" fmla="*/ 1512113 w 11269336"/>
              <a:gd name="connsiteY240" fmla="*/ 2188534 h 2323145"/>
              <a:gd name="connsiteX241" fmla="*/ 1498838 w 11269336"/>
              <a:gd name="connsiteY241" fmla="*/ 2189213 h 2323145"/>
              <a:gd name="connsiteX242" fmla="*/ 1494279 w 11269336"/>
              <a:gd name="connsiteY242" fmla="*/ 2183112 h 2323145"/>
              <a:gd name="connsiteX243" fmla="*/ 1473714 w 11269336"/>
              <a:gd name="connsiteY243" fmla="*/ 2179625 h 2323145"/>
              <a:gd name="connsiteX244" fmla="*/ 1449503 w 11269336"/>
              <a:gd name="connsiteY244" fmla="*/ 2182633 h 2323145"/>
              <a:gd name="connsiteX245" fmla="*/ 1266687 w 11269336"/>
              <a:gd name="connsiteY245" fmla="*/ 2212688 h 2323145"/>
              <a:gd name="connsiteX246" fmla="*/ 1239614 w 11269336"/>
              <a:gd name="connsiteY246" fmla="*/ 2209727 h 2323145"/>
              <a:gd name="connsiteX247" fmla="*/ 1202436 w 11269336"/>
              <a:gd name="connsiteY247" fmla="*/ 2209817 h 2323145"/>
              <a:gd name="connsiteX248" fmla="*/ 1136097 w 11269336"/>
              <a:gd name="connsiteY248" fmla="*/ 2205112 h 2323145"/>
              <a:gd name="connsiteX249" fmla="*/ 988232 w 11269336"/>
              <a:gd name="connsiteY249" fmla="*/ 2235635 h 2323145"/>
              <a:gd name="connsiteX250" fmla="*/ 981959 w 11269336"/>
              <a:gd name="connsiteY250" fmla="*/ 2231607 h 2323145"/>
              <a:gd name="connsiteX251" fmla="*/ 938600 w 11269336"/>
              <a:gd name="connsiteY251" fmla="*/ 2238113 h 2323145"/>
              <a:gd name="connsiteX252" fmla="*/ 791788 w 11269336"/>
              <a:gd name="connsiteY252" fmla="*/ 2293224 h 2323145"/>
              <a:gd name="connsiteX253" fmla="*/ 706914 w 11269336"/>
              <a:gd name="connsiteY253" fmla="*/ 2305046 h 2323145"/>
              <a:gd name="connsiteX254" fmla="*/ 675971 w 11269336"/>
              <a:gd name="connsiteY254" fmla="*/ 2304030 h 2323145"/>
              <a:gd name="connsiteX255" fmla="*/ 624180 w 11269336"/>
              <a:gd name="connsiteY255" fmla="*/ 2302650 h 2323145"/>
              <a:gd name="connsiteX256" fmla="*/ 583453 w 11269336"/>
              <a:gd name="connsiteY256" fmla="*/ 2288788 h 2323145"/>
              <a:gd name="connsiteX257" fmla="*/ 540946 w 11269336"/>
              <a:gd name="connsiteY257" fmla="*/ 2292721 h 2323145"/>
              <a:gd name="connsiteX258" fmla="*/ 533680 w 11269336"/>
              <a:gd name="connsiteY258" fmla="*/ 2310233 h 2323145"/>
              <a:gd name="connsiteX259" fmla="*/ 487366 w 11269336"/>
              <a:gd name="connsiteY259" fmla="*/ 2309053 h 2323145"/>
              <a:gd name="connsiteX260" fmla="*/ 416820 w 11269336"/>
              <a:gd name="connsiteY260" fmla="*/ 2305443 h 2323145"/>
              <a:gd name="connsiteX261" fmla="*/ 376805 w 11269336"/>
              <a:gd name="connsiteY261" fmla="*/ 2307647 h 2323145"/>
              <a:gd name="connsiteX262" fmla="*/ 266777 w 11269336"/>
              <a:gd name="connsiteY262" fmla="*/ 2309012 h 2323145"/>
              <a:gd name="connsiteX263" fmla="*/ 156013 w 11269336"/>
              <a:gd name="connsiteY263" fmla="*/ 2306832 h 2323145"/>
              <a:gd name="connsiteX264" fmla="*/ 87258 w 11269336"/>
              <a:gd name="connsiteY264" fmla="*/ 2285511 h 2323145"/>
              <a:gd name="connsiteX265" fmla="*/ 23798 w 11269336"/>
              <a:gd name="connsiteY265" fmla="*/ 2281822 h 2323145"/>
              <a:gd name="connsiteX266" fmla="*/ 0 w 11269336"/>
              <a:gd name="connsiteY266" fmla="*/ 2285369 h 2323145"/>
              <a:gd name="connsiteX267" fmla="*/ 0 w 11269336"/>
              <a:gd name="connsiteY267"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380600 w 11269336"/>
              <a:gd name="connsiteY19" fmla="*/ 549821 h 2323145"/>
              <a:gd name="connsiteX20" fmla="*/ 9139429 w 11269336"/>
              <a:gd name="connsiteY20" fmla="*/ 696446 h 2323145"/>
              <a:gd name="connsiteX21" fmla="*/ 9114263 w 11269336"/>
              <a:gd name="connsiteY21" fmla="*/ 709213 h 2323145"/>
              <a:gd name="connsiteX22" fmla="*/ 9028928 w 11269336"/>
              <a:gd name="connsiteY22" fmla="*/ 745350 h 2323145"/>
              <a:gd name="connsiteX23" fmla="*/ 8977138 w 11269336"/>
              <a:gd name="connsiteY23" fmla="*/ 774970 h 2323145"/>
              <a:gd name="connsiteX24" fmla="*/ 8947030 w 11269336"/>
              <a:gd name="connsiteY24" fmla="*/ 814934 h 2323145"/>
              <a:gd name="connsiteX25" fmla="*/ 8914746 w 11269336"/>
              <a:gd name="connsiteY25" fmla="*/ 826428 h 2323145"/>
              <a:gd name="connsiteX26" fmla="*/ 8917778 w 11269336"/>
              <a:gd name="connsiteY26" fmla="*/ 835198 h 2323145"/>
              <a:gd name="connsiteX27" fmla="*/ 8905560 w 11269336"/>
              <a:gd name="connsiteY27" fmla="*/ 838358 h 2323145"/>
              <a:gd name="connsiteX28" fmla="*/ 8897564 w 11269336"/>
              <a:gd name="connsiteY28" fmla="*/ 834287 h 2323145"/>
              <a:gd name="connsiteX29" fmla="*/ 8878040 w 11269336"/>
              <a:gd name="connsiteY29" fmla="*/ 844150 h 2323145"/>
              <a:gd name="connsiteX30" fmla="*/ 8882654 w 11269336"/>
              <a:gd name="connsiteY30" fmla="*/ 892768 h 2323145"/>
              <a:gd name="connsiteX31" fmla="*/ 8795998 w 11269336"/>
              <a:gd name="connsiteY31" fmla="*/ 863337 h 2323145"/>
              <a:gd name="connsiteX32" fmla="*/ 8776970 w 11269336"/>
              <a:gd name="connsiteY32" fmla="*/ 885177 h 2323145"/>
              <a:gd name="connsiteX33" fmla="*/ 8755719 w 11269336"/>
              <a:gd name="connsiteY33" fmla="*/ 889754 h 2323145"/>
              <a:gd name="connsiteX34" fmla="*/ 8743257 w 11269336"/>
              <a:gd name="connsiteY34" fmla="*/ 904723 h 2323145"/>
              <a:gd name="connsiteX35" fmla="*/ 8721366 w 11269336"/>
              <a:gd name="connsiteY35" fmla="*/ 904711 h 2323145"/>
              <a:gd name="connsiteX36" fmla="*/ 8678353 w 11269336"/>
              <a:gd name="connsiteY36" fmla="*/ 926318 h 2323145"/>
              <a:gd name="connsiteX37" fmla="*/ 8636849 w 11269336"/>
              <a:gd name="connsiteY37" fmla="*/ 937900 h 2323145"/>
              <a:gd name="connsiteX38" fmla="*/ 8620213 w 11269336"/>
              <a:gd name="connsiteY38" fmla="*/ 943068 h 2323145"/>
              <a:gd name="connsiteX39" fmla="*/ 8612581 w 11269336"/>
              <a:gd name="connsiteY39" fmla="*/ 952695 h 2323145"/>
              <a:gd name="connsiteX40" fmla="*/ 8589038 w 11269336"/>
              <a:gd name="connsiteY40" fmla="*/ 963892 h 2323145"/>
              <a:gd name="connsiteX41" fmla="*/ 8579950 w 11269336"/>
              <a:gd name="connsiteY41" fmla="*/ 960899 h 2323145"/>
              <a:gd name="connsiteX42" fmla="*/ 8579319 w 11269336"/>
              <a:gd name="connsiteY42" fmla="*/ 965630 h 2323145"/>
              <a:gd name="connsiteX43" fmla="*/ 8547429 w 11269336"/>
              <a:gd name="connsiteY43" fmla="*/ 984506 h 2323145"/>
              <a:gd name="connsiteX44" fmla="*/ 8478704 w 11269336"/>
              <a:gd name="connsiteY44" fmla="*/ 1025490 h 2323145"/>
              <a:gd name="connsiteX45" fmla="*/ 8461421 w 11269336"/>
              <a:gd name="connsiteY45" fmla="*/ 1035512 h 2323145"/>
              <a:gd name="connsiteX46" fmla="*/ 8445003 w 11269336"/>
              <a:gd name="connsiteY46" fmla="*/ 1036851 h 2323145"/>
              <a:gd name="connsiteX47" fmla="*/ 8357350 w 11269336"/>
              <a:gd name="connsiteY47" fmla="*/ 1060213 h 2323145"/>
              <a:gd name="connsiteX48" fmla="*/ 8335565 w 11269336"/>
              <a:gd name="connsiteY48" fmla="*/ 1061151 h 2323145"/>
              <a:gd name="connsiteX49" fmla="*/ 8325267 w 11269336"/>
              <a:gd name="connsiteY49" fmla="*/ 1055919 h 2323145"/>
              <a:gd name="connsiteX50" fmla="*/ 8293586 w 11269336"/>
              <a:gd name="connsiteY50" fmla="*/ 1076144 h 2323145"/>
              <a:gd name="connsiteX51" fmla="*/ 8242405 w 11269336"/>
              <a:gd name="connsiteY51" fmla="*/ 1095960 h 2323145"/>
              <a:gd name="connsiteX52" fmla="*/ 8197391 w 11269336"/>
              <a:gd name="connsiteY52" fmla="*/ 1107746 h 2323145"/>
              <a:gd name="connsiteX53" fmla="*/ 8081474 w 11269336"/>
              <a:gd name="connsiteY53" fmla="*/ 1130125 h 2323145"/>
              <a:gd name="connsiteX54" fmla="*/ 8053585 w 11269336"/>
              <a:gd name="connsiteY54" fmla="*/ 1129169 h 2323145"/>
              <a:gd name="connsiteX55" fmla="*/ 8038422 w 11269336"/>
              <a:gd name="connsiteY55" fmla="*/ 1119092 h 2323145"/>
              <a:gd name="connsiteX56" fmla="*/ 8029450 w 11269336"/>
              <a:gd name="connsiteY56" fmla="*/ 1125592 h 2323145"/>
              <a:gd name="connsiteX57" fmla="*/ 7959552 w 11269336"/>
              <a:gd name="connsiteY57" fmla="*/ 1140188 h 2323145"/>
              <a:gd name="connsiteX58" fmla="*/ 7914188 w 11269336"/>
              <a:gd name="connsiteY58" fmla="*/ 1150862 h 2323145"/>
              <a:gd name="connsiteX59" fmla="*/ 7914918 w 11269336"/>
              <a:gd name="connsiteY59" fmla="*/ 1168758 h 2323145"/>
              <a:gd name="connsiteX60" fmla="*/ 7875510 w 11269336"/>
              <a:gd name="connsiteY60" fmla="*/ 1183153 h 2323145"/>
              <a:gd name="connsiteX61" fmla="*/ 7829932 w 11269336"/>
              <a:gd name="connsiteY61" fmla="*/ 1180782 h 2323145"/>
              <a:gd name="connsiteX62" fmla="*/ 7779182 w 11269336"/>
              <a:gd name="connsiteY62" fmla="*/ 1192665 h 2323145"/>
              <a:gd name="connsiteX63" fmla="*/ 7748774 w 11269336"/>
              <a:gd name="connsiteY63" fmla="*/ 1199586 h 2323145"/>
              <a:gd name="connsiteX64" fmla="*/ 7671846 w 11269336"/>
              <a:gd name="connsiteY64" fmla="*/ 1231966 h 2323145"/>
              <a:gd name="connsiteX65" fmla="*/ 7554146 w 11269336"/>
              <a:gd name="connsiteY65" fmla="*/ 1319748 h 2323145"/>
              <a:gd name="connsiteX66" fmla="*/ 7515052 w 11269336"/>
              <a:gd name="connsiteY66" fmla="*/ 1336718 h 2323145"/>
              <a:gd name="connsiteX67" fmla="*/ 7507193 w 11269336"/>
              <a:gd name="connsiteY67" fmla="*/ 1334617 h 2323145"/>
              <a:gd name="connsiteX68" fmla="*/ 7461694 w 11269336"/>
              <a:gd name="connsiteY68" fmla="*/ 1375866 h 2323145"/>
              <a:gd name="connsiteX69" fmla="*/ 7377571 w 11269336"/>
              <a:gd name="connsiteY69" fmla="*/ 1400128 h 2323145"/>
              <a:gd name="connsiteX70" fmla="*/ 7311261 w 11269336"/>
              <a:gd name="connsiteY70" fmla="*/ 1412652 h 2323145"/>
              <a:gd name="connsiteX71" fmla="*/ 7275307 w 11269336"/>
              <a:gd name="connsiteY71" fmla="*/ 1422171 h 2323145"/>
              <a:gd name="connsiteX72" fmla="*/ 7247783 w 11269336"/>
              <a:gd name="connsiteY72" fmla="*/ 1426330 h 2323145"/>
              <a:gd name="connsiteX73" fmla="*/ 7185047 w 11269336"/>
              <a:gd name="connsiteY73" fmla="*/ 1451812 h 2323145"/>
              <a:gd name="connsiteX74" fmla="*/ 7084117 w 11269336"/>
              <a:gd name="connsiteY74" fmla="*/ 1500281 h 2323145"/>
              <a:gd name="connsiteX75" fmla="*/ 7062011 w 11269336"/>
              <a:gd name="connsiteY75" fmla="*/ 1509183 h 2323145"/>
              <a:gd name="connsiteX76" fmla="*/ 7040555 w 11269336"/>
              <a:gd name="connsiteY76" fmla="*/ 1511207 h 2323145"/>
              <a:gd name="connsiteX77" fmla="*/ 7033438 w 11269336"/>
              <a:gd name="connsiteY77" fmla="*/ 1506772 h 2323145"/>
              <a:gd name="connsiteX78" fmla="*/ 7020886 w 11269336"/>
              <a:gd name="connsiteY78" fmla="*/ 1510764 h 2323145"/>
              <a:gd name="connsiteX79" fmla="*/ 7017033 w 11269336"/>
              <a:gd name="connsiteY79" fmla="*/ 1510650 h 2323145"/>
              <a:gd name="connsiteX80" fmla="*/ 6995460 w 11269336"/>
              <a:gd name="connsiteY80" fmla="*/ 1511173 h 2323145"/>
              <a:gd name="connsiteX81" fmla="*/ 6962144 w 11269336"/>
              <a:gd name="connsiteY81" fmla="*/ 1541508 h 2323145"/>
              <a:gd name="connsiteX82" fmla="*/ 6910674 w 11269336"/>
              <a:gd name="connsiteY82" fmla="*/ 1554793 h 2323145"/>
              <a:gd name="connsiteX83" fmla="*/ 6732152 w 11269336"/>
              <a:gd name="connsiteY83" fmla="*/ 1642538 h 2323145"/>
              <a:gd name="connsiteX84" fmla="*/ 6694106 w 11269336"/>
              <a:gd name="connsiteY84" fmla="*/ 1632377 h 2323145"/>
              <a:gd name="connsiteX85" fmla="*/ 6617223 w 11269336"/>
              <a:gd name="connsiteY85" fmla="*/ 1659889 h 2323145"/>
              <a:gd name="connsiteX86" fmla="*/ 6521138 w 11269336"/>
              <a:gd name="connsiteY86" fmla="*/ 1744340 h 2323145"/>
              <a:gd name="connsiteX87" fmla="*/ 6380677 w 11269336"/>
              <a:gd name="connsiteY87" fmla="*/ 1796883 h 2323145"/>
              <a:gd name="connsiteX88" fmla="*/ 6374897 w 11269336"/>
              <a:gd name="connsiteY88" fmla="*/ 1809910 h 2323145"/>
              <a:gd name="connsiteX89" fmla="*/ 6364545 w 11269336"/>
              <a:gd name="connsiteY89" fmla="*/ 1820090 h 2323145"/>
              <a:gd name="connsiteX90" fmla="*/ 6362126 w 11269336"/>
              <a:gd name="connsiteY90" fmla="*/ 1819991 h 2323145"/>
              <a:gd name="connsiteX91" fmla="*/ 6346673 w 11269336"/>
              <a:gd name="connsiteY91" fmla="*/ 1827824 h 2323145"/>
              <a:gd name="connsiteX92" fmla="*/ 6345588 w 11269336"/>
              <a:gd name="connsiteY92" fmla="*/ 1832232 h 2323145"/>
              <a:gd name="connsiteX93" fmla="*/ 6335708 w 11269336"/>
              <a:gd name="connsiteY93" fmla="*/ 1838451 h 2323145"/>
              <a:gd name="connsiteX94" fmla="*/ 6318182 w 11269336"/>
              <a:gd name="connsiteY94" fmla="*/ 1852975 h 2323145"/>
              <a:gd name="connsiteX95" fmla="*/ 6313084 w 11269336"/>
              <a:gd name="connsiteY95" fmla="*/ 1853561 h 2323145"/>
              <a:gd name="connsiteX96" fmla="*/ 6283816 w 11269336"/>
              <a:gd name="connsiteY96" fmla="*/ 1872148 h 2323145"/>
              <a:gd name="connsiteX97" fmla="*/ 6282550 w 11269336"/>
              <a:gd name="connsiteY97" fmla="*/ 1871392 h 2323145"/>
              <a:gd name="connsiteX98" fmla="*/ 6270527 w 11269336"/>
              <a:gd name="connsiteY98" fmla="*/ 1872208 h 2323145"/>
              <a:gd name="connsiteX99" fmla="*/ 6249518 w 11269336"/>
              <a:gd name="connsiteY99" fmla="*/ 1876079 h 2323145"/>
              <a:gd name="connsiteX100" fmla="*/ 6190386 w 11269336"/>
              <a:gd name="connsiteY100" fmla="*/ 1872478 h 2323145"/>
              <a:gd name="connsiteX101" fmla="*/ 6159777 w 11269336"/>
              <a:gd name="connsiteY101" fmla="*/ 1891745 h 2323145"/>
              <a:gd name="connsiteX102" fmla="*/ 6153131 w 11269336"/>
              <a:gd name="connsiteY102" fmla="*/ 1895079 h 2323145"/>
              <a:gd name="connsiteX103" fmla="*/ 6152798 w 11269336"/>
              <a:gd name="connsiteY103" fmla="*/ 1894920 h 2323145"/>
              <a:gd name="connsiteX104" fmla="*/ 6145388 w 11269336"/>
              <a:gd name="connsiteY104" fmla="*/ 1897990 h 2323145"/>
              <a:gd name="connsiteX105" fmla="*/ 6141014 w 11269336"/>
              <a:gd name="connsiteY105" fmla="*/ 1901155 h 2323145"/>
              <a:gd name="connsiteX106" fmla="*/ 6128122 w 11269336"/>
              <a:gd name="connsiteY106" fmla="*/ 1907623 h 2323145"/>
              <a:gd name="connsiteX107" fmla="*/ 6122351 w 11269336"/>
              <a:gd name="connsiteY107" fmla="*/ 1908359 h 2323145"/>
              <a:gd name="connsiteX108" fmla="*/ 6064750 w 11269336"/>
              <a:gd name="connsiteY108" fmla="*/ 1896394 h 2323145"/>
              <a:gd name="connsiteX109" fmla="*/ 5964230 w 11269336"/>
              <a:gd name="connsiteY109" fmla="*/ 1910038 h 2323145"/>
              <a:gd name="connsiteX110" fmla="*/ 5865399 w 11269336"/>
              <a:gd name="connsiteY110" fmla="*/ 1926966 h 2323145"/>
              <a:gd name="connsiteX111" fmla="*/ 5829951 w 11269336"/>
              <a:gd name="connsiteY111" fmla="*/ 1934755 h 2323145"/>
              <a:gd name="connsiteX112" fmla="*/ 5765285 w 11269336"/>
              <a:gd name="connsiteY112" fmla="*/ 1941322 h 2323145"/>
              <a:gd name="connsiteX113" fmla="*/ 5734750 w 11269336"/>
              <a:gd name="connsiteY113" fmla="*/ 1939793 h 2323145"/>
              <a:gd name="connsiteX114" fmla="*/ 5733569 w 11269336"/>
              <a:gd name="connsiteY114" fmla="*/ 1940505 h 2323145"/>
              <a:gd name="connsiteX115" fmla="*/ 5730329 w 11269336"/>
              <a:gd name="connsiteY115" fmla="*/ 1937845 h 2323145"/>
              <a:gd name="connsiteX116" fmla="*/ 5724661 w 11269336"/>
              <a:gd name="connsiteY116" fmla="*/ 1937455 h 2323145"/>
              <a:gd name="connsiteX117" fmla="*/ 5710186 w 11269336"/>
              <a:gd name="connsiteY117" fmla="*/ 1941370 h 2323145"/>
              <a:gd name="connsiteX118" fmla="*/ 5704910 w 11269336"/>
              <a:gd name="connsiteY118" fmla="*/ 1943663 h 2323145"/>
              <a:gd name="connsiteX119" fmla="*/ 5696836 w 11269336"/>
              <a:gd name="connsiteY119" fmla="*/ 1945271 h 2323145"/>
              <a:gd name="connsiteX120" fmla="*/ 5696583 w 11269336"/>
              <a:gd name="connsiteY120" fmla="*/ 1945050 h 2323145"/>
              <a:gd name="connsiteX121" fmla="*/ 5689123 w 11269336"/>
              <a:gd name="connsiteY121" fmla="*/ 1947067 h 2323145"/>
              <a:gd name="connsiteX122" fmla="*/ 5653291 w 11269336"/>
              <a:gd name="connsiteY122" fmla="*/ 1960245 h 2323145"/>
              <a:gd name="connsiteX123" fmla="*/ 5599385 w 11269336"/>
              <a:gd name="connsiteY123" fmla="*/ 1945198 h 2323145"/>
              <a:gd name="connsiteX124" fmla="*/ 5578300 w 11269336"/>
              <a:gd name="connsiteY124" fmla="*/ 1944963 h 2323145"/>
              <a:gd name="connsiteX125" fmla="*/ 5566758 w 11269336"/>
              <a:gd name="connsiteY125" fmla="*/ 1943441 h 2323145"/>
              <a:gd name="connsiteX126" fmla="*/ 5565857 w 11269336"/>
              <a:gd name="connsiteY126" fmla="*/ 1942445 h 2323145"/>
              <a:gd name="connsiteX127" fmla="*/ 5531534 w 11269336"/>
              <a:gd name="connsiteY127" fmla="*/ 1955208 h 2323145"/>
              <a:gd name="connsiteX128" fmla="*/ 5526552 w 11269336"/>
              <a:gd name="connsiteY128" fmla="*/ 1954799 h 2323145"/>
              <a:gd name="connsiteX129" fmla="*/ 5504723 w 11269336"/>
              <a:gd name="connsiteY129" fmla="*/ 1965811 h 2323145"/>
              <a:gd name="connsiteX130" fmla="*/ 5493156 w 11269336"/>
              <a:gd name="connsiteY130" fmla="*/ 1970063 h 2323145"/>
              <a:gd name="connsiteX131" fmla="*/ 5490486 w 11269336"/>
              <a:gd name="connsiteY131" fmla="*/ 1974227 h 2323145"/>
              <a:gd name="connsiteX132" fmla="*/ 5473107 w 11269336"/>
              <a:gd name="connsiteY132" fmla="*/ 1979001 h 2323145"/>
              <a:gd name="connsiteX133" fmla="*/ 5470885 w 11269336"/>
              <a:gd name="connsiteY133" fmla="*/ 1978432 h 2323145"/>
              <a:gd name="connsiteX134" fmla="*/ 5457393 w 11269336"/>
              <a:gd name="connsiteY134" fmla="*/ 1986525 h 2323145"/>
              <a:gd name="connsiteX135" fmla="*/ 5447102 w 11269336"/>
              <a:gd name="connsiteY135" fmla="*/ 1998329 h 2323145"/>
              <a:gd name="connsiteX136" fmla="*/ 5159151 w 11269336"/>
              <a:gd name="connsiteY136" fmla="*/ 2029640 h 2323145"/>
              <a:gd name="connsiteX137" fmla="*/ 5041688 w 11269336"/>
              <a:gd name="connsiteY137" fmla="*/ 2022334 h 2323145"/>
              <a:gd name="connsiteX138" fmla="*/ 4860988 w 11269336"/>
              <a:gd name="connsiteY138" fmla="*/ 2135698 h 2323145"/>
              <a:gd name="connsiteX139" fmla="*/ 4807902 w 11269336"/>
              <a:gd name="connsiteY139" fmla="*/ 2138894 h 2323145"/>
              <a:gd name="connsiteX140" fmla="*/ 4765388 w 11269336"/>
              <a:gd name="connsiteY140" fmla="*/ 2162525 h 2323145"/>
              <a:gd name="connsiteX141" fmla="*/ 4745033 w 11269336"/>
              <a:gd name="connsiteY141" fmla="*/ 2158859 h 2323145"/>
              <a:gd name="connsiteX142" fmla="*/ 4741475 w 11269336"/>
              <a:gd name="connsiteY142" fmla="*/ 2157998 h 2323145"/>
              <a:gd name="connsiteX143" fmla="*/ 4728247 w 11269336"/>
              <a:gd name="connsiteY143" fmla="*/ 2159526 h 2323145"/>
              <a:gd name="connsiteX144" fmla="*/ 4723263 w 11269336"/>
              <a:gd name="connsiteY144" fmla="*/ 2153742 h 2323145"/>
              <a:gd name="connsiteX145" fmla="*/ 4702453 w 11269336"/>
              <a:gd name="connsiteY145" fmla="*/ 2151586 h 2323145"/>
              <a:gd name="connsiteX146" fmla="*/ 4678455 w 11269336"/>
              <a:gd name="connsiteY146" fmla="*/ 2156131 h 2323145"/>
              <a:gd name="connsiteX147" fmla="*/ 4593061 w 11269336"/>
              <a:gd name="connsiteY147" fmla="*/ 2171597 h 2323145"/>
              <a:gd name="connsiteX148" fmla="*/ 4579902 w 11269336"/>
              <a:gd name="connsiteY148" fmla="*/ 2177927 h 2323145"/>
              <a:gd name="connsiteX149" fmla="*/ 4533444 w 11269336"/>
              <a:gd name="connsiteY149" fmla="*/ 2181200 h 2323145"/>
              <a:gd name="connsiteX150" fmla="*/ 4492832 w 11269336"/>
              <a:gd name="connsiteY150" fmla="*/ 2188033 h 2323145"/>
              <a:gd name="connsiteX151" fmla="*/ 4467257 w 11269336"/>
              <a:gd name="connsiteY151" fmla="*/ 2196121 h 2323145"/>
              <a:gd name="connsiteX152" fmla="*/ 4459937 w 11269336"/>
              <a:gd name="connsiteY152" fmla="*/ 2195182 h 2323145"/>
              <a:gd name="connsiteX153" fmla="*/ 4433312 w 11269336"/>
              <a:gd name="connsiteY153" fmla="*/ 2199004 h 2323145"/>
              <a:gd name="connsiteX154" fmla="*/ 4420601 w 11269336"/>
              <a:gd name="connsiteY154" fmla="*/ 2205158 h 2323145"/>
              <a:gd name="connsiteX155" fmla="*/ 4405765 w 11269336"/>
              <a:gd name="connsiteY155" fmla="*/ 2199902 h 2323145"/>
              <a:gd name="connsiteX156" fmla="*/ 4401354 w 11269336"/>
              <a:gd name="connsiteY156" fmla="*/ 2194745 h 2323145"/>
              <a:gd name="connsiteX157" fmla="*/ 4383151 w 11269336"/>
              <a:gd name="connsiteY157" fmla="*/ 2201140 h 2323145"/>
              <a:gd name="connsiteX158" fmla="*/ 4366646 w 11269336"/>
              <a:gd name="connsiteY158" fmla="*/ 2198564 h 2323145"/>
              <a:gd name="connsiteX159" fmla="*/ 4354009 w 11269336"/>
              <a:gd name="connsiteY159" fmla="*/ 2204984 h 2323145"/>
              <a:gd name="connsiteX160" fmla="*/ 4348284 w 11269336"/>
              <a:gd name="connsiteY160" fmla="*/ 2205270 h 2323145"/>
              <a:gd name="connsiteX161" fmla="*/ 4333906 w 11269336"/>
              <a:gd name="connsiteY161" fmla="*/ 2205251 h 2323145"/>
              <a:gd name="connsiteX162" fmla="*/ 4308819 w 11269336"/>
              <a:gd name="connsiteY162" fmla="*/ 2203822 h 2323145"/>
              <a:gd name="connsiteX163" fmla="*/ 4301210 w 11269336"/>
              <a:gd name="connsiteY163" fmla="*/ 2204456 h 2323145"/>
              <a:gd name="connsiteX164" fmla="*/ 4283095 w 11269336"/>
              <a:gd name="connsiteY164" fmla="*/ 2198177 h 2323145"/>
              <a:gd name="connsiteX165" fmla="*/ 4250119 w 11269336"/>
              <a:gd name="connsiteY165" fmla="*/ 2196342 h 2323145"/>
              <a:gd name="connsiteX166" fmla="*/ 4189203 w 11269336"/>
              <a:gd name="connsiteY166" fmla="*/ 2178994 h 2323145"/>
              <a:gd name="connsiteX167" fmla="*/ 4154035 w 11269336"/>
              <a:gd name="connsiteY167" fmla="*/ 2171950 h 2323145"/>
              <a:gd name="connsiteX168" fmla="*/ 4129569 w 11269336"/>
              <a:gd name="connsiteY168" fmla="*/ 2163850 h 2323145"/>
              <a:gd name="connsiteX169" fmla="*/ 4061250 w 11269336"/>
              <a:gd name="connsiteY169" fmla="*/ 2159236 h 2323145"/>
              <a:gd name="connsiteX170" fmla="*/ 3945480 w 11269336"/>
              <a:gd name="connsiteY170" fmla="*/ 2158279 h 2323145"/>
              <a:gd name="connsiteX171" fmla="*/ 3921468 w 11269336"/>
              <a:gd name="connsiteY171" fmla="*/ 2156588 h 2323145"/>
              <a:gd name="connsiteX172" fmla="*/ 3903348 w 11269336"/>
              <a:gd name="connsiteY172" fmla="*/ 2149220 h 2323145"/>
              <a:gd name="connsiteX173" fmla="*/ 3901342 w 11269336"/>
              <a:gd name="connsiteY173" fmla="*/ 2142355 h 2323145"/>
              <a:gd name="connsiteX174" fmla="*/ 3888539 w 11269336"/>
              <a:gd name="connsiteY174" fmla="*/ 2140476 h 2323145"/>
              <a:gd name="connsiteX175" fmla="*/ 3885662 w 11269336"/>
              <a:gd name="connsiteY175" fmla="*/ 2138740 h 2323145"/>
              <a:gd name="connsiteX176" fmla="*/ 3868627 w 11269336"/>
              <a:gd name="connsiteY176" fmla="*/ 2130023 h 2323145"/>
              <a:gd name="connsiteX177" fmla="*/ 3819177 w 11269336"/>
              <a:gd name="connsiteY177" fmla="*/ 2142111 h 2323145"/>
              <a:gd name="connsiteX178" fmla="*/ 3769100 w 11269336"/>
              <a:gd name="connsiteY178" fmla="*/ 2131731 h 2323145"/>
              <a:gd name="connsiteX179" fmla="*/ 3562752 w 11269336"/>
              <a:gd name="connsiteY179" fmla="*/ 2131785 h 2323145"/>
              <a:gd name="connsiteX180" fmla="*/ 3541402 w 11269336"/>
              <a:gd name="connsiteY180" fmla="*/ 2106821 h 2323145"/>
              <a:gd name="connsiteX181" fmla="*/ 3365341 w 11269336"/>
              <a:gd name="connsiteY181" fmla="*/ 2077638 h 2323145"/>
              <a:gd name="connsiteX182" fmla="*/ 3170922 w 11269336"/>
              <a:gd name="connsiteY182" fmla="*/ 2115957 h 2323145"/>
              <a:gd name="connsiteX183" fmla="*/ 3156256 w 11269336"/>
              <a:gd name="connsiteY183" fmla="*/ 2124773 h 2323145"/>
              <a:gd name="connsiteX184" fmla="*/ 3140298 w 11269336"/>
              <a:gd name="connsiteY184" fmla="*/ 2129182 h 2323145"/>
              <a:gd name="connsiteX185" fmla="*/ 3138514 w 11269336"/>
              <a:gd name="connsiteY185" fmla="*/ 2128069 h 2323145"/>
              <a:gd name="connsiteX186" fmla="*/ 3120467 w 11269336"/>
              <a:gd name="connsiteY186" fmla="*/ 2128281 h 2323145"/>
              <a:gd name="connsiteX187" fmla="*/ 3116175 w 11269336"/>
              <a:gd name="connsiteY187" fmla="*/ 2131633 h 2323145"/>
              <a:gd name="connsiteX188" fmla="*/ 3103685 w 11269336"/>
              <a:gd name="connsiteY188" fmla="*/ 2132814 h 2323145"/>
              <a:gd name="connsiteX189" fmla="*/ 3078794 w 11269336"/>
              <a:gd name="connsiteY189" fmla="*/ 2137935 h 2323145"/>
              <a:gd name="connsiteX190" fmla="*/ 3074407 w 11269336"/>
              <a:gd name="connsiteY190" fmla="*/ 2136274 h 2323145"/>
              <a:gd name="connsiteX191" fmla="*/ 3037285 w 11269336"/>
              <a:gd name="connsiteY191" fmla="*/ 2139919 h 2323145"/>
              <a:gd name="connsiteX192" fmla="*/ 3036901 w 11269336"/>
              <a:gd name="connsiteY192" fmla="*/ 2138726 h 2323145"/>
              <a:gd name="connsiteX193" fmla="*/ 3026996 w 11269336"/>
              <a:gd name="connsiteY193" fmla="*/ 2134322 h 2323145"/>
              <a:gd name="connsiteX194" fmla="*/ 3007772 w 11269336"/>
              <a:gd name="connsiteY194" fmla="*/ 2128742 h 2323145"/>
              <a:gd name="connsiteX195" fmla="*/ 2965030 w 11269336"/>
              <a:gd name="connsiteY195" fmla="*/ 2100494 h 2323145"/>
              <a:gd name="connsiteX196" fmla="*/ 2926342 w 11269336"/>
              <a:gd name="connsiteY196" fmla="*/ 2104155 h 2323145"/>
              <a:gd name="connsiteX197" fmla="*/ 2918608 w 11269336"/>
              <a:gd name="connsiteY197" fmla="*/ 2104215 h 2323145"/>
              <a:gd name="connsiteX198" fmla="*/ 2918475 w 11269336"/>
              <a:gd name="connsiteY198" fmla="*/ 2103937 h 2323145"/>
              <a:gd name="connsiteX199" fmla="*/ 2910360 w 11269336"/>
              <a:gd name="connsiteY199" fmla="*/ 2103444 h 2323145"/>
              <a:gd name="connsiteX200" fmla="*/ 2904507 w 11269336"/>
              <a:gd name="connsiteY200" fmla="*/ 2104326 h 2323145"/>
              <a:gd name="connsiteX201" fmla="*/ 2889503 w 11269336"/>
              <a:gd name="connsiteY201" fmla="*/ 2104443 h 2323145"/>
              <a:gd name="connsiteX202" fmla="*/ 2884480 w 11269336"/>
              <a:gd name="connsiteY202" fmla="*/ 2102626 h 2323145"/>
              <a:gd name="connsiteX203" fmla="*/ 2882689 w 11269336"/>
              <a:gd name="connsiteY203" fmla="*/ 2099228 h 2323145"/>
              <a:gd name="connsiteX204" fmla="*/ 2881291 w 11269336"/>
              <a:gd name="connsiteY204" fmla="*/ 2099618 h 2323145"/>
              <a:gd name="connsiteX205" fmla="*/ 2853979 w 11269336"/>
              <a:gd name="connsiteY205" fmla="*/ 2090388 h 2323145"/>
              <a:gd name="connsiteX206" fmla="*/ 2791790 w 11269336"/>
              <a:gd name="connsiteY206" fmla="*/ 2080332 h 2323145"/>
              <a:gd name="connsiteX207" fmla="*/ 2755844 w 11269336"/>
              <a:gd name="connsiteY207" fmla="*/ 2078874 h 2323145"/>
              <a:gd name="connsiteX208" fmla="*/ 2657742 w 11269336"/>
              <a:gd name="connsiteY208" fmla="*/ 2070179 h 2323145"/>
              <a:gd name="connsiteX209" fmla="*/ 2559549 w 11269336"/>
              <a:gd name="connsiteY209" fmla="*/ 2057873 h 2323145"/>
              <a:gd name="connsiteX210" fmla="*/ 2512054 w 11269336"/>
              <a:gd name="connsiteY210" fmla="*/ 2031671 h 2323145"/>
              <a:gd name="connsiteX211" fmla="*/ 2506437 w 11269336"/>
              <a:gd name="connsiteY211" fmla="*/ 2030918 h 2323145"/>
              <a:gd name="connsiteX212" fmla="*/ 2491752 w 11269336"/>
              <a:gd name="connsiteY212" fmla="*/ 2033906 h 2323145"/>
              <a:gd name="connsiteX213" fmla="*/ 2486338 w 11269336"/>
              <a:gd name="connsiteY213" fmla="*/ 2035862 h 2323145"/>
              <a:gd name="connsiteX214" fmla="*/ 2478186 w 11269336"/>
              <a:gd name="connsiteY214" fmla="*/ 2036953 h 2323145"/>
              <a:gd name="connsiteX215" fmla="*/ 2477950 w 11269336"/>
              <a:gd name="connsiteY215" fmla="*/ 2036715 h 2323145"/>
              <a:gd name="connsiteX216" fmla="*/ 2470381 w 11269336"/>
              <a:gd name="connsiteY216" fmla="*/ 2038256 h 2323145"/>
              <a:gd name="connsiteX217" fmla="*/ 2433781 w 11269336"/>
              <a:gd name="connsiteY217" fmla="*/ 2049140 h 2323145"/>
              <a:gd name="connsiteX218" fmla="*/ 2381172 w 11269336"/>
              <a:gd name="connsiteY218" fmla="*/ 2030645 h 2323145"/>
              <a:gd name="connsiteX219" fmla="*/ 2360198 w 11269336"/>
              <a:gd name="connsiteY219" fmla="*/ 2029059 h 2323145"/>
              <a:gd name="connsiteX220" fmla="*/ 2348815 w 11269336"/>
              <a:gd name="connsiteY220" fmla="*/ 2026798 h 2323145"/>
              <a:gd name="connsiteX221" fmla="*/ 2347988 w 11269336"/>
              <a:gd name="connsiteY221" fmla="*/ 2025745 h 2323145"/>
              <a:gd name="connsiteX222" fmla="*/ 2312920 w 11269336"/>
              <a:gd name="connsiteY222" fmla="*/ 2036311 h 2323145"/>
              <a:gd name="connsiteX223" fmla="*/ 2307986 w 11269336"/>
              <a:gd name="connsiteY223" fmla="*/ 2035583 h 2323145"/>
              <a:gd name="connsiteX224" fmla="*/ 2285481 w 11269336"/>
              <a:gd name="connsiteY224" fmla="*/ 2045197 h 2323145"/>
              <a:gd name="connsiteX225" fmla="*/ 2273666 w 11269336"/>
              <a:gd name="connsiteY225" fmla="*/ 2048710 h 2323145"/>
              <a:gd name="connsiteX226" fmla="*/ 2270719 w 11269336"/>
              <a:gd name="connsiteY226" fmla="*/ 2052702 h 2323145"/>
              <a:gd name="connsiteX227" fmla="*/ 2253080 w 11269336"/>
              <a:gd name="connsiteY227" fmla="*/ 2056363 h 2323145"/>
              <a:gd name="connsiteX228" fmla="*/ 2250906 w 11269336"/>
              <a:gd name="connsiteY228" fmla="*/ 2055654 h 2323145"/>
              <a:gd name="connsiteX229" fmla="*/ 2236905 w 11269336"/>
              <a:gd name="connsiteY229" fmla="*/ 2062882 h 2323145"/>
              <a:gd name="connsiteX230" fmla="*/ 2225830 w 11269336"/>
              <a:gd name="connsiteY230" fmla="*/ 2074027 h 2323145"/>
              <a:gd name="connsiteX231" fmla="*/ 2073776 w 11269336"/>
              <a:gd name="connsiteY231" fmla="*/ 2089244 h 2323145"/>
              <a:gd name="connsiteX232" fmla="*/ 1948256 w 11269336"/>
              <a:gd name="connsiteY232" fmla="*/ 2146616 h 2323145"/>
              <a:gd name="connsiteX233" fmla="*/ 1865582 w 11269336"/>
              <a:gd name="connsiteY233" fmla="*/ 2153738 h 2323145"/>
              <a:gd name="connsiteX234" fmla="*/ 1835210 w 11269336"/>
              <a:gd name="connsiteY234" fmla="*/ 2134244 h 2323145"/>
              <a:gd name="connsiteX235" fmla="*/ 1632661 w 11269336"/>
              <a:gd name="connsiteY235" fmla="*/ 2173882 h 2323145"/>
              <a:gd name="connsiteX236" fmla="*/ 1579590 w 11269336"/>
              <a:gd name="connsiteY236" fmla="*/ 2173680 h 2323145"/>
              <a:gd name="connsiteX237" fmla="*/ 1535601 w 11269336"/>
              <a:gd name="connsiteY237" fmla="*/ 2194590 h 2323145"/>
              <a:gd name="connsiteX238" fmla="*/ 1515594 w 11269336"/>
              <a:gd name="connsiteY238" fmla="*/ 2189622 h 2323145"/>
              <a:gd name="connsiteX239" fmla="*/ 1512113 w 11269336"/>
              <a:gd name="connsiteY239" fmla="*/ 2188534 h 2323145"/>
              <a:gd name="connsiteX240" fmla="*/ 1498838 w 11269336"/>
              <a:gd name="connsiteY240" fmla="*/ 2189213 h 2323145"/>
              <a:gd name="connsiteX241" fmla="*/ 1494279 w 11269336"/>
              <a:gd name="connsiteY241" fmla="*/ 2183112 h 2323145"/>
              <a:gd name="connsiteX242" fmla="*/ 1473714 w 11269336"/>
              <a:gd name="connsiteY242" fmla="*/ 2179625 h 2323145"/>
              <a:gd name="connsiteX243" fmla="*/ 1449503 w 11269336"/>
              <a:gd name="connsiteY243" fmla="*/ 2182633 h 2323145"/>
              <a:gd name="connsiteX244" fmla="*/ 1266687 w 11269336"/>
              <a:gd name="connsiteY244" fmla="*/ 2212688 h 2323145"/>
              <a:gd name="connsiteX245" fmla="*/ 1239614 w 11269336"/>
              <a:gd name="connsiteY245" fmla="*/ 2209727 h 2323145"/>
              <a:gd name="connsiteX246" fmla="*/ 1202436 w 11269336"/>
              <a:gd name="connsiteY246" fmla="*/ 2209817 h 2323145"/>
              <a:gd name="connsiteX247" fmla="*/ 1136097 w 11269336"/>
              <a:gd name="connsiteY247" fmla="*/ 2205112 h 2323145"/>
              <a:gd name="connsiteX248" fmla="*/ 988232 w 11269336"/>
              <a:gd name="connsiteY248" fmla="*/ 2235635 h 2323145"/>
              <a:gd name="connsiteX249" fmla="*/ 981959 w 11269336"/>
              <a:gd name="connsiteY249" fmla="*/ 2231607 h 2323145"/>
              <a:gd name="connsiteX250" fmla="*/ 938600 w 11269336"/>
              <a:gd name="connsiteY250" fmla="*/ 2238113 h 2323145"/>
              <a:gd name="connsiteX251" fmla="*/ 791788 w 11269336"/>
              <a:gd name="connsiteY251" fmla="*/ 2293224 h 2323145"/>
              <a:gd name="connsiteX252" fmla="*/ 706914 w 11269336"/>
              <a:gd name="connsiteY252" fmla="*/ 2305046 h 2323145"/>
              <a:gd name="connsiteX253" fmla="*/ 675971 w 11269336"/>
              <a:gd name="connsiteY253" fmla="*/ 2304030 h 2323145"/>
              <a:gd name="connsiteX254" fmla="*/ 624180 w 11269336"/>
              <a:gd name="connsiteY254" fmla="*/ 2302650 h 2323145"/>
              <a:gd name="connsiteX255" fmla="*/ 583453 w 11269336"/>
              <a:gd name="connsiteY255" fmla="*/ 2288788 h 2323145"/>
              <a:gd name="connsiteX256" fmla="*/ 540946 w 11269336"/>
              <a:gd name="connsiteY256" fmla="*/ 2292721 h 2323145"/>
              <a:gd name="connsiteX257" fmla="*/ 533680 w 11269336"/>
              <a:gd name="connsiteY257" fmla="*/ 2310233 h 2323145"/>
              <a:gd name="connsiteX258" fmla="*/ 487366 w 11269336"/>
              <a:gd name="connsiteY258" fmla="*/ 2309053 h 2323145"/>
              <a:gd name="connsiteX259" fmla="*/ 416820 w 11269336"/>
              <a:gd name="connsiteY259" fmla="*/ 2305443 h 2323145"/>
              <a:gd name="connsiteX260" fmla="*/ 376805 w 11269336"/>
              <a:gd name="connsiteY260" fmla="*/ 2307647 h 2323145"/>
              <a:gd name="connsiteX261" fmla="*/ 266777 w 11269336"/>
              <a:gd name="connsiteY261" fmla="*/ 2309012 h 2323145"/>
              <a:gd name="connsiteX262" fmla="*/ 156013 w 11269336"/>
              <a:gd name="connsiteY262" fmla="*/ 2306832 h 2323145"/>
              <a:gd name="connsiteX263" fmla="*/ 87258 w 11269336"/>
              <a:gd name="connsiteY263" fmla="*/ 2285511 h 2323145"/>
              <a:gd name="connsiteX264" fmla="*/ 23798 w 11269336"/>
              <a:gd name="connsiteY264" fmla="*/ 2281822 h 2323145"/>
              <a:gd name="connsiteX265" fmla="*/ 0 w 11269336"/>
              <a:gd name="connsiteY265" fmla="*/ 2285369 h 2323145"/>
              <a:gd name="connsiteX266" fmla="*/ 0 w 11269336"/>
              <a:gd name="connsiteY266"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139429 w 11269336"/>
              <a:gd name="connsiteY20" fmla="*/ 696446 h 2323145"/>
              <a:gd name="connsiteX21" fmla="*/ 9114263 w 11269336"/>
              <a:gd name="connsiteY21" fmla="*/ 709213 h 2323145"/>
              <a:gd name="connsiteX22" fmla="*/ 9028928 w 11269336"/>
              <a:gd name="connsiteY22" fmla="*/ 745350 h 2323145"/>
              <a:gd name="connsiteX23" fmla="*/ 8977138 w 11269336"/>
              <a:gd name="connsiteY23" fmla="*/ 774970 h 2323145"/>
              <a:gd name="connsiteX24" fmla="*/ 8947030 w 11269336"/>
              <a:gd name="connsiteY24" fmla="*/ 814934 h 2323145"/>
              <a:gd name="connsiteX25" fmla="*/ 8914746 w 11269336"/>
              <a:gd name="connsiteY25" fmla="*/ 826428 h 2323145"/>
              <a:gd name="connsiteX26" fmla="*/ 8917778 w 11269336"/>
              <a:gd name="connsiteY26" fmla="*/ 835198 h 2323145"/>
              <a:gd name="connsiteX27" fmla="*/ 8905560 w 11269336"/>
              <a:gd name="connsiteY27" fmla="*/ 838358 h 2323145"/>
              <a:gd name="connsiteX28" fmla="*/ 8897564 w 11269336"/>
              <a:gd name="connsiteY28" fmla="*/ 834287 h 2323145"/>
              <a:gd name="connsiteX29" fmla="*/ 8878040 w 11269336"/>
              <a:gd name="connsiteY29" fmla="*/ 844150 h 2323145"/>
              <a:gd name="connsiteX30" fmla="*/ 8882654 w 11269336"/>
              <a:gd name="connsiteY30" fmla="*/ 892768 h 2323145"/>
              <a:gd name="connsiteX31" fmla="*/ 8795998 w 11269336"/>
              <a:gd name="connsiteY31" fmla="*/ 863337 h 2323145"/>
              <a:gd name="connsiteX32" fmla="*/ 8776970 w 11269336"/>
              <a:gd name="connsiteY32" fmla="*/ 885177 h 2323145"/>
              <a:gd name="connsiteX33" fmla="*/ 8755719 w 11269336"/>
              <a:gd name="connsiteY33" fmla="*/ 889754 h 2323145"/>
              <a:gd name="connsiteX34" fmla="*/ 8743257 w 11269336"/>
              <a:gd name="connsiteY34" fmla="*/ 904723 h 2323145"/>
              <a:gd name="connsiteX35" fmla="*/ 8721366 w 11269336"/>
              <a:gd name="connsiteY35" fmla="*/ 904711 h 2323145"/>
              <a:gd name="connsiteX36" fmla="*/ 8678353 w 11269336"/>
              <a:gd name="connsiteY36" fmla="*/ 926318 h 2323145"/>
              <a:gd name="connsiteX37" fmla="*/ 8636849 w 11269336"/>
              <a:gd name="connsiteY37" fmla="*/ 937900 h 2323145"/>
              <a:gd name="connsiteX38" fmla="*/ 8620213 w 11269336"/>
              <a:gd name="connsiteY38" fmla="*/ 943068 h 2323145"/>
              <a:gd name="connsiteX39" fmla="*/ 8612581 w 11269336"/>
              <a:gd name="connsiteY39" fmla="*/ 952695 h 2323145"/>
              <a:gd name="connsiteX40" fmla="*/ 8589038 w 11269336"/>
              <a:gd name="connsiteY40" fmla="*/ 963892 h 2323145"/>
              <a:gd name="connsiteX41" fmla="*/ 8579950 w 11269336"/>
              <a:gd name="connsiteY41" fmla="*/ 960899 h 2323145"/>
              <a:gd name="connsiteX42" fmla="*/ 8579319 w 11269336"/>
              <a:gd name="connsiteY42" fmla="*/ 965630 h 2323145"/>
              <a:gd name="connsiteX43" fmla="*/ 8547429 w 11269336"/>
              <a:gd name="connsiteY43" fmla="*/ 984506 h 2323145"/>
              <a:gd name="connsiteX44" fmla="*/ 8478704 w 11269336"/>
              <a:gd name="connsiteY44" fmla="*/ 1025490 h 2323145"/>
              <a:gd name="connsiteX45" fmla="*/ 8461421 w 11269336"/>
              <a:gd name="connsiteY45" fmla="*/ 1035512 h 2323145"/>
              <a:gd name="connsiteX46" fmla="*/ 8445003 w 11269336"/>
              <a:gd name="connsiteY46" fmla="*/ 1036851 h 2323145"/>
              <a:gd name="connsiteX47" fmla="*/ 8357350 w 11269336"/>
              <a:gd name="connsiteY47" fmla="*/ 1060213 h 2323145"/>
              <a:gd name="connsiteX48" fmla="*/ 8335565 w 11269336"/>
              <a:gd name="connsiteY48" fmla="*/ 1061151 h 2323145"/>
              <a:gd name="connsiteX49" fmla="*/ 8325267 w 11269336"/>
              <a:gd name="connsiteY49" fmla="*/ 1055919 h 2323145"/>
              <a:gd name="connsiteX50" fmla="*/ 8293586 w 11269336"/>
              <a:gd name="connsiteY50" fmla="*/ 1076144 h 2323145"/>
              <a:gd name="connsiteX51" fmla="*/ 8242405 w 11269336"/>
              <a:gd name="connsiteY51" fmla="*/ 1095960 h 2323145"/>
              <a:gd name="connsiteX52" fmla="*/ 8197391 w 11269336"/>
              <a:gd name="connsiteY52" fmla="*/ 1107746 h 2323145"/>
              <a:gd name="connsiteX53" fmla="*/ 8081474 w 11269336"/>
              <a:gd name="connsiteY53" fmla="*/ 1130125 h 2323145"/>
              <a:gd name="connsiteX54" fmla="*/ 8053585 w 11269336"/>
              <a:gd name="connsiteY54" fmla="*/ 1129169 h 2323145"/>
              <a:gd name="connsiteX55" fmla="*/ 8038422 w 11269336"/>
              <a:gd name="connsiteY55" fmla="*/ 1119092 h 2323145"/>
              <a:gd name="connsiteX56" fmla="*/ 8029450 w 11269336"/>
              <a:gd name="connsiteY56" fmla="*/ 1125592 h 2323145"/>
              <a:gd name="connsiteX57" fmla="*/ 7959552 w 11269336"/>
              <a:gd name="connsiteY57" fmla="*/ 1140188 h 2323145"/>
              <a:gd name="connsiteX58" fmla="*/ 7914188 w 11269336"/>
              <a:gd name="connsiteY58" fmla="*/ 1150862 h 2323145"/>
              <a:gd name="connsiteX59" fmla="*/ 7914918 w 11269336"/>
              <a:gd name="connsiteY59" fmla="*/ 1168758 h 2323145"/>
              <a:gd name="connsiteX60" fmla="*/ 7875510 w 11269336"/>
              <a:gd name="connsiteY60" fmla="*/ 1183153 h 2323145"/>
              <a:gd name="connsiteX61" fmla="*/ 7829932 w 11269336"/>
              <a:gd name="connsiteY61" fmla="*/ 1180782 h 2323145"/>
              <a:gd name="connsiteX62" fmla="*/ 7779182 w 11269336"/>
              <a:gd name="connsiteY62" fmla="*/ 1192665 h 2323145"/>
              <a:gd name="connsiteX63" fmla="*/ 7748774 w 11269336"/>
              <a:gd name="connsiteY63" fmla="*/ 1199586 h 2323145"/>
              <a:gd name="connsiteX64" fmla="*/ 7671846 w 11269336"/>
              <a:gd name="connsiteY64" fmla="*/ 1231966 h 2323145"/>
              <a:gd name="connsiteX65" fmla="*/ 7554146 w 11269336"/>
              <a:gd name="connsiteY65" fmla="*/ 1319748 h 2323145"/>
              <a:gd name="connsiteX66" fmla="*/ 7515052 w 11269336"/>
              <a:gd name="connsiteY66" fmla="*/ 1336718 h 2323145"/>
              <a:gd name="connsiteX67" fmla="*/ 7507193 w 11269336"/>
              <a:gd name="connsiteY67" fmla="*/ 1334617 h 2323145"/>
              <a:gd name="connsiteX68" fmla="*/ 7461694 w 11269336"/>
              <a:gd name="connsiteY68" fmla="*/ 1375866 h 2323145"/>
              <a:gd name="connsiteX69" fmla="*/ 7377571 w 11269336"/>
              <a:gd name="connsiteY69" fmla="*/ 1400128 h 2323145"/>
              <a:gd name="connsiteX70" fmla="*/ 7311261 w 11269336"/>
              <a:gd name="connsiteY70" fmla="*/ 1412652 h 2323145"/>
              <a:gd name="connsiteX71" fmla="*/ 7275307 w 11269336"/>
              <a:gd name="connsiteY71" fmla="*/ 1422171 h 2323145"/>
              <a:gd name="connsiteX72" fmla="*/ 7247783 w 11269336"/>
              <a:gd name="connsiteY72" fmla="*/ 1426330 h 2323145"/>
              <a:gd name="connsiteX73" fmla="*/ 7185047 w 11269336"/>
              <a:gd name="connsiteY73" fmla="*/ 1451812 h 2323145"/>
              <a:gd name="connsiteX74" fmla="*/ 7084117 w 11269336"/>
              <a:gd name="connsiteY74" fmla="*/ 1500281 h 2323145"/>
              <a:gd name="connsiteX75" fmla="*/ 7062011 w 11269336"/>
              <a:gd name="connsiteY75" fmla="*/ 1509183 h 2323145"/>
              <a:gd name="connsiteX76" fmla="*/ 7040555 w 11269336"/>
              <a:gd name="connsiteY76" fmla="*/ 1511207 h 2323145"/>
              <a:gd name="connsiteX77" fmla="*/ 7033438 w 11269336"/>
              <a:gd name="connsiteY77" fmla="*/ 1506772 h 2323145"/>
              <a:gd name="connsiteX78" fmla="*/ 7020886 w 11269336"/>
              <a:gd name="connsiteY78" fmla="*/ 1510764 h 2323145"/>
              <a:gd name="connsiteX79" fmla="*/ 7017033 w 11269336"/>
              <a:gd name="connsiteY79" fmla="*/ 1510650 h 2323145"/>
              <a:gd name="connsiteX80" fmla="*/ 6995460 w 11269336"/>
              <a:gd name="connsiteY80" fmla="*/ 1511173 h 2323145"/>
              <a:gd name="connsiteX81" fmla="*/ 6962144 w 11269336"/>
              <a:gd name="connsiteY81" fmla="*/ 1541508 h 2323145"/>
              <a:gd name="connsiteX82" fmla="*/ 6910674 w 11269336"/>
              <a:gd name="connsiteY82" fmla="*/ 1554793 h 2323145"/>
              <a:gd name="connsiteX83" fmla="*/ 6732152 w 11269336"/>
              <a:gd name="connsiteY83" fmla="*/ 1642538 h 2323145"/>
              <a:gd name="connsiteX84" fmla="*/ 6694106 w 11269336"/>
              <a:gd name="connsiteY84" fmla="*/ 1632377 h 2323145"/>
              <a:gd name="connsiteX85" fmla="*/ 6617223 w 11269336"/>
              <a:gd name="connsiteY85" fmla="*/ 1659889 h 2323145"/>
              <a:gd name="connsiteX86" fmla="*/ 6521138 w 11269336"/>
              <a:gd name="connsiteY86" fmla="*/ 1744340 h 2323145"/>
              <a:gd name="connsiteX87" fmla="*/ 6380677 w 11269336"/>
              <a:gd name="connsiteY87" fmla="*/ 1796883 h 2323145"/>
              <a:gd name="connsiteX88" fmla="*/ 6374897 w 11269336"/>
              <a:gd name="connsiteY88" fmla="*/ 1809910 h 2323145"/>
              <a:gd name="connsiteX89" fmla="*/ 6364545 w 11269336"/>
              <a:gd name="connsiteY89" fmla="*/ 1820090 h 2323145"/>
              <a:gd name="connsiteX90" fmla="*/ 6362126 w 11269336"/>
              <a:gd name="connsiteY90" fmla="*/ 1819991 h 2323145"/>
              <a:gd name="connsiteX91" fmla="*/ 6346673 w 11269336"/>
              <a:gd name="connsiteY91" fmla="*/ 1827824 h 2323145"/>
              <a:gd name="connsiteX92" fmla="*/ 6345588 w 11269336"/>
              <a:gd name="connsiteY92" fmla="*/ 1832232 h 2323145"/>
              <a:gd name="connsiteX93" fmla="*/ 6335708 w 11269336"/>
              <a:gd name="connsiteY93" fmla="*/ 1838451 h 2323145"/>
              <a:gd name="connsiteX94" fmla="*/ 6318182 w 11269336"/>
              <a:gd name="connsiteY94" fmla="*/ 1852975 h 2323145"/>
              <a:gd name="connsiteX95" fmla="*/ 6313084 w 11269336"/>
              <a:gd name="connsiteY95" fmla="*/ 1853561 h 2323145"/>
              <a:gd name="connsiteX96" fmla="*/ 6283816 w 11269336"/>
              <a:gd name="connsiteY96" fmla="*/ 1872148 h 2323145"/>
              <a:gd name="connsiteX97" fmla="*/ 6282550 w 11269336"/>
              <a:gd name="connsiteY97" fmla="*/ 1871392 h 2323145"/>
              <a:gd name="connsiteX98" fmla="*/ 6270527 w 11269336"/>
              <a:gd name="connsiteY98" fmla="*/ 1872208 h 2323145"/>
              <a:gd name="connsiteX99" fmla="*/ 6249518 w 11269336"/>
              <a:gd name="connsiteY99" fmla="*/ 1876079 h 2323145"/>
              <a:gd name="connsiteX100" fmla="*/ 6190386 w 11269336"/>
              <a:gd name="connsiteY100" fmla="*/ 1872478 h 2323145"/>
              <a:gd name="connsiteX101" fmla="*/ 6159777 w 11269336"/>
              <a:gd name="connsiteY101" fmla="*/ 1891745 h 2323145"/>
              <a:gd name="connsiteX102" fmla="*/ 6153131 w 11269336"/>
              <a:gd name="connsiteY102" fmla="*/ 1895079 h 2323145"/>
              <a:gd name="connsiteX103" fmla="*/ 6152798 w 11269336"/>
              <a:gd name="connsiteY103" fmla="*/ 1894920 h 2323145"/>
              <a:gd name="connsiteX104" fmla="*/ 6145388 w 11269336"/>
              <a:gd name="connsiteY104" fmla="*/ 1897990 h 2323145"/>
              <a:gd name="connsiteX105" fmla="*/ 6141014 w 11269336"/>
              <a:gd name="connsiteY105" fmla="*/ 1901155 h 2323145"/>
              <a:gd name="connsiteX106" fmla="*/ 6128122 w 11269336"/>
              <a:gd name="connsiteY106" fmla="*/ 1907623 h 2323145"/>
              <a:gd name="connsiteX107" fmla="*/ 6122351 w 11269336"/>
              <a:gd name="connsiteY107" fmla="*/ 1908359 h 2323145"/>
              <a:gd name="connsiteX108" fmla="*/ 6064750 w 11269336"/>
              <a:gd name="connsiteY108" fmla="*/ 1896394 h 2323145"/>
              <a:gd name="connsiteX109" fmla="*/ 5964230 w 11269336"/>
              <a:gd name="connsiteY109" fmla="*/ 1910038 h 2323145"/>
              <a:gd name="connsiteX110" fmla="*/ 5865399 w 11269336"/>
              <a:gd name="connsiteY110" fmla="*/ 1926966 h 2323145"/>
              <a:gd name="connsiteX111" fmla="*/ 5829951 w 11269336"/>
              <a:gd name="connsiteY111" fmla="*/ 1934755 h 2323145"/>
              <a:gd name="connsiteX112" fmla="*/ 5765285 w 11269336"/>
              <a:gd name="connsiteY112" fmla="*/ 1941322 h 2323145"/>
              <a:gd name="connsiteX113" fmla="*/ 5734750 w 11269336"/>
              <a:gd name="connsiteY113" fmla="*/ 1939793 h 2323145"/>
              <a:gd name="connsiteX114" fmla="*/ 5733569 w 11269336"/>
              <a:gd name="connsiteY114" fmla="*/ 1940505 h 2323145"/>
              <a:gd name="connsiteX115" fmla="*/ 5730329 w 11269336"/>
              <a:gd name="connsiteY115" fmla="*/ 1937845 h 2323145"/>
              <a:gd name="connsiteX116" fmla="*/ 5724661 w 11269336"/>
              <a:gd name="connsiteY116" fmla="*/ 1937455 h 2323145"/>
              <a:gd name="connsiteX117" fmla="*/ 5710186 w 11269336"/>
              <a:gd name="connsiteY117" fmla="*/ 1941370 h 2323145"/>
              <a:gd name="connsiteX118" fmla="*/ 5704910 w 11269336"/>
              <a:gd name="connsiteY118" fmla="*/ 1943663 h 2323145"/>
              <a:gd name="connsiteX119" fmla="*/ 5696836 w 11269336"/>
              <a:gd name="connsiteY119" fmla="*/ 1945271 h 2323145"/>
              <a:gd name="connsiteX120" fmla="*/ 5696583 w 11269336"/>
              <a:gd name="connsiteY120" fmla="*/ 1945050 h 2323145"/>
              <a:gd name="connsiteX121" fmla="*/ 5689123 w 11269336"/>
              <a:gd name="connsiteY121" fmla="*/ 1947067 h 2323145"/>
              <a:gd name="connsiteX122" fmla="*/ 5653291 w 11269336"/>
              <a:gd name="connsiteY122" fmla="*/ 1960245 h 2323145"/>
              <a:gd name="connsiteX123" fmla="*/ 5599385 w 11269336"/>
              <a:gd name="connsiteY123" fmla="*/ 1945198 h 2323145"/>
              <a:gd name="connsiteX124" fmla="*/ 5578300 w 11269336"/>
              <a:gd name="connsiteY124" fmla="*/ 1944963 h 2323145"/>
              <a:gd name="connsiteX125" fmla="*/ 5566758 w 11269336"/>
              <a:gd name="connsiteY125" fmla="*/ 1943441 h 2323145"/>
              <a:gd name="connsiteX126" fmla="*/ 5565857 w 11269336"/>
              <a:gd name="connsiteY126" fmla="*/ 1942445 h 2323145"/>
              <a:gd name="connsiteX127" fmla="*/ 5531534 w 11269336"/>
              <a:gd name="connsiteY127" fmla="*/ 1955208 h 2323145"/>
              <a:gd name="connsiteX128" fmla="*/ 5526552 w 11269336"/>
              <a:gd name="connsiteY128" fmla="*/ 1954799 h 2323145"/>
              <a:gd name="connsiteX129" fmla="*/ 5504723 w 11269336"/>
              <a:gd name="connsiteY129" fmla="*/ 1965811 h 2323145"/>
              <a:gd name="connsiteX130" fmla="*/ 5493156 w 11269336"/>
              <a:gd name="connsiteY130" fmla="*/ 1970063 h 2323145"/>
              <a:gd name="connsiteX131" fmla="*/ 5490486 w 11269336"/>
              <a:gd name="connsiteY131" fmla="*/ 1974227 h 2323145"/>
              <a:gd name="connsiteX132" fmla="*/ 5473107 w 11269336"/>
              <a:gd name="connsiteY132" fmla="*/ 1979001 h 2323145"/>
              <a:gd name="connsiteX133" fmla="*/ 5470885 w 11269336"/>
              <a:gd name="connsiteY133" fmla="*/ 1978432 h 2323145"/>
              <a:gd name="connsiteX134" fmla="*/ 5457393 w 11269336"/>
              <a:gd name="connsiteY134" fmla="*/ 1986525 h 2323145"/>
              <a:gd name="connsiteX135" fmla="*/ 5447102 w 11269336"/>
              <a:gd name="connsiteY135" fmla="*/ 1998329 h 2323145"/>
              <a:gd name="connsiteX136" fmla="*/ 5159151 w 11269336"/>
              <a:gd name="connsiteY136" fmla="*/ 2029640 h 2323145"/>
              <a:gd name="connsiteX137" fmla="*/ 5041688 w 11269336"/>
              <a:gd name="connsiteY137" fmla="*/ 2022334 h 2323145"/>
              <a:gd name="connsiteX138" fmla="*/ 4860988 w 11269336"/>
              <a:gd name="connsiteY138" fmla="*/ 2135698 h 2323145"/>
              <a:gd name="connsiteX139" fmla="*/ 4807902 w 11269336"/>
              <a:gd name="connsiteY139" fmla="*/ 2138894 h 2323145"/>
              <a:gd name="connsiteX140" fmla="*/ 4765388 w 11269336"/>
              <a:gd name="connsiteY140" fmla="*/ 2162525 h 2323145"/>
              <a:gd name="connsiteX141" fmla="*/ 4745033 w 11269336"/>
              <a:gd name="connsiteY141" fmla="*/ 2158859 h 2323145"/>
              <a:gd name="connsiteX142" fmla="*/ 4741475 w 11269336"/>
              <a:gd name="connsiteY142" fmla="*/ 2157998 h 2323145"/>
              <a:gd name="connsiteX143" fmla="*/ 4728247 w 11269336"/>
              <a:gd name="connsiteY143" fmla="*/ 2159526 h 2323145"/>
              <a:gd name="connsiteX144" fmla="*/ 4723263 w 11269336"/>
              <a:gd name="connsiteY144" fmla="*/ 2153742 h 2323145"/>
              <a:gd name="connsiteX145" fmla="*/ 4702453 w 11269336"/>
              <a:gd name="connsiteY145" fmla="*/ 2151586 h 2323145"/>
              <a:gd name="connsiteX146" fmla="*/ 4678455 w 11269336"/>
              <a:gd name="connsiteY146" fmla="*/ 2156131 h 2323145"/>
              <a:gd name="connsiteX147" fmla="*/ 4593061 w 11269336"/>
              <a:gd name="connsiteY147" fmla="*/ 2171597 h 2323145"/>
              <a:gd name="connsiteX148" fmla="*/ 4579902 w 11269336"/>
              <a:gd name="connsiteY148" fmla="*/ 2177927 h 2323145"/>
              <a:gd name="connsiteX149" fmla="*/ 4533444 w 11269336"/>
              <a:gd name="connsiteY149" fmla="*/ 2181200 h 2323145"/>
              <a:gd name="connsiteX150" fmla="*/ 4492832 w 11269336"/>
              <a:gd name="connsiteY150" fmla="*/ 2188033 h 2323145"/>
              <a:gd name="connsiteX151" fmla="*/ 4467257 w 11269336"/>
              <a:gd name="connsiteY151" fmla="*/ 2196121 h 2323145"/>
              <a:gd name="connsiteX152" fmla="*/ 4459937 w 11269336"/>
              <a:gd name="connsiteY152" fmla="*/ 2195182 h 2323145"/>
              <a:gd name="connsiteX153" fmla="*/ 4433312 w 11269336"/>
              <a:gd name="connsiteY153" fmla="*/ 2199004 h 2323145"/>
              <a:gd name="connsiteX154" fmla="*/ 4420601 w 11269336"/>
              <a:gd name="connsiteY154" fmla="*/ 2205158 h 2323145"/>
              <a:gd name="connsiteX155" fmla="*/ 4405765 w 11269336"/>
              <a:gd name="connsiteY155" fmla="*/ 2199902 h 2323145"/>
              <a:gd name="connsiteX156" fmla="*/ 4401354 w 11269336"/>
              <a:gd name="connsiteY156" fmla="*/ 2194745 h 2323145"/>
              <a:gd name="connsiteX157" fmla="*/ 4383151 w 11269336"/>
              <a:gd name="connsiteY157" fmla="*/ 2201140 h 2323145"/>
              <a:gd name="connsiteX158" fmla="*/ 4366646 w 11269336"/>
              <a:gd name="connsiteY158" fmla="*/ 2198564 h 2323145"/>
              <a:gd name="connsiteX159" fmla="*/ 4354009 w 11269336"/>
              <a:gd name="connsiteY159" fmla="*/ 2204984 h 2323145"/>
              <a:gd name="connsiteX160" fmla="*/ 4348284 w 11269336"/>
              <a:gd name="connsiteY160" fmla="*/ 2205270 h 2323145"/>
              <a:gd name="connsiteX161" fmla="*/ 4333906 w 11269336"/>
              <a:gd name="connsiteY161" fmla="*/ 2205251 h 2323145"/>
              <a:gd name="connsiteX162" fmla="*/ 4308819 w 11269336"/>
              <a:gd name="connsiteY162" fmla="*/ 2203822 h 2323145"/>
              <a:gd name="connsiteX163" fmla="*/ 4301210 w 11269336"/>
              <a:gd name="connsiteY163" fmla="*/ 2204456 h 2323145"/>
              <a:gd name="connsiteX164" fmla="*/ 4283095 w 11269336"/>
              <a:gd name="connsiteY164" fmla="*/ 2198177 h 2323145"/>
              <a:gd name="connsiteX165" fmla="*/ 4250119 w 11269336"/>
              <a:gd name="connsiteY165" fmla="*/ 2196342 h 2323145"/>
              <a:gd name="connsiteX166" fmla="*/ 4189203 w 11269336"/>
              <a:gd name="connsiteY166" fmla="*/ 2178994 h 2323145"/>
              <a:gd name="connsiteX167" fmla="*/ 4154035 w 11269336"/>
              <a:gd name="connsiteY167" fmla="*/ 2171950 h 2323145"/>
              <a:gd name="connsiteX168" fmla="*/ 4129569 w 11269336"/>
              <a:gd name="connsiteY168" fmla="*/ 2163850 h 2323145"/>
              <a:gd name="connsiteX169" fmla="*/ 4061250 w 11269336"/>
              <a:gd name="connsiteY169" fmla="*/ 2159236 h 2323145"/>
              <a:gd name="connsiteX170" fmla="*/ 3945480 w 11269336"/>
              <a:gd name="connsiteY170" fmla="*/ 2158279 h 2323145"/>
              <a:gd name="connsiteX171" fmla="*/ 3921468 w 11269336"/>
              <a:gd name="connsiteY171" fmla="*/ 2156588 h 2323145"/>
              <a:gd name="connsiteX172" fmla="*/ 3903348 w 11269336"/>
              <a:gd name="connsiteY172" fmla="*/ 2149220 h 2323145"/>
              <a:gd name="connsiteX173" fmla="*/ 3901342 w 11269336"/>
              <a:gd name="connsiteY173" fmla="*/ 2142355 h 2323145"/>
              <a:gd name="connsiteX174" fmla="*/ 3888539 w 11269336"/>
              <a:gd name="connsiteY174" fmla="*/ 2140476 h 2323145"/>
              <a:gd name="connsiteX175" fmla="*/ 3885662 w 11269336"/>
              <a:gd name="connsiteY175" fmla="*/ 2138740 h 2323145"/>
              <a:gd name="connsiteX176" fmla="*/ 3868627 w 11269336"/>
              <a:gd name="connsiteY176" fmla="*/ 2130023 h 2323145"/>
              <a:gd name="connsiteX177" fmla="*/ 3819177 w 11269336"/>
              <a:gd name="connsiteY177" fmla="*/ 2142111 h 2323145"/>
              <a:gd name="connsiteX178" fmla="*/ 3769100 w 11269336"/>
              <a:gd name="connsiteY178" fmla="*/ 2131731 h 2323145"/>
              <a:gd name="connsiteX179" fmla="*/ 3562752 w 11269336"/>
              <a:gd name="connsiteY179" fmla="*/ 2131785 h 2323145"/>
              <a:gd name="connsiteX180" fmla="*/ 3541402 w 11269336"/>
              <a:gd name="connsiteY180" fmla="*/ 2106821 h 2323145"/>
              <a:gd name="connsiteX181" fmla="*/ 3365341 w 11269336"/>
              <a:gd name="connsiteY181" fmla="*/ 2077638 h 2323145"/>
              <a:gd name="connsiteX182" fmla="*/ 3170922 w 11269336"/>
              <a:gd name="connsiteY182" fmla="*/ 2115957 h 2323145"/>
              <a:gd name="connsiteX183" fmla="*/ 3156256 w 11269336"/>
              <a:gd name="connsiteY183" fmla="*/ 2124773 h 2323145"/>
              <a:gd name="connsiteX184" fmla="*/ 3140298 w 11269336"/>
              <a:gd name="connsiteY184" fmla="*/ 2129182 h 2323145"/>
              <a:gd name="connsiteX185" fmla="*/ 3138514 w 11269336"/>
              <a:gd name="connsiteY185" fmla="*/ 2128069 h 2323145"/>
              <a:gd name="connsiteX186" fmla="*/ 3120467 w 11269336"/>
              <a:gd name="connsiteY186" fmla="*/ 2128281 h 2323145"/>
              <a:gd name="connsiteX187" fmla="*/ 3116175 w 11269336"/>
              <a:gd name="connsiteY187" fmla="*/ 2131633 h 2323145"/>
              <a:gd name="connsiteX188" fmla="*/ 3103685 w 11269336"/>
              <a:gd name="connsiteY188" fmla="*/ 2132814 h 2323145"/>
              <a:gd name="connsiteX189" fmla="*/ 3078794 w 11269336"/>
              <a:gd name="connsiteY189" fmla="*/ 2137935 h 2323145"/>
              <a:gd name="connsiteX190" fmla="*/ 3074407 w 11269336"/>
              <a:gd name="connsiteY190" fmla="*/ 2136274 h 2323145"/>
              <a:gd name="connsiteX191" fmla="*/ 3037285 w 11269336"/>
              <a:gd name="connsiteY191" fmla="*/ 2139919 h 2323145"/>
              <a:gd name="connsiteX192" fmla="*/ 3036901 w 11269336"/>
              <a:gd name="connsiteY192" fmla="*/ 2138726 h 2323145"/>
              <a:gd name="connsiteX193" fmla="*/ 3026996 w 11269336"/>
              <a:gd name="connsiteY193" fmla="*/ 2134322 h 2323145"/>
              <a:gd name="connsiteX194" fmla="*/ 3007772 w 11269336"/>
              <a:gd name="connsiteY194" fmla="*/ 2128742 h 2323145"/>
              <a:gd name="connsiteX195" fmla="*/ 2965030 w 11269336"/>
              <a:gd name="connsiteY195" fmla="*/ 2100494 h 2323145"/>
              <a:gd name="connsiteX196" fmla="*/ 2926342 w 11269336"/>
              <a:gd name="connsiteY196" fmla="*/ 2104155 h 2323145"/>
              <a:gd name="connsiteX197" fmla="*/ 2918608 w 11269336"/>
              <a:gd name="connsiteY197" fmla="*/ 2104215 h 2323145"/>
              <a:gd name="connsiteX198" fmla="*/ 2918475 w 11269336"/>
              <a:gd name="connsiteY198" fmla="*/ 2103937 h 2323145"/>
              <a:gd name="connsiteX199" fmla="*/ 2910360 w 11269336"/>
              <a:gd name="connsiteY199" fmla="*/ 2103444 h 2323145"/>
              <a:gd name="connsiteX200" fmla="*/ 2904507 w 11269336"/>
              <a:gd name="connsiteY200" fmla="*/ 2104326 h 2323145"/>
              <a:gd name="connsiteX201" fmla="*/ 2889503 w 11269336"/>
              <a:gd name="connsiteY201" fmla="*/ 2104443 h 2323145"/>
              <a:gd name="connsiteX202" fmla="*/ 2884480 w 11269336"/>
              <a:gd name="connsiteY202" fmla="*/ 2102626 h 2323145"/>
              <a:gd name="connsiteX203" fmla="*/ 2882689 w 11269336"/>
              <a:gd name="connsiteY203" fmla="*/ 2099228 h 2323145"/>
              <a:gd name="connsiteX204" fmla="*/ 2881291 w 11269336"/>
              <a:gd name="connsiteY204" fmla="*/ 2099618 h 2323145"/>
              <a:gd name="connsiteX205" fmla="*/ 2853979 w 11269336"/>
              <a:gd name="connsiteY205" fmla="*/ 2090388 h 2323145"/>
              <a:gd name="connsiteX206" fmla="*/ 2791790 w 11269336"/>
              <a:gd name="connsiteY206" fmla="*/ 2080332 h 2323145"/>
              <a:gd name="connsiteX207" fmla="*/ 2755844 w 11269336"/>
              <a:gd name="connsiteY207" fmla="*/ 2078874 h 2323145"/>
              <a:gd name="connsiteX208" fmla="*/ 2657742 w 11269336"/>
              <a:gd name="connsiteY208" fmla="*/ 2070179 h 2323145"/>
              <a:gd name="connsiteX209" fmla="*/ 2559549 w 11269336"/>
              <a:gd name="connsiteY209" fmla="*/ 2057873 h 2323145"/>
              <a:gd name="connsiteX210" fmla="*/ 2512054 w 11269336"/>
              <a:gd name="connsiteY210" fmla="*/ 2031671 h 2323145"/>
              <a:gd name="connsiteX211" fmla="*/ 2506437 w 11269336"/>
              <a:gd name="connsiteY211" fmla="*/ 2030918 h 2323145"/>
              <a:gd name="connsiteX212" fmla="*/ 2491752 w 11269336"/>
              <a:gd name="connsiteY212" fmla="*/ 2033906 h 2323145"/>
              <a:gd name="connsiteX213" fmla="*/ 2486338 w 11269336"/>
              <a:gd name="connsiteY213" fmla="*/ 2035862 h 2323145"/>
              <a:gd name="connsiteX214" fmla="*/ 2478186 w 11269336"/>
              <a:gd name="connsiteY214" fmla="*/ 2036953 h 2323145"/>
              <a:gd name="connsiteX215" fmla="*/ 2477950 w 11269336"/>
              <a:gd name="connsiteY215" fmla="*/ 2036715 h 2323145"/>
              <a:gd name="connsiteX216" fmla="*/ 2470381 w 11269336"/>
              <a:gd name="connsiteY216" fmla="*/ 2038256 h 2323145"/>
              <a:gd name="connsiteX217" fmla="*/ 2433781 w 11269336"/>
              <a:gd name="connsiteY217" fmla="*/ 2049140 h 2323145"/>
              <a:gd name="connsiteX218" fmla="*/ 2381172 w 11269336"/>
              <a:gd name="connsiteY218" fmla="*/ 2030645 h 2323145"/>
              <a:gd name="connsiteX219" fmla="*/ 2360198 w 11269336"/>
              <a:gd name="connsiteY219" fmla="*/ 2029059 h 2323145"/>
              <a:gd name="connsiteX220" fmla="*/ 2348815 w 11269336"/>
              <a:gd name="connsiteY220" fmla="*/ 2026798 h 2323145"/>
              <a:gd name="connsiteX221" fmla="*/ 2347988 w 11269336"/>
              <a:gd name="connsiteY221" fmla="*/ 2025745 h 2323145"/>
              <a:gd name="connsiteX222" fmla="*/ 2312920 w 11269336"/>
              <a:gd name="connsiteY222" fmla="*/ 2036311 h 2323145"/>
              <a:gd name="connsiteX223" fmla="*/ 2307986 w 11269336"/>
              <a:gd name="connsiteY223" fmla="*/ 2035583 h 2323145"/>
              <a:gd name="connsiteX224" fmla="*/ 2285481 w 11269336"/>
              <a:gd name="connsiteY224" fmla="*/ 2045197 h 2323145"/>
              <a:gd name="connsiteX225" fmla="*/ 2273666 w 11269336"/>
              <a:gd name="connsiteY225" fmla="*/ 2048710 h 2323145"/>
              <a:gd name="connsiteX226" fmla="*/ 2270719 w 11269336"/>
              <a:gd name="connsiteY226" fmla="*/ 2052702 h 2323145"/>
              <a:gd name="connsiteX227" fmla="*/ 2253080 w 11269336"/>
              <a:gd name="connsiteY227" fmla="*/ 2056363 h 2323145"/>
              <a:gd name="connsiteX228" fmla="*/ 2250906 w 11269336"/>
              <a:gd name="connsiteY228" fmla="*/ 2055654 h 2323145"/>
              <a:gd name="connsiteX229" fmla="*/ 2236905 w 11269336"/>
              <a:gd name="connsiteY229" fmla="*/ 2062882 h 2323145"/>
              <a:gd name="connsiteX230" fmla="*/ 2225830 w 11269336"/>
              <a:gd name="connsiteY230" fmla="*/ 2074027 h 2323145"/>
              <a:gd name="connsiteX231" fmla="*/ 2073776 w 11269336"/>
              <a:gd name="connsiteY231" fmla="*/ 2089244 h 2323145"/>
              <a:gd name="connsiteX232" fmla="*/ 1948256 w 11269336"/>
              <a:gd name="connsiteY232" fmla="*/ 2146616 h 2323145"/>
              <a:gd name="connsiteX233" fmla="*/ 1865582 w 11269336"/>
              <a:gd name="connsiteY233" fmla="*/ 2153738 h 2323145"/>
              <a:gd name="connsiteX234" fmla="*/ 1835210 w 11269336"/>
              <a:gd name="connsiteY234" fmla="*/ 2134244 h 2323145"/>
              <a:gd name="connsiteX235" fmla="*/ 1632661 w 11269336"/>
              <a:gd name="connsiteY235" fmla="*/ 2173882 h 2323145"/>
              <a:gd name="connsiteX236" fmla="*/ 1579590 w 11269336"/>
              <a:gd name="connsiteY236" fmla="*/ 2173680 h 2323145"/>
              <a:gd name="connsiteX237" fmla="*/ 1535601 w 11269336"/>
              <a:gd name="connsiteY237" fmla="*/ 2194590 h 2323145"/>
              <a:gd name="connsiteX238" fmla="*/ 1515594 w 11269336"/>
              <a:gd name="connsiteY238" fmla="*/ 2189622 h 2323145"/>
              <a:gd name="connsiteX239" fmla="*/ 1512113 w 11269336"/>
              <a:gd name="connsiteY239" fmla="*/ 2188534 h 2323145"/>
              <a:gd name="connsiteX240" fmla="*/ 1498838 w 11269336"/>
              <a:gd name="connsiteY240" fmla="*/ 2189213 h 2323145"/>
              <a:gd name="connsiteX241" fmla="*/ 1494279 w 11269336"/>
              <a:gd name="connsiteY241" fmla="*/ 2183112 h 2323145"/>
              <a:gd name="connsiteX242" fmla="*/ 1473714 w 11269336"/>
              <a:gd name="connsiteY242" fmla="*/ 2179625 h 2323145"/>
              <a:gd name="connsiteX243" fmla="*/ 1449503 w 11269336"/>
              <a:gd name="connsiteY243" fmla="*/ 2182633 h 2323145"/>
              <a:gd name="connsiteX244" fmla="*/ 1266687 w 11269336"/>
              <a:gd name="connsiteY244" fmla="*/ 2212688 h 2323145"/>
              <a:gd name="connsiteX245" fmla="*/ 1239614 w 11269336"/>
              <a:gd name="connsiteY245" fmla="*/ 2209727 h 2323145"/>
              <a:gd name="connsiteX246" fmla="*/ 1202436 w 11269336"/>
              <a:gd name="connsiteY246" fmla="*/ 2209817 h 2323145"/>
              <a:gd name="connsiteX247" fmla="*/ 1136097 w 11269336"/>
              <a:gd name="connsiteY247" fmla="*/ 2205112 h 2323145"/>
              <a:gd name="connsiteX248" fmla="*/ 988232 w 11269336"/>
              <a:gd name="connsiteY248" fmla="*/ 2235635 h 2323145"/>
              <a:gd name="connsiteX249" fmla="*/ 981959 w 11269336"/>
              <a:gd name="connsiteY249" fmla="*/ 2231607 h 2323145"/>
              <a:gd name="connsiteX250" fmla="*/ 938600 w 11269336"/>
              <a:gd name="connsiteY250" fmla="*/ 2238113 h 2323145"/>
              <a:gd name="connsiteX251" fmla="*/ 791788 w 11269336"/>
              <a:gd name="connsiteY251" fmla="*/ 2293224 h 2323145"/>
              <a:gd name="connsiteX252" fmla="*/ 706914 w 11269336"/>
              <a:gd name="connsiteY252" fmla="*/ 2305046 h 2323145"/>
              <a:gd name="connsiteX253" fmla="*/ 675971 w 11269336"/>
              <a:gd name="connsiteY253" fmla="*/ 2304030 h 2323145"/>
              <a:gd name="connsiteX254" fmla="*/ 624180 w 11269336"/>
              <a:gd name="connsiteY254" fmla="*/ 2302650 h 2323145"/>
              <a:gd name="connsiteX255" fmla="*/ 583453 w 11269336"/>
              <a:gd name="connsiteY255" fmla="*/ 2288788 h 2323145"/>
              <a:gd name="connsiteX256" fmla="*/ 540946 w 11269336"/>
              <a:gd name="connsiteY256" fmla="*/ 2292721 h 2323145"/>
              <a:gd name="connsiteX257" fmla="*/ 533680 w 11269336"/>
              <a:gd name="connsiteY257" fmla="*/ 2310233 h 2323145"/>
              <a:gd name="connsiteX258" fmla="*/ 487366 w 11269336"/>
              <a:gd name="connsiteY258" fmla="*/ 2309053 h 2323145"/>
              <a:gd name="connsiteX259" fmla="*/ 416820 w 11269336"/>
              <a:gd name="connsiteY259" fmla="*/ 2305443 h 2323145"/>
              <a:gd name="connsiteX260" fmla="*/ 376805 w 11269336"/>
              <a:gd name="connsiteY260" fmla="*/ 2307647 h 2323145"/>
              <a:gd name="connsiteX261" fmla="*/ 266777 w 11269336"/>
              <a:gd name="connsiteY261" fmla="*/ 2309012 h 2323145"/>
              <a:gd name="connsiteX262" fmla="*/ 156013 w 11269336"/>
              <a:gd name="connsiteY262" fmla="*/ 2306832 h 2323145"/>
              <a:gd name="connsiteX263" fmla="*/ 87258 w 11269336"/>
              <a:gd name="connsiteY263" fmla="*/ 2285511 h 2323145"/>
              <a:gd name="connsiteX264" fmla="*/ 23798 w 11269336"/>
              <a:gd name="connsiteY264" fmla="*/ 2281822 h 2323145"/>
              <a:gd name="connsiteX265" fmla="*/ 0 w 11269336"/>
              <a:gd name="connsiteY265" fmla="*/ 2285369 h 2323145"/>
              <a:gd name="connsiteX266" fmla="*/ 0 w 11269336"/>
              <a:gd name="connsiteY266"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139429 w 11269336"/>
              <a:gd name="connsiteY20" fmla="*/ 696446 h 2323145"/>
              <a:gd name="connsiteX21" fmla="*/ 9028928 w 11269336"/>
              <a:gd name="connsiteY21" fmla="*/ 745350 h 2323145"/>
              <a:gd name="connsiteX22" fmla="*/ 8977138 w 11269336"/>
              <a:gd name="connsiteY22" fmla="*/ 774970 h 2323145"/>
              <a:gd name="connsiteX23" fmla="*/ 8947030 w 11269336"/>
              <a:gd name="connsiteY23" fmla="*/ 814934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882654 w 11269336"/>
              <a:gd name="connsiteY29" fmla="*/ 892768 h 2323145"/>
              <a:gd name="connsiteX30" fmla="*/ 8795998 w 11269336"/>
              <a:gd name="connsiteY30" fmla="*/ 863337 h 2323145"/>
              <a:gd name="connsiteX31" fmla="*/ 8776970 w 11269336"/>
              <a:gd name="connsiteY31" fmla="*/ 885177 h 2323145"/>
              <a:gd name="connsiteX32" fmla="*/ 8755719 w 11269336"/>
              <a:gd name="connsiteY32" fmla="*/ 889754 h 2323145"/>
              <a:gd name="connsiteX33" fmla="*/ 8743257 w 11269336"/>
              <a:gd name="connsiteY33" fmla="*/ 904723 h 2323145"/>
              <a:gd name="connsiteX34" fmla="*/ 8721366 w 11269336"/>
              <a:gd name="connsiteY34" fmla="*/ 904711 h 2323145"/>
              <a:gd name="connsiteX35" fmla="*/ 8678353 w 11269336"/>
              <a:gd name="connsiteY35" fmla="*/ 926318 h 2323145"/>
              <a:gd name="connsiteX36" fmla="*/ 8636849 w 11269336"/>
              <a:gd name="connsiteY36" fmla="*/ 937900 h 2323145"/>
              <a:gd name="connsiteX37" fmla="*/ 8620213 w 11269336"/>
              <a:gd name="connsiteY37" fmla="*/ 943068 h 2323145"/>
              <a:gd name="connsiteX38" fmla="*/ 8612581 w 11269336"/>
              <a:gd name="connsiteY38" fmla="*/ 952695 h 2323145"/>
              <a:gd name="connsiteX39" fmla="*/ 8589038 w 11269336"/>
              <a:gd name="connsiteY39" fmla="*/ 963892 h 2323145"/>
              <a:gd name="connsiteX40" fmla="*/ 8579950 w 11269336"/>
              <a:gd name="connsiteY40" fmla="*/ 960899 h 2323145"/>
              <a:gd name="connsiteX41" fmla="*/ 8579319 w 11269336"/>
              <a:gd name="connsiteY41" fmla="*/ 965630 h 2323145"/>
              <a:gd name="connsiteX42" fmla="*/ 8547429 w 11269336"/>
              <a:gd name="connsiteY42" fmla="*/ 984506 h 2323145"/>
              <a:gd name="connsiteX43" fmla="*/ 8478704 w 11269336"/>
              <a:gd name="connsiteY43" fmla="*/ 1025490 h 2323145"/>
              <a:gd name="connsiteX44" fmla="*/ 8461421 w 11269336"/>
              <a:gd name="connsiteY44" fmla="*/ 1035512 h 2323145"/>
              <a:gd name="connsiteX45" fmla="*/ 8445003 w 11269336"/>
              <a:gd name="connsiteY45" fmla="*/ 1036851 h 2323145"/>
              <a:gd name="connsiteX46" fmla="*/ 8357350 w 11269336"/>
              <a:gd name="connsiteY46" fmla="*/ 1060213 h 2323145"/>
              <a:gd name="connsiteX47" fmla="*/ 8335565 w 11269336"/>
              <a:gd name="connsiteY47" fmla="*/ 1061151 h 2323145"/>
              <a:gd name="connsiteX48" fmla="*/ 8325267 w 11269336"/>
              <a:gd name="connsiteY48" fmla="*/ 1055919 h 2323145"/>
              <a:gd name="connsiteX49" fmla="*/ 8293586 w 11269336"/>
              <a:gd name="connsiteY49" fmla="*/ 1076144 h 2323145"/>
              <a:gd name="connsiteX50" fmla="*/ 8242405 w 11269336"/>
              <a:gd name="connsiteY50" fmla="*/ 1095960 h 2323145"/>
              <a:gd name="connsiteX51" fmla="*/ 8197391 w 11269336"/>
              <a:gd name="connsiteY51" fmla="*/ 1107746 h 2323145"/>
              <a:gd name="connsiteX52" fmla="*/ 8081474 w 11269336"/>
              <a:gd name="connsiteY52" fmla="*/ 1130125 h 2323145"/>
              <a:gd name="connsiteX53" fmla="*/ 8053585 w 11269336"/>
              <a:gd name="connsiteY53" fmla="*/ 1129169 h 2323145"/>
              <a:gd name="connsiteX54" fmla="*/ 8038422 w 11269336"/>
              <a:gd name="connsiteY54" fmla="*/ 1119092 h 2323145"/>
              <a:gd name="connsiteX55" fmla="*/ 8029450 w 11269336"/>
              <a:gd name="connsiteY55" fmla="*/ 1125592 h 2323145"/>
              <a:gd name="connsiteX56" fmla="*/ 7959552 w 11269336"/>
              <a:gd name="connsiteY56" fmla="*/ 1140188 h 2323145"/>
              <a:gd name="connsiteX57" fmla="*/ 7914188 w 11269336"/>
              <a:gd name="connsiteY57" fmla="*/ 1150862 h 2323145"/>
              <a:gd name="connsiteX58" fmla="*/ 7914918 w 11269336"/>
              <a:gd name="connsiteY58" fmla="*/ 1168758 h 2323145"/>
              <a:gd name="connsiteX59" fmla="*/ 7875510 w 11269336"/>
              <a:gd name="connsiteY59" fmla="*/ 1183153 h 2323145"/>
              <a:gd name="connsiteX60" fmla="*/ 7829932 w 11269336"/>
              <a:gd name="connsiteY60" fmla="*/ 1180782 h 2323145"/>
              <a:gd name="connsiteX61" fmla="*/ 7779182 w 11269336"/>
              <a:gd name="connsiteY61" fmla="*/ 1192665 h 2323145"/>
              <a:gd name="connsiteX62" fmla="*/ 7748774 w 11269336"/>
              <a:gd name="connsiteY62" fmla="*/ 1199586 h 2323145"/>
              <a:gd name="connsiteX63" fmla="*/ 7671846 w 11269336"/>
              <a:gd name="connsiteY63" fmla="*/ 1231966 h 2323145"/>
              <a:gd name="connsiteX64" fmla="*/ 7554146 w 11269336"/>
              <a:gd name="connsiteY64" fmla="*/ 1319748 h 2323145"/>
              <a:gd name="connsiteX65" fmla="*/ 7515052 w 11269336"/>
              <a:gd name="connsiteY65" fmla="*/ 1336718 h 2323145"/>
              <a:gd name="connsiteX66" fmla="*/ 7507193 w 11269336"/>
              <a:gd name="connsiteY66" fmla="*/ 1334617 h 2323145"/>
              <a:gd name="connsiteX67" fmla="*/ 7461694 w 11269336"/>
              <a:gd name="connsiteY67" fmla="*/ 1375866 h 2323145"/>
              <a:gd name="connsiteX68" fmla="*/ 7377571 w 11269336"/>
              <a:gd name="connsiteY68" fmla="*/ 1400128 h 2323145"/>
              <a:gd name="connsiteX69" fmla="*/ 7311261 w 11269336"/>
              <a:gd name="connsiteY69" fmla="*/ 1412652 h 2323145"/>
              <a:gd name="connsiteX70" fmla="*/ 7275307 w 11269336"/>
              <a:gd name="connsiteY70" fmla="*/ 1422171 h 2323145"/>
              <a:gd name="connsiteX71" fmla="*/ 7247783 w 11269336"/>
              <a:gd name="connsiteY71" fmla="*/ 1426330 h 2323145"/>
              <a:gd name="connsiteX72" fmla="*/ 7185047 w 11269336"/>
              <a:gd name="connsiteY72" fmla="*/ 1451812 h 2323145"/>
              <a:gd name="connsiteX73" fmla="*/ 7084117 w 11269336"/>
              <a:gd name="connsiteY73" fmla="*/ 1500281 h 2323145"/>
              <a:gd name="connsiteX74" fmla="*/ 7062011 w 11269336"/>
              <a:gd name="connsiteY74" fmla="*/ 1509183 h 2323145"/>
              <a:gd name="connsiteX75" fmla="*/ 7040555 w 11269336"/>
              <a:gd name="connsiteY75" fmla="*/ 1511207 h 2323145"/>
              <a:gd name="connsiteX76" fmla="*/ 7033438 w 11269336"/>
              <a:gd name="connsiteY76" fmla="*/ 1506772 h 2323145"/>
              <a:gd name="connsiteX77" fmla="*/ 7020886 w 11269336"/>
              <a:gd name="connsiteY77" fmla="*/ 1510764 h 2323145"/>
              <a:gd name="connsiteX78" fmla="*/ 7017033 w 11269336"/>
              <a:gd name="connsiteY78" fmla="*/ 1510650 h 2323145"/>
              <a:gd name="connsiteX79" fmla="*/ 6995460 w 11269336"/>
              <a:gd name="connsiteY79" fmla="*/ 1511173 h 2323145"/>
              <a:gd name="connsiteX80" fmla="*/ 6962144 w 11269336"/>
              <a:gd name="connsiteY80" fmla="*/ 1541508 h 2323145"/>
              <a:gd name="connsiteX81" fmla="*/ 6910674 w 11269336"/>
              <a:gd name="connsiteY81" fmla="*/ 1554793 h 2323145"/>
              <a:gd name="connsiteX82" fmla="*/ 6732152 w 11269336"/>
              <a:gd name="connsiteY82" fmla="*/ 1642538 h 2323145"/>
              <a:gd name="connsiteX83" fmla="*/ 6694106 w 11269336"/>
              <a:gd name="connsiteY83" fmla="*/ 1632377 h 2323145"/>
              <a:gd name="connsiteX84" fmla="*/ 6617223 w 11269336"/>
              <a:gd name="connsiteY84" fmla="*/ 1659889 h 2323145"/>
              <a:gd name="connsiteX85" fmla="*/ 6521138 w 11269336"/>
              <a:gd name="connsiteY85" fmla="*/ 1744340 h 2323145"/>
              <a:gd name="connsiteX86" fmla="*/ 6380677 w 11269336"/>
              <a:gd name="connsiteY86" fmla="*/ 1796883 h 2323145"/>
              <a:gd name="connsiteX87" fmla="*/ 6374897 w 11269336"/>
              <a:gd name="connsiteY87" fmla="*/ 1809910 h 2323145"/>
              <a:gd name="connsiteX88" fmla="*/ 6364545 w 11269336"/>
              <a:gd name="connsiteY88" fmla="*/ 1820090 h 2323145"/>
              <a:gd name="connsiteX89" fmla="*/ 6362126 w 11269336"/>
              <a:gd name="connsiteY89" fmla="*/ 1819991 h 2323145"/>
              <a:gd name="connsiteX90" fmla="*/ 6346673 w 11269336"/>
              <a:gd name="connsiteY90" fmla="*/ 1827824 h 2323145"/>
              <a:gd name="connsiteX91" fmla="*/ 6345588 w 11269336"/>
              <a:gd name="connsiteY91" fmla="*/ 1832232 h 2323145"/>
              <a:gd name="connsiteX92" fmla="*/ 6335708 w 11269336"/>
              <a:gd name="connsiteY92" fmla="*/ 1838451 h 2323145"/>
              <a:gd name="connsiteX93" fmla="*/ 6318182 w 11269336"/>
              <a:gd name="connsiteY93" fmla="*/ 1852975 h 2323145"/>
              <a:gd name="connsiteX94" fmla="*/ 6313084 w 11269336"/>
              <a:gd name="connsiteY94" fmla="*/ 1853561 h 2323145"/>
              <a:gd name="connsiteX95" fmla="*/ 6283816 w 11269336"/>
              <a:gd name="connsiteY95" fmla="*/ 1872148 h 2323145"/>
              <a:gd name="connsiteX96" fmla="*/ 6282550 w 11269336"/>
              <a:gd name="connsiteY96" fmla="*/ 1871392 h 2323145"/>
              <a:gd name="connsiteX97" fmla="*/ 6270527 w 11269336"/>
              <a:gd name="connsiteY97" fmla="*/ 1872208 h 2323145"/>
              <a:gd name="connsiteX98" fmla="*/ 6249518 w 11269336"/>
              <a:gd name="connsiteY98" fmla="*/ 1876079 h 2323145"/>
              <a:gd name="connsiteX99" fmla="*/ 6190386 w 11269336"/>
              <a:gd name="connsiteY99" fmla="*/ 1872478 h 2323145"/>
              <a:gd name="connsiteX100" fmla="*/ 6159777 w 11269336"/>
              <a:gd name="connsiteY100" fmla="*/ 1891745 h 2323145"/>
              <a:gd name="connsiteX101" fmla="*/ 6153131 w 11269336"/>
              <a:gd name="connsiteY101" fmla="*/ 1895079 h 2323145"/>
              <a:gd name="connsiteX102" fmla="*/ 6152798 w 11269336"/>
              <a:gd name="connsiteY102" fmla="*/ 1894920 h 2323145"/>
              <a:gd name="connsiteX103" fmla="*/ 6145388 w 11269336"/>
              <a:gd name="connsiteY103" fmla="*/ 1897990 h 2323145"/>
              <a:gd name="connsiteX104" fmla="*/ 6141014 w 11269336"/>
              <a:gd name="connsiteY104" fmla="*/ 1901155 h 2323145"/>
              <a:gd name="connsiteX105" fmla="*/ 6128122 w 11269336"/>
              <a:gd name="connsiteY105" fmla="*/ 1907623 h 2323145"/>
              <a:gd name="connsiteX106" fmla="*/ 6122351 w 11269336"/>
              <a:gd name="connsiteY106" fmla="*/ 1908359 h 2323145"/>
              <a:gd name="connsiteX107" fmla="*/ 6064750 w 11269336"/>
              <a:gd name="connsiteY107" fmla="*/ 1896394 h 2323145"/>
              <a:gd name="connsiteX108" fmla="*/ 5964230 w 11269336"/>
              <a:gd name="connsiteY108" fmla="*/ 1910038 h 2323145"/>
              <a:gd name="connsiteX109" fmla="*/ 5865399 w 11269336"/>
              <a:gd name="connsiteY109" fmla="*/ 1926966 h 2323145"/>
              <a:gd name="connsiteX110" fmla="*/ 5829951 w 11269336"/>
              <a:gd name="connsiteY110" fmla="*/ 1934755 h 2323145"/>
              <a:gd name="connsiteX111" fmla="*/ 5765285 w 11269336"/>
              <a:gd name="connsiteY111" fmla="*/ 1941322 h 2323145"/>
              <a:gd name="connsiteX112" fmla="*/ 5734750 w 11269336"/>
              <a:gd name="connsiteY112" fmla="*/ 1939793 h 2323145"/>
              <a:gd name="connsiteX113" fmla="*/ 5733569 w 11269336"/>
              <a:gd name="connsiteY113" fmla="*/ 1940505 h 2323145"/>
              <a:gd name="connsiteX114" fmla="*/ 5730329 w 11269336"/>
              <a:gd name="connsiteY114" fmla="*/ 1937845 h 2323145"/>
              <a:gd name="connsiteX115" fmla="*/ 5724661 w 11269336"/>
              <a:gd name="connsiteY115" fmla="*/ 1937455 h 2323145"/>
              <a:gd name="connsiteX116" fmla="*/ 5710186 w 11269336"/>
              <a:gd name="connsiteY116" fmla="*/ 1941370 h 2323145"/>
              <a:gd name="connsiteX117" fmla="*/ 5704910 w 11269336"/>
              <a:gd name="connsiteY117" fmla="*/ 1943663 h 2323145"/>
              <a:gd name="connsiteX118" fmla="*/ 5696836 w 11269336"/>
              <a:gd name="connsiteY118" fmla="*/ 1945271 h 2323145"/>
              <a:gd name="connsiteX119" fmla="*/ 5696583 w 11269336"/>
              <a:gd name="connsiteY119" fmla="*/ 1945050 h 2323145"/>
              <a:gd name="connsiteX120" fmla="*/ 5689123 w 11269336"/>
              <a:gd name="connsiteY120" fmla="*/ 1947067 h 2323145"/>
              <a:gd name="connsiteX121" fmla="*/ 5653291 w 11269336"/>
              <a:gd name="connsiteY121" fmla="*/ 1960245 h 2323145"/>
              <a:gd name="connsiteX122" fmla="*/ 5599385 w 11269336"/>
              <a:gd name="connsiteY122" fmla="*/ 1945198 h 2323145"/>
              <a:gd name="connsiteX123" fmla="*/ 5578300 w 11269336"/>
              <a:gd name="connsiteY123" fmla="*/ 1944963 h 2323145"/>
              <a:gd name="connsiteX124" fmla="*/ 5566758 w 11269336"/>
              <a:gd name="connsiteY124" fmla="*/ 1943441 h 2323145"/>
              <a:gd name="connsiteX125" fmla="*/ 5565857 w 11269336"/>
              <a:gd name="connsiteY125" fmla="*/ 1942445 h 2323145"/>
              <a:gd name="connsiteX126" fmla="*/ 5531534 w 11269336"/>
              <a:gd name="connsiteY126" fmla="*/ 1955208 h 2323145"/>
              <a:gd name="connsiteX127" fmla="*/ 5526552 w 11269336"/>
              <a:gd name="connsiteY127" fmla="*/ 1954799 h 2323145"/>
              <a:gd name="connsiteX128" fmla="*/ 5504723 w 11269336"/>
              <a:gd name="connsiteY128" fmla="*/ 1965811 h 2323145"/>
              <a:gd name="connsiteX129" fmla="*/ 5493156 w 11269336"/>
              <a:gd name="connsiteY129" fmla="*/ 1970063 h 2323145"/>
              <a:gd name="connsiteX130" fmla="*/ 5490486 w 11269336"/>
              <a:gd name="connsiteY130" fmla="*/ 1974227 h 2323145"/>
              <a:gd name="connsiteX131" fmla="*/ 5473107 w 11269336"/>
              <a:gd name="connsiteY131" fmla="*/ 1979001 h 2323145"/>
              <a:gd name="connsiteX132" fmla="*/ 5470885 w 11269336"/>
              <a:gd name="connsiteY132" fmla="*/ 1978432 h 2323145"/>
              <a:gd name="connsiteX133" fmla="*/ 5457393 w 11269336"/>
              <a:gd name="connsiteY133" fmla="*/ 1986525 h 2323145"/>
              <a:gd name="connsiteX134" fmla="*/ 5447102 w 11269336"/>
              <a:gd name="connsiteY134" fmla="*/ 1998329 h 2323145"/>
              <a:gd name="connsiteX135" fmla="*/ 5159151 w 11269336"/>
              <a:gd name="connsiteY135" fmla="*/ 2029640 h 2323145"/>
              <a:gd name="connsiteX136" fmla="*/ 5041688 w 11269336"/>
              <a:gd name="connsiteY136" fmla="*/ 2022334 h 2323145"/>
              <a:gd name="connsiteX137" fmla="*/ 4860988 w 11269336"/>
              <a:gd name="connsiteY137" fmla="*/ 2135698 h 2323145"/>
              <a:gd name="connsiteX138" fmla="*/ 4807902 w 11269336"/>
              <a:gd name="connsiteY138" fmla="*/ 2138894 h 2323145"/>
              <a:gd name="connsiteX139" fmla="*/ 4765388 w 11269336"/>
              <a:gd name="connsiteY139" fmla="*/ 2162525 h 2323145"/>
              <a:gd name="connsiteX140" fmla="*/ 4745033 w 11269336"/>
              <a:gd name="connsiteY140" fmla="*/ 2158859 h 2323145"/>
              <a:gd name="connsiteX141" fmla="*/ 4741475 w 11269336"/>
              <a:gd name="connsiteY141" fmla="*/ 2157998 h 2323145"/>
              <a:gd name="connsiteX142" fmla="*/ 4728247 w 11269336"/>
              <a:gd name="connsiteY142" fmla="*/ 2159526 h 2323145"/>
              <a:gd name="connsiteX143" fmla="*/ 4723263 w 11269336"/>
              <a:gd name="connsiteY143" fmla="*/ 2153742 h 2323145"/>
              <a:gd name="connsiteX144" fmla="*/ 4702453 w 11269336"/>
              <a:gd name="connsiteY144" fmla="*/ 2151586 h 2323145"/>
              <a:gd name="connsiteX145" fmla="*/ 4678455 w 11269336"/>
              <a:gd name="connsiteY145" fmla="*/ 2156131 h 2323145"/>
              <a:gd name="connsiteX146" fmla="*/ 4593061 w 11269336"/>
              <a:gd name="connsiteY146" fmla="*/ 2171597 h 2323145"/>
              <a:gd name="connsiteX147" fmla="*/ 4579902 w 11269336"/>
              <a:gd name="connsiteY147" fmla="*/ 2177927 h 2323145"/>
              <a:gd name="connsiteX148" fmla="*/ 4533444 w 11269336"/>
              <a:gd name="connsiteY148" fmla="*/ 2181200 h 2323145"/>
              <a:gd name="connsiteX149" fmla="*/ 4492832 w 11269336"/>
              <a:gd name="connsiteY149" fmla="*/ 2188033 h 2323145"/>
              <a:gd name="connsiteX150" fmla="*/ 4467257 w 11269336"/>
              <a:gd name="connsiteY150" fmla="*/ 2196121 h 2323145"/>
              <a:gd name="connsiteX151" fmla="*/ 4459937 w 11269336"/>
              <a:gd name="connsiteY151" fmla="*/ 2195182 h 2323145"/>
              <a:gd name="connsiteX152" fmla="*/ 4433312 w 11269336"/>
              <a:gd name="connsiteY152" fmla="*/ 2199004 h 2323145"/>
              <a:gd name="connsiteX153" fmla="*/ 4420601 w 11269336"/>
              <a:gd name="connsiteY153" fmla="*/ 2205158 h 2323145"/>
              <a:gd name="connsiteX154" fmla="*/ 4405765 w 11269336"/>
              <a:gd name="connsiteY154" fmla="*/ 2199902 h 2323145"/>
              <a:gd name="connsiteX155" fmla="*/ 4401354 w 11269336"/>
              <a:gd name="connsiteY155" fmla="*/ 2194745 h 2323145"/>
              <a:gd name="connsiteX156" fmla="*/ 4383151 w 11269336"/>
              <a:gd name="connsiteY156" fmla="*/ 2201140 h 2323145"/>
              <a:gd name="connsiteX157" fmla="*/ 4366646 w 11269336"/>
              <a:gd name="connsiteY157" fmla="*/ 2198564 h 2323145"/>
              <a:gd name="connsiteX158" fmla="*/ 4354009 w 11269336"/>
              <a:gd name="connsiteY158" fmla="*/ 2204984 h 2323145"/>
              <a:gd name="connsiteX159" fmla="*/ 4348284 w 11269336"/>
              <a:gd name="connsiteY159" fmla="*/ 2205270 h 2323145"/>
              <a:gd name="connsiteX160" fmla="*/ 4333906 w 11269336"/>
              <a:gd name="connsiteY160" fmla="*/ 2205251 h 2323145"/>
              <a:gd name="connsiteX161" fmla="*/ 4308819 w 11269336"/>
              <a:gd name="connsiteY161" fmla="*/ 2203822 h 2323145"/>
              <a:gd name="connsiteX162" fmla="*/ 4301210 w 11269336"/>
              <a:gd name="connsiteY162" fmla="*/ 2204456 h 2323145"/>
              <a:gd name="connsiteX163" fmla="*/ 4283095 w 11269336"/>
              <a:gd name="connsiteY163" fmla="*/ 2198177 h 2323145"/>
              <a:gd name="connsiteX164" fmla="*/ 4250119 w 11269336"/>
              <a:gd name="connsiteY164" fmla="*/ 2196342 h 2323145"/>
              <a:gd name="connsiteX165" fmla="*/ 4189203 w 11269336"/>
              <a:gd name="connsiteY165" fmla="*/ 2178994 h 2323145"/>
              <a:gd name="connsiteX166" fmla="*/ 4154035 w 11269336"/>
              <a:gd name="connsiteY166" fmla="*/ 2171950 h 2323145"/>
              <a:gd name="connsiteX167" fmla="*/ 4129569 w 11269336"/>
              <a:gd name="connsiteY167" fmla="*/ 2163850 h 2323145"/>
              <a:gd name="connsiteX168" fmla="*/ 4061250 w 11269336"/>
              <a:gd name="connsiteY168" fmla="*/ 2159236 h 2323145"/>
              <a:gd name="connsiteX169" fmla="*/ 3945480 w 11269336"/>
              <a:gd name="connsiteY169" fmla="*/ 2158279 h 2323145"/>
              <a:gd name="connsiteX170" fmla="*/ 3921468 w 11269336"/>
              <a:gd name="connsiteY170" fmla="*/ 2156588 h 2323145"/>
              <a:gd name="connsiteX171" fmla="*/ 3903348 w 11269336"/>
              <a:gd name="connsiteY171" fmla="*/ 2149220 h 2323145"/>
              <a:gd name="connsiteX172" fmla="*/ 3901342 w 11269336"/>
              <a:gd name="connsiteY172" fmla="*/ 2142355 h 2323145"/>
              <a:gd name="connsiteX173" fmla="*/ 3888539 w 11269336"/>
              <a:gd name="connsiteY173" fmla="*/ 2140476 h 2323145"/>
              <a:gd name="connsiteX174" fmla="*/ 3885662 w 11269336"/>
              <a:gd name="connsiteY174" fmla="*/ 2138740 h 2323145"/>
              <a:gd name="connsiteX175" fmla="*/ 3868627 w 11269336"/>
              <a:gd name="connsiteY175" fmla="*/ 2130023 h 2323145"/>
              <a:gd name="connsiteX176" fmla="*/ 3819177 w 11269336"/>
              <a:gd name="connsiteY176" fmla="*/ 2142111 h 2323145"/>
              <a:gd name="connsiteX177" fmla="*/ 3769100 w 11269336"/>
              <a:gd name="connsiteY177" fmla="*/ 2131731 h 2323145"/>
              <a:gd name="connsiteX178" fmla="*/ 3562752 w 11269336"/>
              <a:gd name="connsiteY178" fmla="*/ 2131785 h 2323145"/>
              <a:gd name="connsiteX179" fmla="*/ 3541402 w 11269336"/>
              <a:gd name="connsiteY179" fmla="*/ 2106821 h 2323145"/>
              <a:gd name="connsiteX180" fmla="*/ 3365341 w 11269336"/>
              <a:gd name="connsiteY180" fmla="*/ 2077638 h 2323145"/>
              <a:gd name="connsiteX181" fmla="*/ 3170922 w 11269336"/>
              <a:gd name="connsiteY181" fmla="*/ 2115957 h 2323145"/>
              <a:gd name="connsiteX182" fmla="*/ 3156256 w 11269336"/>
              <a:gd name="connsiteY182" fmla="*/ 2124773 h 2323145"/>
              <a:gd name="connsiteX183" fmla="*/ 3140298 w 11269336"/>
              <a:gd name="connsiteY183" fmla="*/ 2129182 h 2323145"/>
              <a:gd name="connsiteX184" fmla="*/ 3138514 w 11269336"/>
              <a:gd name="connsiteY184" fmla="*/ 2128069 h 2323145"/>
              <a:gd name="connsiteX185" fmla="*/ 3120467 w 11269336"/>
              <a:gd name="connsiteY185" fmla="*/ 2128281 h 2323145"/>
              <a:gd name="connsiteX186" fmla="*/ 3116175 w 11269336"/>
              <a:gd name="connsiteY186" fmla="*/ 2131633 h 2323145"/>
              <a:gd name="connsiteX187" fmla="*/ 3103685 w 11269336"/>
              <a:gd name="connsiteY187" fmla="*/ 2132814 h 2323145"/>
              <a:gd name="connsiteX188" fmla="*/ 3078794 w 11269336"/>
              <a:gd name="connsiteY188" fmla="*/ 2137935 h 2323145"/>
              <a:gd name="connsiteX189" fmla="*/ 3074407 w 11269336"/>
              <a:gd name="connsiteY189" fmla="*/ 2136274 h 2323145"/>
              <a:gd name="connsiteX190" fmla="*/ 3037285 w 11269336"/>
              <a:gd name="connsiteY190" fmla="*/ 2139919 h 2323145"/>
              <a:gd name="connsiteX191" fmla="*/ 3036901 w 11269336"/>
              <a:gd name="connsiteY191" fmla="*/ 2138726 h 2323145"/>
              <a:gd name="connsiteX192" fmla="*/ 3026996 w 11269336"/>
              <a:gd name="connsiteY192" fmla="*/ 2134322 h 2323145"/>
              <a:gd name="connsiteX193" fmla="*/ 3007772 w 11269336"/>
              <a:gd name="connsiteY193" fmla="*/ 2128742 h 2323145"/>
              <a:gd name="connsiteX194" fmla="*/ 2965030 w 11269336"/>
              <a:gd name="connsiteY194" fmla="*/ 2100494 h 2323145"/>
              <a:gd name="connsiteX195" fmla="*/ 2926342 w 11269336"/>
              <a:gd name="connsiteY195" fmla="*/ 2104155 h 2323145"/>
              <a:gd name="connsiteX196" fmla="*/ 2918608 w 11269336"/>
              <a:gd name="connsiteY196" fmla="*/ 2104215 h 2323145"/>
              <a:gd name="connsiteX197" fmla="*/ 2918475 w 11269336"/>
              <a:gd name="connsiteY197" fmla="*/ 2103937 h 2323145"/>
              <a:gd name="connsiteX198" fmla="*/ 2910360 w 11269336"/>
              <a:gd name="connsiteY198" fmla="*/ 2103444 h 2323145"/>
              <a:gd name="connsiteX199" fmla="*/ 2904507 w 11269336"/>
              <a:gd name="connsiteY199" fmla="*/ 2104326 h 2323145"/>
              <a:gd name="connsiteX200" fmla="*/ 2889503 w 11269336"/>
              <a:gd name="connsiteY200" fmla="*/ 2104443 h 2323145"/>
              <a:gd name="connsiteX201" fmla="*/ 2884480 w 11269336"/>
              <a:gd name="connsiteY201" fmla="*/ 2102626 h 2323145"/>
              <a:gd name="connsiteX202" fmla="*/ 2882689 w 11269336"/>
              <a:gd name="connsiteY202" fmla="*/ 2099228 h 2323145"/>
              <a:gd name="connsiteX203" fmla="*/ 2881291 w 11269336"/>
              <a:gd name="connsiteY203" fmla="*/ 2099618 h 2323145"/>
              <a:gd name="connsiteX204" fmla="*/ 2853979 w 11269336"/>
              <a:gd name="connsiteY204" fmla="*/ 2090388 h 2323145"/>
              <a:gd name="connsiteX205" fmla="*/ 2791790 w 11269336"/>
              <a:gd name="connsiteY205" fmla="*/ 2080332 h 2323145"/>
              <a:gd name="connsiteX206" fmla="*/ 2755844 w 11269336"/>
              <a:gd name="connsiteY206" fmla="*/ 2078874 h 2323145"/>
              <a:gd name="connsiteX207" fmla="*/ 2657742 w 11269336"/>
              <a:gd name="connsiteY207" fmla="*/ 2070179 h 2323145"/>
              <a:gd name="connsiteX208" fmla="*/ 2559549 w 11269336"/>
              <a:gd name="connsiteY208" fmla="*/ 2057873 h 2323145"/>
              <a:gd name="connsiteX209" fmla="*/ 2512054 w 11269336"/>
              <a:gd name="connsiteY209" fmla="*/ 2031671 h 2323145"/>
              <a:gd name="connsiteX210" fmla="*/ 2506437 w 11269336"/>
              <a:gd name="connsiteY210" fmla="*/ 2030918 h 2323145"/>
              <a:gd name="connsiteX211" fmla="*/ 2491752 w 11269336"/>
              <a:gd name="connsiteY211" fmla="*/ 2033906 h 2323145"/>
              <a:gd name="connsiteX212" fmla="*/ 2486338 w 11269336"/>
              <a:gd name="connsiteY212" fmla="*/ 2035862 h 2323145"/>
              <a:gd name="connsiteX213" fmla="*/ 2478186 w 11269336"/>
              <a:gd name="connsiteY213" fmla="*/ 2036953 h 2323145"/>
              <a:gd name="connsiteX214" fmla="*/ 2477950 w 11269336"/>
              <a:gd name="connsiteY214" fmla="*/ 2036715 h 2323145"/>
              <a:gd name="connsiteX215" fmla="*/ 2470381 w 11269336"/>
              <a:gd name="connsiteY215" fmla="*/ 2038256 h 2323145"/>
              <a:gd name="connsiteX216" fmla="*/ 2433781 w 11269336"/>
              <a:gd name="connsiteY216" fmla="*/ 2049140 h 2323145"/>
              <a:gd name="connsiteX217" fmla="*/ 2381172 w 11269336"/>
              <a:gd name="connsiteY217" fmla="*/ 2030645 h 2323145"/>
              <a:gd name="connsiteX218" fmla="*/ 2360198 w 11269336"/>
              <a:gd name="connsiteY218" fmla="*/ 2029059 h 2323145"/>
              <a:gd name="connsiteX219" fmla="*/ 2348815 w 11269336"/>
              <a:gd name="connsiteY219" fmla="*/ 2026798 h 2323145"/>
              <a:gd name="connsiteX220" fmla="*/ 2347988 w 11269336"/>
              <a:gd name="connsiteY220" fmla="*/ 2025745 h 2323145"/>
              <a:gd name="connsiteX221" fmla="*/ 2312920 w 11269336"/>
              <a:gd name="connsiteY221" fmla="*/ 2036311 h 2323145"/>
              <a:gd name="connsiteX222" fmla="*/ 2307986 w 11269336"/>
              <a:gd name="connsiteY222" fmla="*/ 2035583 h 2323145"/>
              <a:gd name="connsiteX223" fmla="*/ 2285481 w 11269336"/>
              <a:gd name="connsiteY223" fmla="*/ 2045197 h 2323145"/>
              <a:gd name="connsiteX224" fmla="*/ 2273666 w 11269336"/>
              <a:gd name="connsiteY224" fmla="*/ 2048710 h 2323145"/>
              <a:gd name="connsiteX225" fmla="*/ 2270719 w 11269336"/>
              <a:gd name="connsiteY225" fmla="*/ 2052702 h 2323145"/>
              <a:gd name="connsiteX226" fmla="*/ 2253080 w 11269336"/>
              <a:gd name="connsiteY226" fmla="*/ 2056363 h 2323145"/>
              <a:gd name="connsiteX227" fmla="*/ 2250906 w 11269336"/>
              <a:gd name="connsiteY227" fmla="*/ 2055654 h 2323145"/>
              <a:gd name="connsiteX228" fmla="*/ 2236905 w 11269336"/>
              <a:gd name="connsiteY228" fmla="*/ 2062882 h 2323145"/>
              <a:gd name="connsiteX229" fmla="*/ 2225830 w 11269336"/>
              <a:gd name="connsiteY229" fmla="*/ 2074027 h 2323145"/>
              <a:gd name="connsiteX230" fmla="*/ 2073776 w 11269336"/>
              <a:gd name="connsiteY230" fmla="*/ 2089244 h 2323145"/>
              <a:gd name="connsiteX231" fmla="*/ 1948256 w 11269336"/>
              <a:gd name="connsiteY231" fmla="*/ 2146616 h 2323145"/>
              <a:gd name="connsiteX232" fmla="*/ 1865582 w 11269336"/>
              <a:gd name="connsiteY232" fmla="*/ 2153738 h 2323145"/>
              <a:gd name="connsiteX233" fmla="*/ 1835210 w 11269336"/>
              <a:gd name="connsiteY233" fmla="*/ 2134244 h 2323145"/>
              <a:gd name="connsiteX234" fmla="*/ 1632661 w 11269336"/>
              <a:gd name="connsiteY234" fmla="*/ 2173882 h 2323145"/>
              <a:gd name="connsiteX235" fmla="*/ 1579590 w 11269336"/>
              <a:gd name="connsiteY235" fmla="*/ 2173680 h 2323145"/>
              <a:gd name="connsiteX236" fmla="*/ 1535601 w 11269336"/>
              <a:gd name="connsiteY236" fmla="*/ 2194590 h 2323145"/>
              <a:gd name="connsiteX237" fmla="*/ 1515594 w 11269336"/>
              <a:gd name="connsiteY237" fmla="*/ 2189622 h 2323145"/>
              <a:gd name="connsiteX238" fmla="*/ 1512113 w 11269336"/>
              <a:gd name="connsiteY238" fmla="*/ 2188534 h 2323145"/>
              <a:gd name="connsiteX239" fmla="*/ 1498838 w 11269336"/>
              <a:gd name="connsiteY239" fmla="*/ 2189213 h 2323145"/>
              <a:gd name="connsiteX240" fmla="*/ 1494279 w 11269336"/>
              <a:gd name="connsiteY240" fmla="*/ 2183112 h 2323145"/>
              <a:gd name="connsiteX241" fmla="*/ 1473714 w 11269336"/>
              <a:gd name="connsiteY241" fmla="*/ 2179625 h 2323145"/>
              <a:gd name="connsiteX242" fmla="*/ 1449503 w 11269336"/>
              <a:gd name="connsiteY242" fmla="*/ 2182633 h 2323145"/>
              <a:gd name="connsiteX243" fmla="*/ 1266687 w 11269336"/>
              <a:gd name="connsiteY243" fmla="*/ 2212688 h 2323145"/>
              <a:gd name="connsiteX244" fmla="*/ 1239614 w 11269336"/>
              <a:gd name="connsiteY244" fmla="*/ 2209727 h 2323145"/>
              <a:gd name="connsiteX245" fmla="*/ 1202436 w 11269336"/>
              <a:gd name="connsiteY245" fmla="*/ 2209817 h 2323145"/>
              <a:gd name="connsiteX246" fmla="*/ 1136097 w 11269336"/>
              <a:gd name="connsiteY246" fmla="*/ 2205112 h 2323145"/>
              <a:gd name="connsiteX247" fmla="*/ 988232 w 11269336"/>
              <a:gd name="connsiteY247" fmla="*/ 2235635 h 2323145"/>
              <a:gd name="connsiteX248" fmla="*/ 981959 w 11269336"/>
              <a:gd name="connsiteY248" fmla="*/ 2231607 h 2323145"/>
              <a:gd name="connsiteX249" fmla="*/ 938600 w 11269336"/>
              <a:gd name="connsiteY249" fmla="*/ 2238113 h 2323145"/>
              <a:gd name="connsiteX250" fmla="*/ 791788 w 11269336"/>
              <a:gd name="connsiteY250" fmla="*/ 2293224 h 2323145"/>
              <a:gd name="connsiteX251" fmla="*/ 706914 w 11269336"/>
              <a:gd name="connsiteY251" fmla="*/ 2305046 h 2323145"/>
              <a:gd name="connsiteX252" fmla="*/ 675971 w 11269336"/>
              <a:gd name="connsiteY252" fmla="*/ 2304030 h 2323145"/>
              <a:gd name="connsiteX253" fmla="*/ 624180 w 11269336"/>
              <a:gd name="connsiteY253" fmla="*/ 2302650 h 2323145"/>
              <a:gd name="connsiteX254" fmla="*/ 583453 w 11269336"/>
              <a:gd name="connsiteY254" fmla="*/ 2288788 h 2323145"/>
              <a:gd name="connsiteX255" fmla="*/ 540946 w 11269336"/>
              <a:gd name="connsiteY255" fmla="*/ 2292721 h 2323145"/>
              <a:gd name="connsiteX256" fmla="*/ 533680 w 11269336"/>
              <a:gd name="connsiteY256" fmla="*/ 2310233 h 2323145"/>
              <a:gd name="connsiteX257" fmla="*/ 487366 w 11269336"/>
              <a:gd name="connsiteY257" fmla="*/ 2309053 h 2323145"/>
              <a:gd name="connsiteX258" fmla="*/ 416820 w 11269336"/>
              <a:gd name="connsiteY258" fmla="*/ 2305443 h 2323145"/>
              <a:gd name="connsiteX259" fmla="*/ 376805 w 11269336"/>
              <a:gd name="connsiteY259" fmla="*/ 2307647 h 2323145"/>
              <a:gd name="connsiteX260" fmla="*/ 266777 w 11269336"/>
              <a:gd name="connsiteY260" fmla="*/ 2309012 h 2323145"/>
              <a:gd name="connsiteX261" fmla="*/ 156013 w 11269336"/>
              <a:gd name="connsiteY261" fmla="*/ 2306832 h 2323145"/>
              <a:gd name="connsiteX262" fmla="*/ 87258 w 11269336"/>
              <a:gd name="connsiteY262" fmla="*/ 2285511 h 2323145"/>
              <a:gd name="connsiteX263" fmla="*/ 23798 w 11269336"/>
              <a:gd name="connsiteY263" fmla="*/ 2281822 h 2323145"/>
              <a:gd name="connsiteX264" fmla="*/ 0 w 11269336"/>
              <a:gd name="connsiteY264" fmla="*/ 2285369 h 2323145"/>
              <a:gd name="connsiteX265" fmla="*/ 0 w 11269336"/>
              <a:gd name="connsiteY26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028928 w 11269336"/>
              <a:gd name="connsiteY21" fmla="*/ 745350 h 2323145"/>
              <a:gd name="connsiteX22" fmla="*/ 8977138 w 11269336"/>
              <a:gd name="connsiteY22" fmla="*/ 774970 h 2323145"/>
              <a:gd name="connsiteX23" fmla="*/ 8947030 w 11269336"/>
              <a:gd name="connsiteY23" fmla="*/ 814934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882654 w 11269336"/>
              <a:gd name="connsiteY29" fmla="*/ 892768 h 2323145"/>
              <a:gd name="connsiteX30" fmla="*/ 8795998 w 11269336"/>
              <a:gd name="connsiteY30" fmla="*/ 863337 h 2323145"/>
              <a:gd name="connsiteX31" fmla="*/ 8776970 w 11269336"/>
              <a:gd name="connsiteY31" fmla="*/ 885177 h 2323145"/>
              <a:gd name="connsiteX32" fmla="*/ 8755719 w 11269336"/>
              <a:gd name="connsiteY32" fmla="*/ 889754 h 2323145"/>
              <a:gd name="connsiteX33" fmla="*/ 8743257 w 11269336"/>
              <a:gd name="connsiteY33" fmla="*/ 904723 h 2323145"/>
              <a:gd name="connsiteX34" fmla="*/ 8721366 w 11269336"/>
              <a:gd name="connsiteY34" fmla="*/ 904711 h 2323145"/>
              <a:gd name="connsiteX35" fmla="*/ 8678353 w 11269336"/>
              <a:gd name="connsiteY35" fmla="*/ 926318 h 2323145"/>
              <a:gd name="connsiteX36" fmla="*/ 8636849 w 11269336"/>
              <a:gd name="connsiteY36" fmla="*/ 937900 h 2323145"/>
              <a:gd name="connsiteX37" fmla="*/ 8620213 w 11269336"/>
              <a:gd name="connsiteY37" fmla="*/ 943068 h 2323145"/>
              <a:gd name="connsiteX38" fmla="*/ 8612581 w 11269336"/>
              <a:gd name="connsiteY38" fmla="*/ 952695 h 2323145"/>
              <a:gd name="connsiteX39" fmla="*/ 8589038 w 11269336"/>
              <a:gd name="connsiteY39" fmla="*/ 963892 h 2323145"/>
              <a:gd name="connsiteX40" fmla="*/ 8579950 w 11269336"/>
              <a:gd name="connsiteY40" fmla="*/ 960899 h 2323145"/>
              <a:gd name="connsiteX41" fmla="*/ 8579319 w 11269336"/>
              <a:gd name="connsiteY41" fmla="*/ 965630 h 2323145"/>
              <a:gd name="connsiteX42" fmla="*/ 8547429 w 11269336"/>
              <a:gd name="connsiteY42" fmla="*/ 984506 h 2323145"/>
              <a:gd name="connsiteX43" fmla="*/ 8478704 w 11269336"/>
              <a:gd name="connsiteY43" fmla="*/ 1025490 h 2323145"/>
              <a:gd name="connsiteX44" fmla="*/ 8461421 w 11269336"/>
              <a:gd name="connsiteY44" fmla="*/ 1035512 h 2323145"/>
              <a:gd name="connsiteX45" fmla="*/ 8445003 w 11269336"/>
              <a:gd name="connsiteY45" fmla="*/ 1036851 h 2323145"/>
              <a:gd name="connsiteX46" fmla="*/ 8357350 w 11269336"/>
              <a:gd name="connsiteY46" fmla="*/ 1060213 h 2323145"/>
              <a:gd name="connsiteX47" fmla="*/ 8335565 w 11269336"/>
              <a:gd name="connsiteY47" fmla="*/ 1061151 h 2323145"/>
              <a:gd name="connsiteX48" fmla="*/ 8325267 w 11269336"/>
              <a:gd name="connsiteY48" fmla="*/ 1055919 h 2323145"/>
              <a:gd name="connsiteX49" fmla="*/ 8293586 w 11269336"/>
              <a:gd name="connsiteY49" fmla="*/ 1076144 h 2323145"/>
              <a:gd name="connsiteX50" fmla="*/ 8242405 w 11269336"/>
              <a:gd name="connsiteY50" fmla="*/ 1095960 h 2323145"/>
              <a:gd name="connsiteX51" fmla="*/ 8197391 w 11269336"/>
              <a:gd name="connsiteY51" fmla="*/ 1107746 h 2323145"/>
              <a:gd name="connsiteX52" fmla="*/ 8081474 w 11269336"/>
              <a:gd name="connsiteY52" fmla="*/ 1130125 h 2323145"/>
              <a:gd name="connsiteX53" fmla="*/ 8053585 w 11269336"/>
              <a:gd name="connsiteY53" fmla="*/ 1129169 h 2323145"/>
              <a:gd name="connsiteX54" fmla="*/ 8038422 w 11269336"/>
              <a:gd name="connsiteY54" fmla="*/ 1119092 h 2323145"/>
              <a:gd name="connsiteX55" fmla="*/ 8029450 w 11269336"/>
              <a:gd name="connsiteY55" fmla="*/ 1125592 h 2323145"/>
              <a:gd name="connsiteX56" fmla="*/ 7959552 w 11269336"/>
              <a:gd name="connsiteY56" fmla="*/ 1140188 h 2323145"/>
              <a:gd name="connsiteX57" fmla="*/ 7914188 w 11269336"/>
              <a:gd name="connsiteY57" fmla="*/ 1150862 h 2323145"/>
              <a:gd name="connsiteX58" fmla="*/ 7914918 w 11269336"/>
              <a:gd name="connsiteY58" fmla="*/ 1168758 h 2323145"/>
              <a:gd name="connsiteX59" fmla="*/ 7875510 w 11269336"/>
              <a:gd name="connsiteY59" fmla="*/ 1183153 h 2323145"/>
              <a:gd name="connsiteX60" fmla="*/ 7829932 w 11269336"/>
              <a:gd name="connsiteY60" fmla="*/ 1180782 h 2323145"/>
              <a:gd name="connsiteX61" fmla="*/ 7779182 w 11269336"/>
              <a:gd name="connsiteY61" fmla="*/ 1192665 h 2323145"/>
              <a:gd name="connsiteX62" fmla="*/ 7748774 w 11269336"/>
              <a:gd name="connsiteY62" fmla="*/ 1199586 h 2323145"/>
              <a:gd name="connsiteX63" fmla="*/ 7671846 w 11269336"/>
              <a:gd name="connsiteY63" fmla="*/ 1231966 h 2323145"/>
              <a:gd name="connsiteX64" fmla="*/ 7554146 w 11269336"/>
              <a:gd name="connsiteY64" fmla="*/ 1319748 h 2323145"/>
              <a:gd name="connsiteX65" fmla="*/ 7515052 w 11269336"/>
              <a:gd name="connsiteY65" fmla="*/ 1336718 h 2323145"/>
              <a:gd name="connsiteX66" fmla="*/ 7507193 w 11269336"/>
              <a:gd name="connsiteY66" fmla="*/ 1334617 h 2323145"/>
              <a:gd name="connsiteX67" fmla="*/ 7461694 w 11269336"/>
              <a:gd name="connsiteY67" fmla="*/ 1375866 h 2323145"/>
              <a:gd name="connsiteX68" fmla="*/ 7377571 w 11269336"/>
              <a:gd name="connsiteY68" fmla="*/ 1400128 h 2323145"/>
              <a:gd name="connsiteX69" fmla="*/ 7311261 w 11269336"/>
              <a:gd name="connsiteY69" fmla="*/ 1412652 h 2323145"/>
              <a:gd name="connsiteX70" fmla="*/ 7275307 w 11269336"/>
              <a:gd name="connsiteY70" fmla="*/ 1422171 h 2323145"/>
              <a:gd name="connsiteX71" fmla="*/ 7247783 w 11269336"/>
              <a:gd name="connsiteY71" fmla="*/ 1426330 h 2323145"/>
              <a:gd name="connsiteX72" fmla="*/ 7185047 w 11269336"/>
              <a:gd name="connsiteY72" fmla="*/ 1451812 h 2323145"/>
              <a:gd name="connsiteX73" fmla="*/ 7084117 w 11269336"/>
              <a:gd name="connsiteY73" fmla="*/ 1500281 h 2323145"/>
              <a:gd name="connsiteX74" fmla="*/ 7062011 w 11269336"/>
              <a:gd name="connsiteY74" fmla="*/ 1509183 h 2323145"/>
              <a:gd name="connsiteX75" fmla="*/ 7040555 w 11269336"/>
              <a:gd name="connsiteY75" fmla="*/ 1511207 h 2323145"/>
              <a:gd name="connsiteX76" fmla="*/ 7033438 w 11269336"/>
              <a:gd name="connsiteY76" fmla="*/ 1506772 h 2323145"/>
              <a:gd name="connsiteX77" fmla="*/ 7020886 w 11269336"/>
              <a:gd name="connsiteY77" fmla="*/ 1510764 h 2323145"/>
              <a:gd name="connsiteX78" fmla="*/ 7017033 w 11269336"/>
              <a:gd name="connsiteY78" fmla="*/ 1510650 h 2323145"/>
              <a:gd name="connsiteX79" fmla="*/ 6995460 w 11269336"/>
              <a:gd name="connsiteY79" fmla="*/ 1511173 h 2323145"/>
              <a:gd name="connsiteX80" fmla="*/ 6962144 w 11269336"/>
              <a:gd name="connsiteY80" fmla="*/ 1541508 h 2323145"/>
              <a:gd name="connsiteX81" fmla="*/ 6910674 w 11269336"/>
              <a:gd name="connsiteY81" fmla="*/ 1554793 h 2323145"/>
              <a:gd name="connsiteX82" fmla="*/ 6732152 w 11269336"/>
              <a:gd name="connsiteY82" fmla="*/ 1642538 h 2323145"/>
              <a:gd name="connsiteX83" fmla="*/ 6694106 w 11269336"/>
              <a:gd name="connsiteY83" fmla="*/ 1632377 h 2323145"/>
              <a:gd name="connsiteX84" fmla="*/ 6617223 w 11269336"/>
              <a:gd name="connsiteY84" fmla="*/ 1659889 h 2323145"/>
              <a:gd name="connsiteX85" fmla="*/ 6521138 w 11269336"/>
              <a:gd name="connsiteY85" fmla="*/ 1744340 h 2323145"/>
              <a:gd name="connsiteX86" fmla="*/ 6380677 w 11269336"/>
              <a:gd name="connsiteY86" fmla="*/ 1796883 h 2323145"/>
              <a:gd name="connsiteX87" fmla="*/ 6374897 w 11269336"/>
              <a:gd name="connsiteY87" fmla="*/ 1809910 h 2323145"/>
              <a:gd name="connsiteX88" fmla="*/ 6364545 w 11269336"/>
              <a:gd name="connsiteY88" fmla="*/ 1820090 h 2323145"/>
              <a:gd name="connsiteX89" fmla="*/ 6362126 w 11269336"/>
              <a:gd name="connsiteY89" fmla="*/ 1819991 h 2323145"/>
              <a:gd name="connsiteX90" fmla="*/ 6346673 w 11269336"/>
              <a:gd name="connsiteY90" fmla="*/ 1827824 h 2323145"/>
              <a:gd name="connsiteX91" fmla="*/ 6345588 w 11269336"/>
              <a:gd name="connsiteY91" fmla="*/ 1832232 h 2323145"/>
              <a:gd name="connsiteX92" fmla="*/ 6335708 w 11269336"/>
              <a:gd name="connsiteY92" fmla="*/ 1838451 h 2323145"/>
              <a:gd name="connsiteX93" fmla="*/ 6318182 w 11269336"/>
              <a:gd name="connsiteY93" fmla="*/ 1852975 h 2323145"/>
              <a:gd name="connsiteX94" fmla="*/ 6313084 w 11269336"/>
              <a:gd name="connsiteY94" fmla="*/ 1853561 h 2323145"/>
              <a:gd name="connsiteX95" fmla="*/ 6283816 w 11269336"/>
              <a:gd name="connsiteY95" fmla="*/ 1872148 h 2323145"/>
              <a:gd name="connsiteX96" fmla="*/ 6282550 w 11269336"/>
              <a:gd name="connsiteY96" fmla="*/ 1871392 h 2323145"/>
              <a:gd name="connsiteX97" fmla="*/ 6270527 w 11269336"/>
              <a:gd name="connsiteY97" fmla="*/ 1872208 h 2323145"/>
              <a:gd name="connsiteX98" fmla="*/ 6249518 w 11269336"/>
              <a:gd name="connsiteY98" fmla="*/ 1876079 h 2323145"/>
              <a:gd name="connsiteX99" fmla="*/ 6190386 w 11269336"/>
              <a:gd name="connsiteY99" fmla="*/ 1872478 h 2323145"/>
              <a:gd name="connsiteX100" fmla="*/ 6159777 w 11269336"/>
              <a:gd name="connsiteY100" fmla="*/ 1891745 h 2323145"/>
              <a:gd name="connsiteX101" fmla="*/ 6153131 w 11269336"/>
              <a:gd name="connsiteY101" fmla="*/ 1895079 h 2323145"/>
              <a:gd name="connsiteX102" fmla="*/ 6152798 w 11269336"/>
              <a:gd name="connsiteY102" fmla="*/ 1894920 h 2323145"/>
              <a:gd name="connsiteX103" fmla="*/ 6145388 w 11269336"/>
              <a:gd name="connsiteY103" fmla="*/ 1897990 h 2323145"/>
              <a:gd name="connsiteX104" fmla="*/ 6141014 w 11269336"/>
              <a:gd name="connsiteY104" fmla="*/ 1901155 h 2323145"/>
              <a:gd name="connsiteX105" fmla="*/ 6128122 w 11269336"/>
              <a:gd name="connsiteY105" fmla="*/ 1907623 h 2323145"/>
              <a:gd name="connsiteX106" fmla="*/ 6122351 w 11269336"/>
              <a:gd name="connsiteY106" fmla="*/ 1908359 h 2323145"/>
              <a:gd name="connsiteX107" fmla="*/ 6064750 w 11269336"/>
              <a:gd name="connsiteY107" fmla="*/ 1896394 h 2323145"/>
              <a:gd name="connsiteX108" fmla="*/ 5964230 w 11269336"/>
              <a:gd name="connsiteY108" fmla="*/ 1910038 h 2323145"/>
              <a:gd name="connsiteX109" fmla="*/ 5865399 w 11269336"/>
              <a:gd name="connsiteY109" fmla="*/ 1926966 h 2323145"/>
              <a:gd name="connsiteX110" fmla="*/ 5829951 w 11269336"/>
              <a:gd name="connsiteY110" fmla="*/ 1934755 h 2323145"/>
              <a:gd name="connsiteX111" fmla="*/ 5765285 w 11269336"/>
              <a:gd name="connsiteY111" fmla="*/ 1941322 h 2323145"/>
              <a:gd name="connsiteX112" fmla="*/ 5734750 w 11269336"/>
              <a:gd name="connsiteY112" fmla="*/ 1939793 h 2323145"/>
              <a:gd name="connsiteX113" fmla="*/ 5733569 w 11269336"/>
              <a:gd name="connsiteY113" fmla="*/ 1940505 h 2323145"/>
              <a:gd name="connsiteX114" fmla="*/ 5730329 w 11269336"/>
              <a:gd name="connsiteY114" fmla="*/ 1937845 h 2323145"/>
              <a:gd name="connsiteX115" fmla="*/ 5724661 w 11269336"/>
              <a:gd name="connsiteY115" fmla="*/ 1937455 h 2323145"/>
              <a:gd name="connsiteX116" fmla="*/ 5710186 w 11269336"/>
              <a:gd name="connsiteY116" fmla="*/ 1941370 h 2323145"/>
              <a:gd name="connsiteX117" fmla="*/ 5704910 w 11269336"/>
              <a:gd name="connsiteY117" fmla="*/ 1943663 h 2323145"/>
              <a:gd name="connsiteX118" fmla="*/ 5696836 w 11269336"/>
              <a:gd name="connsiteY118" fmla="*/ 1945271 h 2323145"/>
              <a:gd name="connsiteX119" fmla="*/ 5696583 w 11269336"/>
              <a:gd name="connsiteY119" fmla="*/ 1945050 h 2323145"/>
              <a:gd name="connsiteX120" fmla="*/ 5689123 w 11269336"/>
              <a:gd name="connsiteY120" fmla="*/ 1947067 h 2323145"/>
              <a:gd name="connsiteX121" fmla="*/ 5653291 w 11269336"/>
              <a:gd name="connsiteY121" fmla="*/ 1960245 h 2323145"/>
              <a:gd name="connsiteX122" fmla="*/ 5599385 w 11269336"/>
              <a:gd name="connsiteY122" fmla="*/ 1945198 h 2323145"/>
              <a:gd name="connsiteX123" fmla="*/ 5578300 w 11269336"/>
              <a:gd name="connsiteY123" fmla="*/ 1944963 h 2323145"/>
              <a:gd name="connsiteX124" fmla="*/ 5566758 w 11269336"/>
              <a:gd name="connsiteY124" fmla="*/ 1943441 h 2323145"/>
              <a:gd name="connsiteX125" fmla="*/ 5565857 w 11269336"/>
              <a:gd name="connsiteY125" fmla="*/ 1942445 h 2323145"/>
              <a:gd name="connsiteX126" fmla="*/ 5531534 w 11269336"/>
              <a:gd name="connsiteY126" fmla="*/ 1955208 h 2323145"/>
              <a:gd name="connsiteX127" fmla="*/ 5526552 w 11269336"/>
              <a:gd name="connsiteY127" fmla="*/ 1954799 h 2323145"/>
              <a:gd name="connsiteX128" fmla="*/ 5504723 w 11269336"/>
              <a:gd name="connsiteY128" fmla="*/ 1965811 h 2323145"/>
              <a:gd name="connsiteX129" fmla="*/ 5493156 w 11269336"/>
              <a:gd name="connsiteY129" fmla="*/ 1970063 h 2323145"/>
              <a:gd name="connsiteX130" fmla="*/ 5490486 w 11269336"/>
              <a:gd name="connsiteY130" fmla="*/ 1974227 h 2323145"/>
              <a:gd name="connsiteX131" fmla="*/ 5473107 w 11269336"/>
              <a:gd name="connsiteY131" fmla="*/ 1979001 h 2323145"/>
              <a:gd name="connsiteX132" fmla="*/ 5470885 w 11269336"/>
              <a:gd name="connsiteY132" fmla="*/ 1978432 h 2323145"/>
              <a:gd name="connsiteX133" fmla="*/ 5457393 w 11269336"/>
              <a:gd name="connsiteY133" fmla="*/ 1986525 h 2323145"/>
              <a:gd name="connsiteX134" fmla="*/ 5447102 w 11269336"/>
              <a:gd name="connsiteY134" fmla="*/ 1998329 h 2323145"/>
              <a:gd name="connsiteX135" fmla="*/ 5159151 w 11269336"/>
              <a:gd name="connsiteY135" fmla="*/ 2029640 h 2323145"/>
              <a:gd name="connsiteX136" fmla="*/ 5041688 w 11269336"/>
              <a:gd name="connsiteY136" fmla="*/ 2022334 h 2323145"/>
              <a:gd name="connsiteX137" fmla="*/ 4860988 w 11269336"/>
              <a:gd name="connsiteY137" fmla="*/ 2135698 h 2323145"/>
              <a:gd name="connsiteX138" fmla="*/ 4807902 w 11269336"/>
              <a:gd name="connsiteY138" fmla="*/ 2138894 h 2323145"/>
              <a:gd name="connsiteX139" fmla="*/ 4765388 w 11269336"/>
              <a:gd name="connsiteY139" fmla="*/ 2162525 h 2323145"/>
              <a:gd name="connsiteX140" fmla="*/ 4745033 w 11269336"/>
              <a:gd name="connsiteY140" fmla="*/ 2158859 h 2323145"/>
              <a:gd name="connsiteX141" fmla="*/ 4741475 w 11269336"/>
              <a:gd name="connsiteY141" fmla="*/ 2157998 h 2323145"/>
              <a:gd name="connsiteX142" fmla="*/ 4728247 w 11269336"/>
              <a:gd name="connsiteY142" fmla="*/ 2159526 h 2323145"/>
              <a:gd name="connsiteX143" fmla="*/ 4723263 w 11269336"/>
              <a:gd name="connsiteY143" fmla="*/ 2153742 h 2323145"/>
              <a:gd name="connsiteX144" fmla="*/ 4702453 w 11269336"/>
              <a:gd name="connsiteY144" fmla="*/ 2151586 h 2323145"/>
              <a:gd name="connsiteX145" fmla="*/ 4678455 w 11269336"/>
              <a:gd name="connsiteY145" fmla="*/ 2156131 h 2323145"/>
              <a:gd name="connsiteX146" fmla="*/ 4593061 w 11269336"/>
              <a:gd name="connsiteY146" fmla="*/ 2171597 h 2323145"/>
              <a:gd name="connsiteX147" fmla="*/ 4579902 w 11269336"/>
              <a:gd name="connsiteY147" fmla="*/ 2177927 h 2323145"/>
              <a:gd name="connsiteX148" fmla="*/ 4533444 w 11269336"/>
              <a:gd name="connsiteY148" fmla="*/ 2181200 h 2323145"/>
              <a:gd name="connsiteX149" fmla="*/ 4492832 w 11269336"/>
              <a:gd name="connsiteY149" fmla="*/ 2188033 h 2323145"/>
              <a:gd name="connsiteX150" fmla="*/ 4467257 w 11269336"/>
              <a:gd name="connsiteY150" fmla="*/ 2196121 h 2323145"/>
              <a:gd name="connsiteX151" fmla="*/ 4459937 w 11269336"/>
              <a:gd name="connsiteY151" fmla="*/ 2195182 h 2323145"/>
              <a:gd name="connsiteX152" fmla="*/ 4433312 w 11269336"/>
              <a:gd name="connsiteY152" fmla="*/ 2199004 h 2323145"/>
              <a:gd name="connsiteX153" fmla="*/ 4420601 w 11269336"/>
              <a:gd name="connsiteY153" fmla="*/ 2205158 h 2323145"/>
              <a:gd name="connsiteX154" fmla="*/ 4405765 w 11269336"/>
              <a:gd name="connsiteY154" fmla="*/ 2199902 h 2323145"/>
              <a:gd name="connsiteX155" fmla="*/ 4401354 w 11269336"/>
              <a:gd name="connsiteY155" fmla="*/ 2194745 h 2323145"/>
              <a:gd name="connsiteX156" fmla="*/ 4383151 w 11269336"/>
              <a:gd name="connsiteY156" fmla="*/ 2201140 h 2323145"/>
              <a:gd name="connsiteX157" fmla="*/ 4366646 w 11269336"/>
              <a:gd name="connsiteY157" fmla="*/ 2198564 h 2323145"/>
              <a:gd name="connsiteX158" fmla="*/ 4354009 w 11269336"/>
              <a:gd name="connsiteY158" fmla="*/ 2204984 h 2323145"/>
              <a:gd name="connsiteX159" fmla="*/ 4348284 w 11269336"/>
              <a:gd name="connsiteY159" fmla="*/ 2205270 h 2323145"/>
              <a:gd name="connsiteX160" fmla="*/ 4333906 w 11269336"/>
              <a:gd name="connsiteY160" fmla="*/ 2205251 h 2323145"/>
              <a:gd name="connsiteX161" fmla="*/ 4308819 w 11269336"/>
              <a:gd name="connsiteY161" fmla="*/ 2203822 h 2323145"/>
              <a:gd name="connsiteX162" fmla="*/ 4301210 w 11269336"/>
              <a:gd name="connsiteY162" fmla="*/ 2204456 h 2323145"/>
              <a:gd name="connsiteX163" fmla="*/ 4283095 w 11269336"/>
              <a:gd name="connsiteY163" fmla="*/ 2198177 h 2323145"/>
              <a:gd name="connsiteX164" fmla="*/ 4250119 w 11269336"/>
              <a:gd name="connsiteY164" fmla="*/ 2196342 h 2323145"/>
              <a:gd name="connsiteX165" fmla="*/ 4189203 w 11269336"/>
              <a:gd name="connsiteY165" fmla="*/ 2178994 h 2323145"/>
              <a:gd name="connsiteX166" fmla="*/ 4154035 w 11269336"/>
              <a:gd name="connsiteY166" fmla="*/ 2171950 h 2323145"/>
              <a:gd name="connsiteX167" fmla="*/ 4129569 w 11269336"/>
              <a:gd name="connsiteY167" fmla="*/ 2163850 h 2323145"/>
              <a:gd name="connsiteX168" fmla="*/ 4061250 w 11269336"/>
              <a:gd name="connsiteY168" fmla="*/ 2159236 h 2323145"/>
              <a:gd name="connsiteX169" fmla="*/ 3945480 w 11269336"/>
              <a:gd name="connsiteY169" fmla="*/ 2158279 h 2323145"/>
              <a:gd name="connsiteX170" fmla="*/ 3921468 w 11269336"/>
              <a:gd name="connsiteY170" fmla="*/ 2156588 h 2323145"/>
              <a:gd name="connsiteX171" fmla="*/ 3903348 w 11269336"/>
              <a:gd name="connsiteY171" fmla="*/ 2149220 h 2323145"/>
              <a:gd name="connsiteX172" fmla="*/ 3901342 w 11269336"/>
              <a:gd name="connsiteY172" fmla="*/ 2142355 h 2323145"/>
              <a:gd name="connsiteX173" fmla="*/ 3888539 w 11269336"/>
              <a:gd name="connsiteY173" fmla="*/ 2140476 h 2323145"/>
              <a:gd name="connsiteX174" fmla="*/ 3885662 w 11269336"/>
              <a:gd name="connsiteY174" fmla="*/ 2138740 h 2323145"/>
              <a:gd name="connsiteX175" fmla="*/ 3868627 w 11269336"/>
              <a:gd name="connsiteY175" fmla="*/ 2130023 h 2323145"/>
              <a:gd name="connsiteX176" fmla="*/ 3819177 w 11269336"/>
              <a:gd name="connsiteY176" fmla="*/ 2142111 h 2323145"/>
              <a:gd name="connsiteX177" fmla="*/ 3769100 w 11269336"/>
              <a:gd name="connsiteY177" fmla="*/ 2131731 h 2323145"/>
              <a:gd name="connsiteX178" fmla="*/ 3562752 w 11269336"/>
              <a:gd name="connsiteY178" fmla="*/ 2131785 h 2323145"/>
              <a:gd name="connsiteX179" fmla="*/ 3541402 w 11269336"/>
              <a:gd name="connsiteY179" fmla="*/ 2106821 h 2323145"/>
              <a:gd name="connsiteX180" fmla="*/ 3365341 w 11269336"/>
              <a:gd name="connsiteY180" fmla="*/ 2077638 h 2323145"/>
              <a:gd name="connsiteX181" fmla="*/ 3170922 w 11269336"/>
              <a:gd name="connsiteY181" fmla="*/ 2115957 h 2323145"/>
              <a:gd name="connsiteX182" fmla="*/ 3156256 w 11269336"/>
              <a:gd name="connsiteY182" fmla="*/ 2124773 h 2323145"/>
              <a:gd name="connsiteX183" fmla="*/ 3140298 w 11269336"/>
              <a:gd name="connsiteY183" fmla="*/ 2129182 h 2323145"/>
              <a:gd name="connsiteX184" fmla="*/ 3138514 w 11269336"/>
              <a:gd name="connsiteY184" fmla="*/ 2128069 h 2323145"/>
              <a:gd name="connsiteX185" fmla="*/ 3120467 w 11269336"/>
              <a:gd name="connsiteY185" fmla="*/ 2128281 h 2323145"/>
              <a:gd name="connsiteX186" fmla="*/ 3116175 w 11269336"/>
              <a:gd name="connsiteY186" fmla="*/ 2131633 h 2323145"/>
              <a:gd name="connsiteX187" fmla="*/ 3103685 w 11269336"/>
              <a:gd name="connsiteY187" fmla="*/ 2132814 h 2323145"/>
              <a:gd name="connsiteX188" fmla="*/ 3078794 w 11269336"/>
              <a:gd name="connsiteY188" fmla="*/ 2137935 h 2323145"/>
              <a:gd name="connsiteX189" fmla="*/ 3074407 w 11269336"/>
              <a:gd name="connsiteY189" fmla="*/ 2136274 h 2323145"/>
              <a:gd name="connsiteX190" fmla="*/ 3037285 w 11269336"/>
              <a:gd name="connsiteY190" fmla="*/ 2139919 h 2323145"/>
              <a:gd name="connsiteX191" fmla="*/ 3036901 w 11269336"/>
              <a:gd name="connsiteY191" fmla="*/ 2138726 h 2323145"/>
              <a:gd name="connsiteX192" fmla="*/ 3026996 w 11269336"/>
              <a:gd name="connsiteY192" fmla="*/ 2134322 h 2323145"/>
              <a:gd name="connsiteX193" fmla="*/ 3007772 w 11269336"/>
              <a:gd name="connsiteY193" fmla="*/ 2128742 h 2323145"/>
              <a:gd name="connsiteX194" fmla="*/ 2965030 w 11269336"/>
              <a:gd name="connsiteY194" fmla="*/ 2100494 h 2323145"/>
              <a:gd name="connsiteX195" fmla="*/ 2926342 w 11269336"/>
              <a:gd name="connsiteY195" fmla="*/ 2104155 h 2323145"/>
              <a:gd name="connsiteX196" fmla="*/ 2918608 w 11269336"/>
              <a:gd name="connsiteY196" fmla="*/ 2104215 h 2323145"/>
              <a:gd name="connsiteX197" fmla="*/ 2918475 w 11269336"/>
              <a:gd name="connsiteY197" fmla="*/ 2103937 h 2323145"/>
              <a:gd name="connsiteX198" fmla="*/ 2910360 w 11269336"/>
              <a:gd name="connsiteY198" fmla="*/ 2103444 h 2323145"/>
              <a:gd name="connsiteX199" fmla="*/ 2904507 w 11269336"/>
              <a:gd name="connsiteY199" fmla="*/ 2104326 h 2323145"/>
              <a:gd name="connsiteX200" fmla="*/ 2889503 w 11269336"/>
              <a:gd name="connsiteY200" fmla="*/ 2104443 h 2323145"/>
              <a:gd name="connsiteX201" fmla="*/ 2884480 w 11269336"/>
              <a:gd name="connsiteY201" fmla="*/ 2102626 h 2323145"/>
              <a:gd name="connsiteX202" fmla="*/ 2882689 w 11269336"/>
              <a:gd name="connsiteY202" fmla="*/ 2099228 h 2323145"/>
              <a:gd name="connsiteX203" fmla="*/ 2881291 w 11269336"/>
              <a:gd name="connsiteY203" fmla="*/ 2099618 h 2323145"/>
              <a:gd name="connsiteX204" fmla="*/ 2853979 w 11269336"/>
              <a:gd name="connsiteY204" fmla="*/ 2090388 h 2323145"/>
              <a:gd name="connsiteX205" fmla="*/ 2791790 w 11269336"/>
              <a:gd name="connsiteY205" fmla="*/ 2080332 h 2323145"/>
              <a:gd name="connsiteX206" fmla="*/ 2755844 w 11269336"/>
              <a:gd name="connsiteY206" fmla="*/ 2078874 h 2323145"/>
              <a:gd name="connsiteX207" fmla="*/ 2657742 w 11269336"/>
              <a:gd name="connsiteY207" fmla="*/ 2070179 h 2323145"/>
              <a:gd name="connsiteX208" fmla="*/ 2559549 w 11269336"/>
              <a:gd name="connsiteY208" fmla="*/ 2057873 h 2323145"/>
              <a:gd name="connsiteX209" fmla="*/ 2512054 w 11269336"/>
              <a:gd name="connsiteY209" fmla="*/ 2031671 h 2323145"/>
              <a:gd name="connsiteX210" fmla="*/ 2506437 w 11269336"/>
              <a:gd name="connsiteY210" fmla="*/ 2030918 h 2323145"/>
              <a:gd name="connsiteX211" fmla="*/ 2491752 w 11269336"/>
              <a:gd name="connsiteY211" fmla="*/ 2033906 h 2323145"/>
              <a:gd name="connsiteX212" fmla="*/ 2486338 w 11269336"/>
              <a:gd name="connsiteY212" fmla="*/ 2035862 h 2323145"/>
              <a:gd name="connsiteX213" fmla="*/ 2478186 w 11269336"/>
              <a:gd name="connsiteY213" fmla="*/ 2036953 h 2323145"/>
              <a:gd name="connsiteX214" fmla="*/ 2477950 w 11269336"/>
              <a:gd name="connsiteY214" fmla="*/ 2036715 h 2323145"/>
              <a:gd name="connsiteX215" fmla="*/ 2470381 w 11269336"/>
              <a:gd name="connsiteY215" fmla="*/ 2038256 h 2323145"/>
              <a:gd name="connsiteX216" fmla="*/ 2433781 w 11269336"/>
              <a:gd name="connsiteY216" fmla="*/ 2049140 h 2323145"/>
              <a:gd name="connsiteX217" fmla="*/ 2381172 w 11269336"/>
              <a:gd name="connsiteY217" fmla="*/ 2030645 h 2323145"/>
              <a:gd name="connsiteX218" fmla="*/ 2360198 w 11269336"/>
              <a:gd name="connsiteY218" fmla="*/ 2029059 h 2323145"/>
              <a:gd name="connsiteX219" fmla="*/ 2348815 w 11269336"/>
              <a:gd name="connsiteY219" fmla="*/ 2026798 h 2323145"/>
              <a:gd name="connsiteX220" fmla="*/ 2347988 w 11269336"/>
              <a:gd name="connsiteY220" fmla="*/ 2025745 h 2323145"/>
              <a:gd name="connsiteX221" fmla="*/ 2312920 w 11269336"/>
              <a:gd name="connsiteY221" fmla="*/ 2036311 h 2323145"/>
              <a:gd name="connsiteX222" fmla="*/ 2307986 w 11269336"/>
              <a:gd name="connsiteY222" fmla="*/ 2035583 h 2323145"/>
              <a:gd name="connsiteX223" fmla="*/ 2285481 w 11269336"/>
              <a:gd name="connsiteY223" fmla="*/ 2045197 h 2323145"/>
              <a:gd name="connsiteX224" fmla="*/ 2273666 w 11269336"/>
              <a:gd name="connsiteY224" fmla="*/ 2048710 h 2323145"/>
              <a:gd name="connsiteX225" fmla="*/ 2270719 w 11269336"/>
              <a:gd name="connsiteY225" fmla="*/ 2052702 h 2323145"/>
              <a:gd name="connsiteX226" fmla="*/ 2253080 w 11269336"/>
              <a:gd name="connsiteY226" fmla="*/ 2056363 h 2323145"/>
              <a:gd name="connsiteX227" fmla="*/ 2250906 w 11269336"/>
              <a:gd name="connsiteY227" fmla="*/ 2055654 h 2323145"/>
              <a:gd name="connsiteX228" fmla="*/ 2236905 w 11269336"/>
              <a:gd name="connsiteY228" fmla="*/ 2062882 h 2323145"/>
              <a:gd name="connsiteX229" fmla="*/ 2225830 w 11269336"/>
              <a:gd name="connsiteY229" fmla="*/ 2074027 h 2323145"/>
              <a:gd name="connsiteX230" fmla="*/ 2073776 w 11269336"/>
              <a:gd name="connsiteY230" fmla="*/ 2089244 h 2323145"/>
              <a:gd name="connsiteX231" fmla="*/ 1948256 w 11269336"/>
              <a:gd name="connsiteY231" fmla="*/ 2146616 h 2323145"/>
              <a:gd name="connsiteX232" fmla="*/ 1865582 w 11269336"/>
              <a:gd name="connsiteY232" fmla="*/ 2153738 h 2323145"/>
              <a:gd name="connsiteX233" fmla="*/ 1835210 w 11269336"/>
              <a:gd name="connsiteY233" fmla="*/ 2134244 h 2323145"/>
              <a:gd name="connsiteX234" fmla="*/ 1632661 w 11269336"/>
              <a:gd name="connsiteY234" fmla="*/ 2173882 h 2323145"/>
              <a:gd name="connsiteX235" fmla="*/ 1579590 w 11269336"/>
              <a:gd name="connsiteY235" fmla="*/ 2173680 h 2323145"/>
              <a:gd name="connsiteX236" fmla="*/ 1535601 w 11269336"/>
              <a:gd name="connsiteY236" fmla="*/ 2194590 h 2323145"/>
              <a:gd name="connsiteX237" fmla="*/ 1515594 w 11269336"/>
              <a:gd name="connsiteY237" fmla="*/ 2189622 h 2323145"/>
              <a:gd name="connsiteX238" fmla="*/ 1512113 w 11269336"/>
              <a:gd name="connsiteY238" fmla="*/ 2188534 h 2323145"/>
              <a:gd name="connsiteX239" fmla="*/ 1498838 w 11269336"/>
              <a:gd name="connsiteY239" fmla="*/ 2189213 h 2323145"/>
              <a:gd name="connsiteX240" fmla="*/ 1494279 w 11269336"/>
              <a:gd name="connsiteY240" fmla="*/ 2183112 h 2323145"/>
              <a:gd name="connsiteX241" fmla="*/ 1473714 w 11269336"/>
              <a:gd name="connsiteY241" fmla="*/ 2179625 h 2323145"/>
              <a:gd name="connsiteX242" fmla="*/ 1449503 w 11269336"/>
              <a:gd name="connsiteY242" fmla="*/ 2182633 h 2323145"/>
              <a:gd name="connsiteX243" fmla="*/ 1266687 w 11269336"/>
              <a:gd name="connsiteY243" fmla="*/ 2212688 h 2323145"/>
              <a:gd name="connsiteX244" fmla="*/ 1239614 w 11269336"/>
              <a:gd name="connsiteY244" fmla="*/ 2209727 h 2323145"/>
              <a:gd name="connsiteX245" fmla="*/ 1202436 w 11269336"/>
              <a:gd name="connsiteY245" fmla="*/ 2209817 h 2323145"/>
              <a:gd name="connsiteX246" fmla="*/ 1136097 w 11269336"/>
              <a:gd name="connsiteY246" fmla="*/ 2205112 h 2323145"/>
              <a:gd name="connsiteX247" fmla="*/ 988232 w 11269336"/>
              <a:gd name="connsiteY247" fmla="*/ 2235635 h 2323145"/>
              <a:gd name="connsiteX248" fmla="*/ 981959 w 11269336"/>
              <a:gd name="connsiteY248" fmla="*/ 2231607 h 2323145"/>
              <a:gd name="connsiteX249" fmla="*/ 938600 w 11269336"/>
              <a:gd name="connsiteY249" fmla="*/ 2238113 h 2323145"/>
              <a:gd name="connsiteX250" fmla="*/ 791788 w 11269336"/>
              <a:gd name="connsiteY250" fmla="*/ 2293224 h 2323145"/>
              <a:gd name="connsiteX251" fmla="*/ 706914 w 11269336"/>
              <a:gd name="connsiteY251" fmla="*/ 2305046 h 2323145"/>
              <a:gd name="connsiteX252" fmla="*/ 675971 w 11269336"/>
              <a:gd name="connsiteY252" fmla="*/ 2304030 h 2323145"/>
              <a:gd name="connsiteX253" fmla="*/ 624180 w 11269336"/>
              <a:gd name="connsiteY253" fmla="*/ 2302650 h 2323145"/>
              <a:gd name="connsiteX254" fmla="*/ 583453 w 11269336"/>
              <a:gd name="connsiteY254" fmla="*/ 2288788 h 2323145"/>
              <a:gd name="connsiteX255" fmla="*/ 540946 w 11269336"/>
              <a:gd name="connsiteY255" fmla="*/ 2292721 h 2323145"/>
              <a:gd name="connsiteX256" fmla="*/ 533680 w 11269336"/>
              <a:gd name="connsiteY256" fmla="*/ 2310233 h 2323145"/>
              <a:gd name="connsiteX257" fmla="*/ 487366 w 11269336"/>
              <a:gd name="connsiteY257" fmla="*/ 2309053 h 2323145"/>
              <a:gd name="connsiteX258" fmla="*/ 416820 w 11269336"/>
              <a:gd name="connsiteY258" fmla="*/ 2305443 h 2323145"/>
              <a:gd name="connsiteX259" fmla="*/ 376805 w 11269336"/>
              <a:gd name="connsiteY259" fmla="*/ 2307647 h 2323145"/>
              <a:gd name="connsiteX260" fmla="*/ 266777 w 11269336"/>
              <a:gd name="connsiteY260" fmla="*/ 2309012 h 2323145"/>
              <a:gd name="connsiteX261" fmla="*/ 156013 w 11269336"/>
              <a:gd name="connsiteY261" fmla="*/ 2306832 h 2323145"/>
              <a:gd name="connsiteX262" fmla="*/ 87258 w 11269336"/>
              <a:gd name="connsiteY262" fmla="*/ 2285511 h 2323145"/>
              <a:gd name="connsiteX263" fmla="*/ 23798 w 11269336"/>
              <a:gd name="connsiteY263" fmla="*/ 2281822 h 2323145"/>
              <a:gd name="connsiteX264" fmla="*/ 0 w 11269336"/>
              <a:gd name="connsiteY264" fmla="*/ 2285369 h 2323145"/>
              <a:gd name="connsiteX265" fmla="*/ 0 w 11269336"/>
              <a:gd name="connsiteY26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8977138 w 11269336"/>
              <a:gd name="connsiteY22" fmla="*/ 774970 h 2323145"/>
              <a:gd name="connsiteX23" fmla="*/ 8947030 w 11269336"/>
              <a:gd name="connsiteY23" fmla="*/ 814934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882654 w 11269336"/>
              <a:gd name="connsiteY29" fmla="*/ 892768 h 2323145"/>
              <a:gd name="connsiteX30" fmla="*/ 8795998 w 11269336"/>
              <a:gd name="connsiteY30" fmla="*/ 863337 h 2323145"/>
              <a:gd name="connsiteX31" fmla="*/ 8776970 w 11269336"/>
              <a:gd name="connsiteY31" fmla="*/ 885177 h 2323145"/>
              <a:gd name="connsiteX32" fmla="*/ 8755719 w 11269336"/>
              <a:gd name="connsiteY32" fmla="*/ 889754 h 2323145"/>
              <a:gd name="connsiteX33" fmla="*/ 8743257 w 11269336"/>
              <a:gd name="connsiteY33" fmla="*/ 904723 h 2323145"/>
              <a:gd name="connsiteX34" fmla="*/ 8721366 w 11269336"/>
              <a:gd name="connsiteY34" fmla="*/ 904711 h 2323145"/>
              <a:gd name="connsiteX35" fmla="*/ 8678353 w 11269336"/>
              <a:gd name="connsiteY35" fmla="*/ 926318 h 2323145"/>
              <a:gd name="connsiteX36" fmla="*/ 8636849 w 11269336"/>
              <a:gd name="connsiteY36" fmla="*/ 937900 h 2323145"/>
              <a:gd name="connsiteX37" fmla="*/ 8620213 w 11269336"/>
              <a:gd name="connsiteY37" fmla="*/ 943068 h 2323145"/>
              <a:gd name="connsiteX38" fmla="*/ 8612581 w 11269336"/>
              <a:gd name="connsiteY38" fmla="*/ 952695 h 2323145"/>
              <a:gd name="connsiteX39" fmla="*/ 8589038 w 11269336"/>
              <a:gd name="connsiteY39" fmla="*/ 963892 h 2323145"/>
              <a:gd name="connsiteX40" fmla="*/ 8579950 w 11269336"/>
              <a:gd name="connsiteY40" fmla="*/ 960899 h 2323145"/>
              <a:gd name="connsiteX41" fmla="*/ 8579319 w 11269336"/>
              <a:gd name="connsiteY41" fmla="*/ 965630 h 2323145"/>
              <a:gd name="connsiteX42" fmla="*/ 8547429 w 11269336"/>
              <a:gd name="connsiteY42" fmla="*/ 984506 h 2323145"/>
              <a:gd name="connsiteX43" fmla="*/ 8478704 w 11269336"/>
              <a:gd name="connsiteY43" fmla="*/ 1025490 h 2323145"/>
              <a:gd name="connsiteX44" fmla="*/ 8461421 w 11269336"/>
              <a:gd name="connsiteY44" fmla="*/ 1035512 h 2323145"/>
              <a:gd name="connsiteX45" fmla="*/ 8445003 w 11269336"/>
              <a:gd name="connsiteY45" fmla="*/ 1036851 h 2323145"/>
              <a:gd name="connsiteX46" fmla="*/ 8357350 w 11269336"/>
              <a:gd name="connsiteY46" fmla="*/ 1060213 h 2323145"/>
              <a:gd name="connsiteX47" fmla="*/ 8335565 w 11269336"/>
              <a:gd name="connsiteY47" fmla="*/ 1061151 h 2323145"/>
              <a:gd name="connsiteX48" fmla="*/ 8325267 w 11269336"/>
              <a:gd name="connsiteY48" fmla="*/ 1055919 h 2323145"/>
              <a:gd name="connsiteX49" fmla="*/ 8293586 w 11269336"/>
              <a:gd name="connsiteY49" fmla="*/ 1076144 h 2323145"/>
              <a:gd name="connsiteX50" fmla="*/ 8242405 w 11269336"/>
              <a:gd name="connsiteY50" fmla="*/ 1095960 h 2323145"/>
              <a:gd name="connsiteX51" fmla="*/ 8197391 w 11269336"/>
              <a:gd name="connsiteY51" fmla="*/ 1107746 h 2323145"/>
              <a:gd name="connsiteX52" fmla="*/ 8081474 w 11269336"/>
              <a:gd name="connsiteY52" fmla="*/ 1130125 h 2323145"/>
              <a:gd name="connsiteX53" fmla="*/ 8053585 w 11269336"/>
              <a:gd name="connsiteY53" fmla="*/ 1129169 h 2323145"/>
              <a:gd name="connsiteX54" fmla="*/ 8038422 w 11269336"/>
              <a:gd name="connsiteY54" fmla="*/ 1119092 h 2323145"/>
              <a:gd name="connsiteX55" fmla="*/ 8029450 w 11269336"/>
              <a:gd name="connsiteY55" fmla="*/ 1125592 h 2323145"/>
              <a:gd name="connsiteX56" fmla="*/ 7959552 w 11269336"/>
              <a:gd name="connsiteY56" fmla="*/ 1140188 h 2323145"/>
              <a:gd name="connsiteX57" fmla="*/ 7914188 w 11269336"/>
              <a:gd name="connsiteY57" fmla="*/ 1150862 h 2323145"/>
              <a:gd name="connsiteX58" fmla="*/ 7914918 w 11269336"/>
              <a:gd name="connsiteY58" fmla="*/ 1168758 h 2323145"/>
              <a:gd name="connsiteX59" fmla="*/ 7875510 w 11269336"/>
              <a:gd name="connsiteY59" fmla="*/ 1183153 h 2323145"/>
              <a:gd name="connsiteX60" fmla="*/ 7829932 w 11269336"/>
              <a:gd name="connsiteY60" fmla="*/ 1180782 h 2323145"/>
              <a:gd name="connsiteX61" fmla="*/ 7779182 w 11269336"/>
              <a:gd name="connsiteY61" fmla="*/ 1192665 h 2323145"/>
              <a:gd name="connsiteX62" fmla="*/ 7748774 w 11269336"/>
              <a:gd name="connsiteY62" fmla="*/ 1199586 h 2323145"/>
              <a:gd name="connsiteX63" fmla="*/ 7671846 w 11269336"/>
              <a:gd name="connsiteY63" fmla="*/ 1231966 h 2323145"/>
              <a:gd name="connsiteX64" fmla="*/ 7554146 w 11269336"/>
              <a:gd name="connsiteY64" fmla="*/ 1319748 h 2323145"/>
              <a:gd name="connsiteX65" fmla="*/ 7515052 w 11269336"/>
              <a:gd name="connsiteY65" fmla="*/ 1336718 h 2323145"/>
              <a:gd name="connsiteX66" fmla="*/ 7507193 w 11269336"/>
              <a:gd name="connsiteY66" fmla="*/ 1334617 h 2323145"/>
              <a:gd name="connsiteX67" fmla="*/ 7461694 w 11269336"/>
              <a:gd name="connsiteY67" fmla="*/ 1375866 h 2323145"/>
              <a:gd name="connsiteX68" fmla="*/ 7377571 w 11269336"/>
              <a:gd name="connsiteY68" fmla="*/ 1400128 h 2323145"/>
              <a:gd name="connsiteX69" fmla="*/ 7311261 w 11269336"/>
              <a:gd name="connsiteY69" fmla="*/ 1412652 h 2323145"/>
              <a:gd name="connsiteX70" fmla="*/ 7275307 w 11269336"/>
              <a:gd name="connsiteY70" fmla="*/ 1422171 h 2323145"/>
              <a:gd name="connsiteX71" fmla="*/ 7247783 w 11269336"/>
              <a:gd name="connsiteY71" fmla="*/ 1426330 h 2323145"/>
              <a:gd name="connsiteX72" fmla="*/ 7185047 w 11269336"/>
              <a:gd name="connsiteY72" fmla="*/ 1451812 h 2323145"/>
              <a:gd name="connsiteX73" fmla="*/ 7084117 w 11269336"/>
              <a:gd name="connsiteY73" fmla="*/ 1500281 h 2323145"/>
              <a:gd name="connsiteX74" fmla="*/ 7062011 w 11269336"/>
              <a:gd name="connsiteY74" fmla="*/ 1509183 h 2323145"/>
              <a:gd name="connsiteX75" fmla="*/ 7040555 w 11269336"/>
              <a:gd name="connsiteY75" fmla="*/ 1511207 h 2323145"/>
              <a:gd name="connsiteX76" fmla="*/ 7033438 w 11269336"/>
              <a:gd name="connsiteY76" fmla="*/ 1506772 h 2323145"/>
              <a:gd name="connsiteX77" fmla="*/ 7020886 w 11269336"/>
              <a:gd name="connsiteY77" fmla="*/ 1510764 h 2323145"/>
              <a:gd name="connsiteX78" fmla="*/ 7017033 w 11269336"/>
              <a:gd name="connsiteY78" fmla="*/ 1510650 h 2323145"/>
              <a:gd name="connsiteX79" fmla="*/ 6995460 w 11269336"/>
              <a:gd name="connsiteY79" fmla="*/ 1511173 h 2323145"/>
              <a:gd name="connsiteX80" fmla="*/ 6962144 w 11269336"/>
              <a:gd name="connsiteY80" fmla="*/ 1541508 h 2323145"/>
              <a:gd name="connsiteX81" fmla="*/ 6910674 w 11269336"/>
              <a:gd name="connsiteY81" fmla="*/ 1554793 h 2323145"/>
              <a:gd name="connsiteX82" fmla="*/ 6732152 w 11269336"/>
              <a:gd name="connsiteY82" fmla="*/ 1642538 h 2323145"/>
              <a:gd name="connsiteX83" fmla="*/ 6694106 w 11269336"/>
              <a:gd name="connsiteY83" fmla="*/ 1632377 h 2323145"/>
              <a:gd name="connsiteX84" fmla="*/ 6617223 w 11269336"/>
              <a:gd name="connsiteY84" fmla="*/ 1659889 h 2323145"/>
              <a:gd name="connsiteX85" fmla="*/ 6521138 w 11269336"/>
              <a:gd name="connsiteY85" fmla="*/ 1744340 h 2323145"/>
              <a:gd name="connsiteX86" fmla="*/ 6380677 w 11269336"/>
              <a:gd name="connsiteY86" fmla="*/ 1796883 h 2323145"/>
              <a:gd name="connsiteX87" fmla="*/ 6374897 w 11269336"/>
              <a:gd name="connsiteY87" fmla="*/ 1809910 h 2323145"/>
              <a:gd name="connsiteX88" fmla="*/ 6364545 w 11269336"/>
              <a:gd name="connsiteY88" fmla="*/ 1820090 h 2323145"/>
              <a:gd name="connsiteX89" fmla="*/ 6362126 w 11269336"/>
              <a:gd name="connsiteY89" fmla="*/ 1819991 h 2323145"/>
              <a:gd name="connsiteX90" fmla="*/ 6346673 w 11269336"/>
              <a:gd name="connsiteY90" fmla="*/ 1827824 h 2323145"/>
              <a:gd name="connsiteX91" fmla="*/ 6345588 w 11269336"/>
              <a:gd name="connsiteY91" fmla="*/ 1832232 h 2323145"/>
              <a:gd name="connsiteX92" fmla="*/ 6335708 w 11269336"/>
              <a:gd name="connsiteY92" fmla="*/ 1838451 h 2323145"/>
              <a:gd name="connsiteX93" fmla="*/ 6318182 w 11269336"/>
              <a:gd name="connsiteY93" fmla="*/ 1852975 h 2323145"/>
              <a:gd name="connsiteX94" fmla="*/ 6313084 w 11269336"/>
              <a:gd name="connsiteY94" fmla="*/ 1853561 h 2323145"/>
              <a:gd name="connsiteX95" fmla="*/ 6283816 w 11269336"/>
              <a:gd name="connsiteY95" fmla="*/ 1872148 h 2323145"/>
              <a:gd name="connsiteX96" fmla="*/ 6282550 w 11269336"/>
              <a:gd name="connsiteY96" fmla="*/ 1871392 h 2323145"/>
              <a:gd name="connsiteX97" fmla="*/ 6270527 w 11269336"/>
              <a:gd name="connsiteY97" fmla="*/ 1872208 h 2323145"/>
              <a:gd name="connsiteX98" fmla="*/ 6249518 w 11269336"/>
              <a:gd name="connsiteY98" fmla="*/ 1876079 h 2323145"/>
              <a:gd name="connsiteX99" fmla="*/ 6190386 w 11269336"/>
              <a:gd name="connsiteY99" fmla="*/ 1872478 h 2323145"/>
              <a:gd name="connsiteX100" fmla="*/ 6159777 w 11269336"/>
              <a:gd name="connsiteY100" fmla="*/ 1891745 h 2323145"/>
              <a:gd name="connsiteX101" fmla="*/ 6153131 w 11269336"/>
              <a:gd name="connsiteY101" fmla="*/ 1895079 h 2323145"/>
              <a:gd name="connsiteX102" fmla="*/ 6152798 w 11269336"/>
              <a:gd name="connsiteY102" fmla="*/ 1894920 h 2323145"/>
              <a:gd name="connsiteX103" fmla="*/ 6145388 w 11269336"/>
              <a:gd name="connsiteY103" fmla="*/ 1897990 h 2323145"/>
              <a:gd name="connsiteX104" fmla="*/ 6141014 w 11269336"/>
              <a:gd name="connsiteY104" fmla="*/ 1901155 h 2323145"/>
              <a:gd name="connsiteX105" fmla="*/ 6128122 w 11269336"/>
              <a:gd name="connsiteY105" fmla="*/ 1907623 h 2323145"/>
              <a:gd name="connsiteX106" fmla="*/ 6122351 w 11269336"/>
              <a:gd name="connsiteY106" fmla="*/ 1908359 h 2323145"/>
              <a:gd name="connsiteX107" fmla="*/ 6064750 w 11269336"/>
              <a:gd name="connsiteY107" fmla="*/ 1896394 h 2323145"/>
              <a:gd name="connsiteX108" fmla="*/ 5964230 w 11269336"/>
              <a:gd name="connsiteY108" fmla="*/ 1910038 h 2323145"/>
              <a:gd name="connsiteX109" fmla="*/ 5865399 w 11269336"/>
              <a:gd name="connsiteY109" fmla="*/ 1926966 h 2323145"/>
              <a:gd name="connsiteX110" fmla="*/ 5829951 w 11269336"/>
              <a:gd name="connsiteY110" fmla="*/ 1934755 h 2323145"/>
              <a:gd name="connsiteX111" fmla="*/ 5765285 w 11269336"/>
              <a:gd name="connsiteY111" fmla="*/ 1941322 h 2323145"/>
              <a:gd name="connsiteX112" fmla="*/ 5734750 w 11269336"/>
              <a:gd name="connsiteY112" fmla="*/ 1939793 h 2323145"/>
              <a:gd name="connsiteX113" fmla="*/ 5733569 w 11269336"/>
              <a:gd name="connsiteY113" fmla="*/ 1940505 h 2323145"/>
              <a:gd name="connsiteX114" fmla="*/ 5730329 w 11269336"/>
              <a:gd name="connsiteY114" fmla="*/ 1937845 h 2323145"/>
              <a:gd name="connsiteX115" fmla="*/ 5724661 w 11269336"/>
              <a:gd name="connsiteY115" fmla="*/ 1937455 h 2323145"/>
              <a:gd name="connsiteX116" fmla="*/ 5710186 w 11269336"/>
              <a:gd name="connsiteY116" fmla="*/ 1941370 h 2323145"/>
              <a:gd name="connsiteX117" fmla="*/ 5704910 w 11269336"/>
              <a:gd name="connsiteY117" fmla="*/ 1943663 h 2323145"/>
              <a:gd name="connsiteX118" fmla="*/ 5696836 w 11269336"/>
              <a:gd name="connsiteY118" fmla="*/ 1945271 h 2323145"/>
              <a:gd name="connsiteX119" fmla="*/ 5696583 w 11269336"/>
              <a:gd name="connsiteY119" fmla="*/ 1945050 h 2323145"/>
              <a:gd name="connsiteX120" fmla="*/ 5689123 w 11269336"/>
              <a:gd name="connsiteY120" fmla="*/ 1947067 h 2323145"/>
              <a:gd name="connsiteX121" fmla="*/ 5653291 w 11269336"/>
              <a:gd name="connsiteY121" fmla="*/ 1960245 h 2323145"/>
              <a:gd name="connsiteX122" fmla="*/ 5599385 w 11269336"/>
              <a:gd name="connsiteY122" fmla="*/ 1945198 h 2323145"/>
              <a:gd name="connsiteX123" fmla="*/ 5578300 w 11269336"/>
              <a:gd name="connsiteY123" fmla="*/ 1944963 h 2323145"/>
              <a:gd name="connsiteX124" fmla="*/ 5566758 w 11269336"/>
              <a:gd name="connsiteY124" fmla="*/ 1943441 h 2323145"/>
              <a:gd name="connsiteX125" fmla="*/ 5565857 w 11269336"/>
              <a:gd name="connsiteY125" fmla="*/ 1942445 h 2323145"/>
              <a:gd name="connsiteX126" fmla="*/ 5531534 w 11269336"/>
              <a:gd name="connsiteY126" fmla="*/ 1955208 h 2323145"/>
              <a:gd name="connsiteX127" fmla="*/ 5526552 w 11269336"/>
              <a:gd name="connsiteY127" fmla="*/ 1954799 h 2323145"/>
              <a:gd name="connsiteX128" fmla="*/ 5504723 w 11269336"/>
              <a:gd name="connsiteY128" fmla="*/ 1965811 h 2323145"/>
              <a:gd name="connsiteX129" fmla="*/ 5493156 w 11269336"/>
              <a:gd name="connsiteY129" fmla="*/ 1970063 h 2323145"/>
              <a:gd name="connsiteX130" fmla="*/ 5490486 w 11269336"/>
              <a:gd name="connsiteY130" fmla="*/ 1974227 h 2323145"/>
              <a:gd name="connsiteX131" fmla="*/ 5473107 w 11269336"/>
              <a:gd name="connsiteY131" fmla="*/ 1979001 h 2323145"/>
              <a:gd name="connsiteX132" fmla="*/ 5470885 w 11269336"/>
              <a:gd name="connsiteY132" fmla="*/ 1978432 h 2323145"/>
              <a:gd name="connsiteX133" fmla="*/ 5457393 w 11269336"/>
              <a:gd name="connsiteY133" fmla="*/ 1986525 h 2323145"/>
              <a:gd name="connsiteX134" fmla="*/ 5447102 w 11269336"/>
              <a:gd name="connsiteY134" fmla="*/ 1998329 h 2323145"/>
              <a:gd name="connsiteX135" fmla="*/ 5159151 w 11269336"/>
              <a:gd name="connsiteY135" fmla="*/ 2029640 h 2323145"/>
              <a:gd name="connsiteX136" fmla="*/ 5041688 w 11269336"/>
              <a:gd name="connsiteY136" fmla="*/ 2022334 h 2323145"/>
              <a:gd name="connsiteX137" fmla="*/ 4860988 w 11269336"/>
              <a:gd name="connsiteY137" fmla="*/ 2135698 h 2323145"/>
              <a:gd name="connsiteX138" fmla="*/ 4807902 w 11269336"/>
              <a:gd name="connsiteY138" fmla="*/ 2138894 h 2323145"/>
              <a:gd name="connsiteX139" fmla="*/ 4765388 w 11269336"/>
              <a:gd name="connsiteY139" fmla="*/ 2162525 h 2323145"/>
              <a:gd name="connsiteX140" fmla="*/ 4745033 w 11269336"/>
              <a:gd name="connsiteY140" fmla="*/ 2158859 h 2323145"/>
              <a:gd name="connsiteX141" fmla="*/ 4741475 w 11269336"/>
              <a:gd name="connsiteY141" fmla="*/ 2157998 h 2323145"/>
              <a:gd name="connsiteX142" fmla="*/ 4728247 w 11269336"/>
              <a:gd name="connsiteY142" fmla="*/ 2159526 h 2323145"/>
              <a:gd name="connsiteX143" fmla="*/ 4723263 w 11269336"/>
              <a:gd name="connsiteY143" fmla="*/ 2153742 h 2323145"/>
              <a:gd name="connsiteX144" fmla="*/ 4702453 w 11269336"/>
              <a:gd name="connsiteY144" fmla="*/ 2151586 h 2323145"/>
              <a:gd name="connsiteX145" fmla="*/ 4678455 w 11269336"/>
              <a:gd name="connsiteY145" fmla="*/ 2156131 h 2323145"/>
              <a:gd name="connsiteX146" fmla="*/ 4593061 w 11269336"/>
              <a:gd name="connsiteY146" fmla="*/ 2171597 h 2323145"/>
              <a:gd name="connsiteX147" fmla="*/ 4579902 w 11269336"/>
              <a:gd name="connsiteY147" fmla="*/ 2177927 h 2323145"/>
              <a:gd name="connsiteX148" fmla="*/ 4533444 w 11269336"/>
              <a:gd name="connsiteY148" fmla="*/ 2181200 h 2323145"/>
              <a:gd name="connsiteX149" fmla="*/ 4492832 w 11269336"/>
              <a:gd name="connsiteY149" fmla="*/ 2188033 h 2323145"/>
              <a:gd name="connsiteX150" fmla="*/ 4467257 w 11269336"/>
              <a:gd name="connsiteY150" fmla="*/ 2196121 h 2323145"/>
              <a:gd name="connsiteX151" fmla="*/ 4459937 w 11269336"/>
              <a:gd name="connsiteY151" fmla="*/ 2195182 h 2323145"/>
              <a:gd name="connsiteX152" fmla="*/ 4433312 w 11269336"/>
              <a:gd name="connsiteY152" fmla="*/ 2199004 h 2323145"/>
              <a:gd name="connsiteX153" fmla="*/ 4420601 w 11269336"/>
              <a:gd name="connsiteY153" fmla="*/ 2205158 h 2323145"/>
              <a:gd name="connsiteX154" fmla="*/ 4405765 w 11269336"/>
              <a:gd name="connsiteY154" fmla="*/ 2199902 h 2323145"/>
              <a:gd name="connsiteX155" fmla="*/ 4401354 w 11269336"/>
              <a:gd name="connsiteY155" fmla="*/ 2194745 h 2323145"/>
              <a:gd name="connsiteX156" fmla="*/ 4383151 w 11269336"/>
              <a:gd name="connsiteY156" fmla="*/ 2201140 h 2323145"/>
              <a:gd name="connsiteX157" fmla="*/ 4366646 w 11269336"/>
              <a:gd name="connsiteY157" fmla="*/ 2198564 h 2323145"/>
              <a:gd name="connsiteX158" fmla="*/ 4354009 w 11269336"/>
              <a:gd name="connsiteY158" fmla="*/ 2204984 h 2323145"/>
              <a:gd name="connsiteX159" fmla="*/ 4348284 w 11269336"/>
              <a:gd name="connsiteY159" fmla="*/ 2205270 h 2323145"/>
              <a:gd name="connsiteX160" fmla="*/ 4333906 w 11269336"/>
              <a:gd name="connsiteY160" fmla="*/ 2205251 h 2323145"/>
              <a:gd name="connsiteX161" fmla="*/ 4308819 w 11269336"/>
              <a:gd name="connsiteY161" fmla="*/ 2203822 h 2323145"/>
              <a:gd name="connsiteX162" fmla="*/ 4301210 w 11269336"/>
              <a:gd name="connsiteY162" fmla="*/ 2204456 h 2323145"/>
              <a:gd name="connsiteX163" fmla="*/ 4283095 w 11269336"/>
              <a:gd name="connsiteY163" fmla="*/ 2198177 h 2323145"/>
              <a:gd name="connsiteX164" fmla="*/ 4250119 w 11269336"/>
              <a:gd name="connsiteY164" fmla="*/ 2196342 h 2323145"/>
              <a:gd name="connsiteX165" fmla="*/ 4189203 w 11269336"/>
              <a:gd name="connsiteY165" fmla="*/ 2178994 h 2323145"/>
              <a:gd name="connsiteX166" fmla="*/ 4154035 w 11269336"/>
              <a:gd name="connsiteY166" fmla="*/ 2171950 h 2323145"/>
              <a:gd name="connsiteX167" fmla="*/ 4129569 w 11269336"/>
              <a:gd name="connsiteY167" fmla="*/ 2163850 h 2323145"/>
              <a:gd name="connsiteX168" fmla="*/ 4061250 w 11269336"/>
              <a:gd name="connsiteY168" fmla="*/ 2159236 h 2323145"/>
              <a:gd name="connsiteX169" fmla="*/ 3945480 w 11269336"/>
              <a:gd name="connsiteY169" fmla="*/ 2158279 h 2323145"/>
              <a:gd name="connsiteX170" fmla="*/ 3921468 w 11269336"/>
              <a:gd name="connsiteY170" fmla="*/ 2156588 h 2323145"/>
              <a:gd name="connsiteX171" fmla="*/ 3903348 w 11269336"/>
              <a:gd name="connsiteY171" fmla="*/ 2149220 h 2323145"/>
              <a:gd name="connsiteX172" fmla="*/ 3901342 w 11269336"/>
              <a:gd name="connsiteY172" fmla="*/ 2142355 h 2323145"/>
              <a:gd name="connsiteX173" fmla="*/ 3888539 w 11269336"/>
              <a:gd name="connsiteY173" fmla="*/ 2140476 h 2323145"/>
              <a:gd name="connsiteX174" fmla="*/ 3885662 w 11269336"/>
              <a:gd name="connsiteY174" fmla="*/ 2138740 h 2323145"/>
              <a:gd name="connsiteX175" fmla="*/ 3868627 w 11269336"/>
              <a:gd name="connsiteY175" fmla="*/ 2130023 h 2323145"/>
              <a:gd name="connsiteX176" fmla="*/ 3819177 w 11269336"/>
              <a:gd name="connsiteY176" fmla="*/ 2142111 h 2323145"/>
              <a:gd name="connsiteX177" fmla="*/ 3769100 w 11269336"/>
              <a:gd name="connsiteY177" fmla="*/ 2131731 h 2323145"/>
              <a:gd name="connsiteX178" fmla="*/ 3562752 w 11269336"/>
              <a:gd name="connsiteY178" fmla="*/ 2131785 h 2323145"/>
              <a:gd name="connsiteX179" fmla="*/ 3541402 w 11269336"/>
              <a:gd name="connsiteY179" fmla="*/ 2106821 h 2323145"/>
              <a:gd name="connsiteX180" fmla="*/ 3365341 w 11269336"/>
              <a:gd name="connsiteY180" fmla="*/ 2077638 h 2323145"/>
              <a:gd name="connsiteX181" fmla="*/ 3170922 w 11269336"/>
              <a:gd name="connsiteY181" fmla="*/ 2115957 h 2323145"/>
              <a:gd name="connsiteX182" fmla="*/ 3156256 w 11269336"/>
              <a:gd name="connsiteY182" fmla="*/ 2124773 h 2323145"/>
              <a:gd name="connsiteX183" fmla="*/ 3140298 w 11269336"/>
              <a:gd name="connsiteY183" fmla="*/ 2129182 h 2323145"/>
              <a:gd name="connsiteX184" fmla="*/ 3138514 w 11269336"/>
              <a:gd name="connsiteY184" fmla="*/ 2128069 h 2323145"/>
              <a:gd name="connsiteX185" fmla="*/ 3120467 w 11269336"/>
              <a:gd name="connsiteY185" fmla="*/ 2128281 h 2323145"/>
              <a:gd name="connsiteX186" fmla="*/ 3116175 w 11269336"/>
              <a:gd name="connsiteY186" fmla="*/ 2131633 h 2323145"/>
              <a:gd name="connsiteX187" fmla="*/ 3103685 w 11269336"/>
              <a:gd name="connsiteY187" fmla="*/ 2132814 h 2323145"/>
              <a:gd name="connsiteX188" fmla="*/ 3078794 w 11269336"/>
              <a:gd name="connsiteY188" fmla="*/ 2137935 h 2323145"/>
              <a:gd name="connsiteX189" fmla="*/ 3074407 w 11269336"/>
              <a:gd name="connsiteY189" fmla="*/ 2136274 h 2323145"/>
              <a:gd name="connsiteX190" fmla="*/ 3037285 w 11269336"/>
              <a:gd name="connsiteY190" fmla="*/ 2139919 h 2323145"/>
              <a:gd name="connsiteX191" fmla="*/ 3036901 w 11269336"/>
              <a:gd name="connsiteY191" fmla="*/ 2138726 h 2323145"/>
              <a:gd name="connsiteX192" fmla="*/ 3026996 w 11269336"/>
              <a:gd name="connsiteY192" fmla="*/ 2134322 h 2323145"/>
              <a:gd name="connsiteX193" fmla="*/ 3007772 w 11269336"/>
              <a:gd name="connsiteY193" fmla="*/ 2128742 h 2323145"/>
              <a:gd name="connsiteX194" fmla="*/ 2965030 w 11269336"/>
              <a:gd name="connsiteY194" fmla="*/ 2100494 h 2323145"/>
              <a:gd name="connsiteX195" fmla="*/ 2926342 w 11269336"/>
              <a:gd name="connsiteY195" fmla="*/ 2104155 h 2323145"/>
              <a:gd name="connsiteX196" fmla="*/ 2918608 w 11269336"/>
              <a:gd name="connsiteY196" fmla="*/ 2104215 h 2323145"/>
              <a:gd name="connsiteX197" fmla="*/ 2918475 w 11269336"/>
              <a:gd name="connsiteY197" fmla="*/ 2103937 h 2323145"/>
              <a:gd name="connsiteX198" fmla="*/ 2910360 w 11269336"/>
              <a:gd name="connsiteY198" fmla="*/ 2103444 h 2323145"/>
              <a:gd name="connsiteX199" fmla="*/ 2904507 w 11269336"/>
              <a:gd name="connsiteY199" fmla="*/ 2104326 h 2323145"/>
              <a:gd name="connsiteX200" fmla="*/ 2889503 w 11269336"/>
              <a:gd name="connsiteY200" fmla="*/ 2104443 h 2323145"/>
              <a:gd name="connsiteX201" fmla="*/ 2884480 w 11269336"/>
              <a:gd name="connsiteY201" fmla="*/ 2102626 h 2323145"/>
              <a:gd name="connsiteX202" fmla="*/ 2882689 w 11269336"/>
              <a:gd name="connsiteY202" fmla="*/ 2099228 h 2323145"/>
              <a:gd name="connsiteX203" fmla="*/ 2881291 w 11269336"/>
              <a:gd name="connsiteY203" fmla="*/ 2099618 h 2323145"/>
              <a:gd name="connsiteX204" fmla="*/ 2853979 w 11269336"/>
              <a:gd name="connsiteY204" fmla="*/ 2090388 h 2323145"/>
              <a:gd name="connsiteX205" fmla="*/ 2791790 w 11269336"/>
              <a:gd name="connsiteY205" fmla="*/ 2080332 h 2323145"/>
              <a:gd name="connsiteX206" fmla="*/ 2755844 w 11269336"/>
              <a:gd name="connsiteY206" fmla="*/ 2078874 h 2323145"/>
              <a:gd name="connsiteX207" fmla="*/ 2657742 w 11269336"/>
              <a:gd name="connsiteY207" fmla="*/ 2070179 h 2323145"/>
              <a:gd name="connsiteX208" fmla="*/ 2559549 w 11269336"/>
              <a:gd name="connsiteY208" fmla="*/ 2057873 h 2323145"/>
              <a:gd name="connsiteX209" fmla="*/ 2512054 w 11269336"/>
              <a:gd name="connsiteY209" fmla="*/ 2031671 h 2323145"/>
              <a:gd name="connsiteX210" fmla="*/ 2506437 w 11269336"/>
              <a:gd name="connsiteY210" fmla="*/ 2030918 h 2323145"/>
              <a:gd name="connsiteX211" fmla="*/ 2491752 w 11269336"/>
              <a:gd name="connsiteY211" fmla="*/ 2033906 h 2323145"/>
              <a:gd name="connsiteX212" fmla="*/ 2486338 w 11269336"/>
              <a:gd name="connsiteY212" fmla="*/ 2035862 h 2323145"/>
              <a:gd name="connsiteX213" fmla="*/ 2478186 w 11269336"/>
              <a:gd name="connsiteY213" fmla="*/ 2036953 h 2323145"/>
              <a:gd name="connsiteX214" fmla="*/ 2477950 w 11269336"/>
              <a:gd name="connsiteY214" fmla="*/ 2036715 h 2323145"/>
              <a:gd name="connsiteX215" fmla="*/ 2470381 w 11269336"/>
              <a:gd name="connsiteY215" fmla="*/ 2038256 h 2323145"/>
              <a:gd name="connsiteX216" fmla="*/ 2433781 w 11269336"/>
              <a:gd name="connsiteY216" fmla="*/ 2049140 h 2323145"/>
              <a:gd name="connsiteX217" fmla="*/ 2381172 w 11269336"/>
              <a:gd name="connsiteY217" fmla="*/ 2030645 h 2323145"/>
              <a:gd name="connsiteX218" fmla="*/ 2360198 w 11269336"/>
              <a:gd name="connsiteY218" fmla="*/ 2029059 h 2323145"/>
              <a:gd name="connsiteX219" fmla="*/ 2348815 w 11269336"/>
              <a:gd name="connsiteY219" fmla="*/ 2026798 h 2323145"/>
              <a:gd name="connsiteX220" fmla="*/ 2347988 w 11269336"/>
              <a:gd name="connsiteY220" fmla="*/ 2025745 h 2323145"/>
              <a:gd name="connsiteX221" fmla="*/ 2312920 w 11269336"/>
              <a:gd name="connsiteY221" fmla="*/ 2036311 h 2323145"/>
              <a:gd name="connsiteX222" fmla="*/ 2307986 w 11269336"/>
              <a:gd name="connsiteY222" fmla="*/ 2035583 h 2323145"/>
              <a:gd name="connsiteX223" fmla="*/ 2285481 w 11269336"/>
              <a:gd name="connsiteY223" fmla="*/ 2045197 h 2323145"/>
              <a:gd name="connsiteX224" fmla="*/ 2273666 w 11269336"/>
              <a:gd name="connsiteY224" fmla="*/ 2048710 h 2323145"/>
              <a:gd name="connsiteX225" fmla="*/ 2270719 w 11269336"/>
              <a:gd name="connsiteY225" fmla="*/ 2052702 h 2323145"/>
              <a:gd name="connsiteX226" fmla="*/ 2253080 w 11269336"/>
              <a:gd name="connsiteY226" fmla="*/ 2056363 h 2323145"/>
              <a:gd name="connsiteX227" fmla="*/ 2250906 w 11269336"/>
              <a:gd name="connsiteY227" fmla="*/ 2055654 h 2323145"/>
              <a:gd name="connsiteX228" fmla="*/ 2236905 w 11269336"/>
              <a:gd name="connsiteY228" fmla="*/ 2062882 h 2323145"/>
              <a:gd name="connsiteX229" fmla="*/ 2225830 w 11269336"/>
              <a:gd name="connsiteY229" fmla="*/ 2074027 h 2323145"/>
              <a:gd name="connsiteX230" fmla="*/ 2073776 w 11269336"/>
              <a:gd name="connsiteY230" fmla="*/ 2089244 h 2323145"/>
              <a:gd name="connsiteX231" fmla="*/ 1948256 w 11269336"/>
              <a:gd name="connsiteY231" fmla="*/ 2146616 h 2323145"/>
              <a:gd name="connsiteX232" fmla="*/ 1865582 w 11269336"/>
              <a:gd name="connsiteY232" fmla="*/ 2153738 h 2323145"/>
              <a:gd name="connsiteX233" fmla="*/ 1835210 w 11269336"/>
              <a:gd name="connsiteY233" fmla="*/ 2134244 h 2323145"/>
              <a:gd name="connsiteX234" fmla="*/ 1632661 w 11269336"/>
              <a:gd name="connsiteY234" fmla="*/ 2173882 h 2323145"/>
              <a:gd name="connsiteX235" fmla="*/ 1579590 w 11269336"/>
              <a:gd name="connsiteY235" fmla="*/ 2173680 h 2323145"/>
              <a:gd name="connsiteX236" fmla="*/ 1535601 w 11269336"/>
              <a:gd name="connsiteY236" fmla="*/ 2194590 h 2323145"/>
              <a:gd name="connsiteX237" fmla="*/ 1515594 w 11269336"/>
              <a:gd name="connsiteY237" fmla="*/ 2189622 h 2323145"/>
              <a:gd name="connsiteX238" fmla="*/ 1512113 w 11269336"/>
              <a:gd name="connsiteY238" fmla="*/ 2188534 h 2323145"/>
              <a:gd name="connsiteX239" fmla="*/ 1498838 w 11269336"/>
              <a:gd name="connsiteY239" fmla="*/ 2189213 h 2323145"/>
              <a:gd name="connsiteX240" fmla="*/ 1494279 w 11269336"/>
              <a:gd name="connsiteY240" fmla="*/ 2183112 h 2323145"/>
              <a:gd name="connsiteX241" fmla="*/ 1473714 w 11269336"/>
              <a:gd name="connsiteY241" fmla="*/ 2179625 h 2323145"/>
              <a:gd name="connsiteX242" fmla="*/ 1449503 w 11269336"/>
              <a:gd name="connsiteY242" fmla="*/ 2182633 h 2323145"/>
              <a:gd name="connsiteX243" fmla="*/ 1266687 w 11269336"/>
              <a:gd name="connsiteY243" fmla="*/ 2212688 h 2323145"/>
              <a:gd name="connsiteX244" fmla="*/ 1239614 w 11269336"/>
              <a:gd name="connsiteY244" fmla="*/ 2209727 h 2323145"/>
              <a:gd name="connsiteX245" fmla="*/ 1202436 w 11269336"/>
              <a:gd name="connsiteY245" fmla="*/ 2209817 h 2323145"/>
              <a:gd name="connsiteX246" fmla="*/ 1136097 w 11269336"/>
              <a:gd name="connsiteY246" fmla="*/ 2205112 h 2323145"/>
              <a:gd name="connsiteX247" fmla="*/ 988232 w 11269336"/>
              <a:gd name="connsiteY247" fmla="*/ 2235635 h 2323145"/>
              <a:gd name="connsiteX248" fmla="*/ 981959 w 11269336"/>
              <a:gd name="connsiteY248" fmla="*/ 2231607 h 2323145"/>
              <a:gd name="connsiteX249" fmla="*/ 938600 w 11269336"/>
              <a:gd name="connsiteY249" fmla="*/ 2238113 h 2323145"/>
              <a:gd name="connsiteX250" fmla="*/ 791788 w 11269336"/>
              <a:gd name="connsiteY250" fmla="*/ 2293224 h 2323145"/>
              <a:gd name="connsiteX251" fmla="*/ 706914 w 11269336"/>
              <a:gd name="connsiteY251" fmla="*/ 2305046 h 2323145"/>
              <a:gd name="connsiteX252" fmla="*/ 675971 w 11269336"/>
              <a:gd name="connsiteY252" fmla="*/ 2304030 h 2323145"/>
              <a:gd name="connsiteX253" fmla="*/ 624180 w 11269336"/>
              <a:gd name="connsiteY253" fmla="*/ 2302650 h 2323145"/>
              <a:gd name="connsiteX254" fmla="*/ 583453 w 11269336"/>
              <a:gd name="connsiteY254" fmla="*/ 2288788 h 2323145"/>
              <a:gd name="connsiteX255" fmla="*/ 540946 w 11269336"/>
              <a:gd name="connsiteY255" fmla="*/ 2292721 h 2323145"/>
              <a:gd name="connsiteX256" fmla="*/ 533680 w 11269336"/>
              <a:gd name="connsiteY256" fmla="*/ 2310233 h 2323145"/>
              <a:gd name="connsiteX257" fmla="*/ 487366 w 11269336"/>
              <a:gd name="connsiteY257" fmla="*/ 2309053 h 2323145"/>
              <a:gd name="connsiteX258" fmla="*/ 416820 w 11269336"/>
              <a:gd name="connsiteY258" fmla="*/ 2305443 h 2323145"/>
              <a:gd name="connsiteX259" fmla="*/ 376805 w 11269336"/>
              <a:gd name="connsiteY259" fmla="*/ 2307647 h 2323145"/>
              <a:gd name="connsiteX260" fmla="*/ 266777 w 11269336"/>
              <a:gd name="connsiteY260" fmla="*/ 2309012 h 2323145"/>
              <a:gd name="connsiteX261" fmla="*/ 156013 w 11269336"/>
              <a:gd name="connsiteY261" fmla="*/ 2306832 h 2323145"/>
              <a:gd name="connsiteX262" fmla="*/ 87258 w 11269336"/>
              <a:gd name="connsiteY262" fmla="*/ 2285511 h 2323145"/>
              <a:gd name="connsiteX263" fmla="*/ 23798 w 11269336"/>
              <a:gd name="connsiteY263" fmla="*/ 2281822 h 2323145"/>
              <a:gd name="connsiteX264" fmla="*/ 0 w 11269336"/>
              <a:gd name="connsiteY264" fmla="*/ 2285369 h 2323145"/>
              <a:gd name="connsiteX265" fmla="*/ 0 w 11269336"/>
              <a:gd name="connsiteY26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8977138 w 11269336"/>
              <a:gd name="connsiteY22" fmla="*/ 774970 h 2323145"/>
              <a:gd name="connsiteX23" fmla="*/ 9070855 w 11269336"/>
              <a:gd name="connsiteY23" fmla="*/ 794621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882654 w 11269336"/>
              <a:gd name="connsiteY29" fmla="*/ 892768 h 2323145"/>
              <a:gd name="connsiteX30" fmla="*/ 8795998 w 11269336"/>
              <a:gd name="connsiteY30" fmla="*/ 863337 h 2323145"/>
              <a:gd name="connsiteX31" fmla="*/ 8776970 w 11269336"/>
              <a:gd name="connsiteY31" fmla="*/ 885177 h 2323145"/>
              <a:gd name="connsiteX32" fmla="*/ 8755719 w 11269336"/>
              <a:gd name="connsiteY32" fmla="*/ 889754 h 2323145"/>
              <a:gd name="connsiteX33" fmla="*/ 8743257 w 11269336"/>
              <a:gd name="connsiteY33" fmla="*/ 904723 h 2323145"/>
              <a:gd name="connsiteX34" fmla="*/ 8721366 w 11269336"/>
              <a:gd name="connsiteY34" fmla="*/ 904711 h 2323145"/>
              <a:gd name="connsiteX35" fmla="*/ 8678353 w 11269336"/>
              <a:gd name="connsiteY35" fmla="*/ 926318 h 2323145"/>
              <a:gd name="connsiteX36" fmla="*/ 8636849 w 11269336"/>
              <a:gd name="connsiteY36" fmla="*/ 937900 h 2323145"/>
              <a:gd name="connsiteX37" fmla="*/ 8620213 w 11269336"/>
              <a:gd name="connsiteY37" fmla="*/ 943068 h 2323145"/>
              <a:gd name="connsiteX38" fmla="*/ 8612581 w 11269336"/>
              <a:gd name="connsiteY38" fmla="*/ 952695 h 2323145"/>
              <a:gd name="connsiteX39" fmla="*/ 8589038 w 11269336"/>
              <a:gd name="connsiteY39" fmla="*/ 963892 h 2323145"/>
              <a:gd name="connsiteX40" fmla="*/ 8579950 w 11269336"/>
              <a:gd name="connsiteY40" fmla="*/ 960899 h 2323145"/>
              <a:gd name="connsiteX41" fmla="*/ 8579319 w 11269336"/>
              <a:gd name="connsiteY41" fmla="*/ 965630 h 2323145"/>
              <a:gd name="connsiteX42" fmla="*/ 8547429 w 11269336"/>
              <a:gd name="connsiteY42" fmla="*/ 984506 h 2323145"/>
              <a:gd name="connsiteX43" fmla="*/ 8478704 w 11269336"/>
              <a:gd name="connsiteY43" fmla="*/ 1025490 h 2323145"/>
              <a:gd name="connsiteX44" fmla="*/ 8461421 w 11269336"/>
              <a:gd name="connsiteY44" fmla="*/ 1035512 h 2323145"/>
              <a:gd name="connsiteX45" fmla="*/ 8445003 w 11269336"/>
              <a:gd name="connsiteY45" fmla="*/ 1036851 h 2323145"/>
              <a:gd name="connsiteX46" fmla="*/ 8357350 w 11269336"/>
              <a:gd name="connsiteY46" fmla="*/ 1060213 h 2323145"/>
              <a:gd name="connsiteX47" fmla="*/ 8335565 w 11269336"/>
              <a:gd name="connsiteY47" fmla="*/ 1061151 h 2323145"/>
              <a:gd name="connsiteX48" fmla="*/ 8325267 w 11269336"/>
              <a:gd name="connsiteY48" fmla="*/ 1055919 h 2323145"/>
              <a:gd name="connsiteX49" fmla="*/ 8293586 w 11269336"/>
              <a:gd name="connsiteY49" fmla="*/ 1076144 h 2323145"/>
              <a:gd name="connsiteX50" fmla="*/ 8242405 w 11269336"/>
              <a:gd name="connsiteY50" fmla="*/ 1095960 h 2323145"/>
              <a:gd name="connsiteX51" fmla="*/ 8197391 w 11269336"/>
              <a:gd name="connsiteY51" fmla="*/ 1107746 h 2323145"/>
              <a:gd name="connsiteX52" fmla="*/ 8081474 w 11269336"/>
              <a:gd name="connsiteY52" fmla="*/ 1130125 h 2323145"/>
              <a:gd name="connsiteX53" fmla="*/ 8053585 w 11269336"/>
              <a:gd name="connsiteY53" fmla="*/ 1129169 h 2323145"/>
              <a:gd name="connsiteX54" fmla="*/ 8038422 w 11269336"/>
              <a:gd name="connsiteY54" fmla="*/ 1119092 h 2323145"/>
              <a:gd name="connsiteX55" fmla="*/ 8029450 w 11269336"/>
              <a:gd name="connsiteY55" fmla="*/ 1125592 h 2323145"/>
              <a:gd name="connsiteX56" fmla="*/ 7959552 w 11269336"/>
              <a:gd name="connsiteY56" fmla="*/ 1140188 h 2323145"/>
              <a:gd name="connsiteX57" fmla="*/ 7914188 w 11269336"/>
              <a:gd name="connsiteY57" fmla="*/ 1150862 h 2323145"/>
              <a:gd name="connsiteX58" fmla="*/ 7914918 w 11269336"/>
              <a:gd name="connsiteY58" fmla="*/ 1168758 h 2323145"/>
              <a:gd name="connsiteX59" fmla="*/ 7875510 w 11269336"/>
              <a:gd name="connsiteY59" fmla="*/ 1183153 h 2323145"/>
              <a:gd name="connsiteX60" fmla="*/ 7829932 w 11269336"/>
              <a:gd name="connsiteY60" fmla="*/ 1180782 h 2323145"/>
              <a:gd name="connsiteX61" fmla="*/ 7779182 w 11269336"/>
              <a:gd name="connsiteY61" fmla="*/ 1192665 h 2323145"/>
              <a:gd name="connsiteX62" fmla="*/ 7748774 w 11269336"/>
              <a:gd name="connsiteY62" fmla="*/ 1199586 h 2323145"/>
              <a:gd name="connsiteX63" fmla="*/ 7671846 w 11269336"/>
              <a:gd name="connsiteY63" fmla="*/ 1231966 h 2323145"/>
              <a:gd name="connsiteX64" fmla="*/ 7554146 w 11269336"/>
              <a:gd name="connsiteY64" fmla="*/ 1319748 h 2323145"/>
              <a:gd name="connsiteX65" fmla="*/ 7515052 w 11269336"/>
              <a:gd name="connsiteY65" fmla="*/ 1336718 h 2323145"/>
              <a:gd name="connsiteX66" fmla="*/ 7507193 w 11269336"/>
              <a:gd name="connsiteY66" fmla="*/ 1334617 h 2323145"/>
              <a:gd name="connsiteX67" fmla="*/ 7461694 w 11269336"/>
              <a:gd name="connsiteY67" fmla="*/ 1375866 h 2323145"/>
              <a:gd name="connsiteX68" fmla="*/ 7377571 w 11269336"/>
              <a:gd name="connsiteY68" fmla="*/ 1400128 h 2323145"/>
              <a:gd name="connsiteX69" fmla="*/ 7311261 w 11269336"/>
              <a:gd name="connsiteY69" fmla="*/ 1412652 h 2323145"/>
              <a:gd name="connsiteX70" fmla="*/ 7275307 w 11269336"/>
              <a:gd name="connsiteY70" fmla="*/ 1422171 h 2323145"/>
              <a:gd name="connsiteX71" fmla="*/ 7247783 w 11269336"/>
              <a:gd name="connsiteY71" fmla="*/ 1426330 h 2323145"/>
              <a:gd name="connsiteX72" fmla="*/ 7185047 w 11269336"/>
              <a:gd name="connsiteY72" fmla="*/ 1451812 h 2323145"/>
              <a:gd name="connsiteX73" fmla="*/ 7084117 w 11269336"/>
              <a:gd name="connsiteY73" fmla="*/ 1500281 h 2323145"/>
              <a:gd name="connsiteX74" fmla="*/ 7062011 w 11269336"/>
              <a:gd name="connsiteY74" fmla="*/ 1509183 h 2323145"/>
              <a:gd name="connsiteX75" fmla="*/ 7040555 w 11269336"/>
              <a:gd name="connsiteY75" fmla="*/ 1511207 h 2323145"/>
              <a:gd name="connsiteX76" fmla="*/ 7033438 w 11269336"/>
              <a:gd name="connsiteY76" fmla="*/ 1506772 h 2323145"/>
              <a:gd name="connsiteX77" fmla="*/ 7020886 w 11269336"/>
              <a:gd name="connsiteY77" fmla="*/ 1510764 h 2323145"/>
              <a:gd name="connsiteX78" fmla="*/ 7017033 w 11269336"/>
              <a:gd name="connsiteY78" fmla="*/ 1510650 h 2323145"/>
              <a:gd name="connsiteX79" fmla="*/ 6995460 w 11269336"/>
              <a:gd name="connsiteY79" fmla="*/ 1511173 h 2323145"/>
              <a:gd name="connsiteX80" fmla="*/ 6962144 w 11269336"/>
              <a:gd name="connsiteY80" fmla="*/ 1541508 h 2323145"/>
              <a:gd name="connsiteX81" fmla="*/ 6910674 w 11269336"/>
              <a:gd name="connsiteY81" fmla="*/ 1554793 h 2323145"/>
              <a:gd name="connsiteX82" fmla="*/ 6732152 w 11269336"/>
              <a:gd name="connsiteY82" fmla="*/ 1642538 h 2323145"/>
              <a:gd name="connsiteX83" fmla="*/ 6694106 w 11269336"/>
              <a:gd name="connsiteY83" fmla="*/ 1632377 h 2323145"/>
              <a:gd name="connsiteX84" fmla="*/ 6617223 w 11269336"/>
              <a:gd name="connsiteY84" fmla="*/ 1659889 h 2323145"/>
              <a:gd name="connsiteX85" fmla="*/ 6521138 w 11269336"/>
              <a:gd name="connsiteY85" fmla="*/ 1744340 h 2323145"/>
              <a:gd name="connsiteX86" fmla="*/ 6380677 w 11269336"/>
              <a:gd name="connsiteY86" fmla="*/ 1796883 h 2323145"/>
              <a:gd name="connsiteX87" fmla="*/ 6374897 w 11269336"/>
              <a:gd name="connsiteY87" fmla="*/ 1809910 h 2323145"/>
              <a:gd name="connsiteX88" fmla="*/ 6364545 w 11269336"/>
              <a:gd name="connsiteY88" fmla="*/ 1820090 h 2323145"/>
              <a:gd name="connsiteX89" fmla="*/ 6362126 w 11269336"/>
              <a:gd name="connsiteY89" fmla="*/ 1819991 h 2323145"/>
              <a:gd name="connsiteX90" fmla="*/ 6346673 w 11269336"/>
              <a:gd name="connsiteY90" fmla="*/ 1827824 h 2323145"/>
              <a:gd name="connsiteX91" fmla="*/ 6345588 w 11269336"/>
              <a:gd name="connsiteY91" fmla="*/ 1832232 h 2323145"/>
              <a:gd name="connsiteX92" fmla="*/ 6335708 w 11269336"/>
              <a:gd name="connsiteY92" fmla="*/ 1838451 h 2323145"/>
              <a:gd name="connsiteX93" fmla="*/ 6318182 w 11269336"/>
              <a:gd name="connsiteY93" fmla="*/ 1852975 h 2323145"/>
              <a:gd name="connsiteX94" fmla="*/ 6313084 w 11269336"/>
              <a:gd name="connsiteY94" fmla="*/ 1853561 h 2323145"/>
              <a:gd name="connsiteX95" fmla="*/ 6283816 w 11269336"/>
              <a:gd name="connsiteY95" fmla="*/ 1872148 h 2323145"/>
              <a:gd name="connsiteX96" fmla="*/ 6282550 w 11269336"/>
              <a:gd name="connsiteY96" fmla="*/ 1871392 h 2323145"/>
              <a:gd name="connsiteX97" fmla="*/ 6270527 w 11269336"/>
              <a:gd name="connsiteY97" fmla="*/ 1872208 h 2323145"/>
              <a:gd name="connsiteX98" fmla="*/ 6249518 w 11269336"/>
              <a:gd name="connsiteY98" fmla="*/ 1876079 h 2323145"/>
              <a:gd name="connsiteX99" fmla="*/ 6190386 w 11269336"/>
              <a:gd name="connsiteY99" fmla="*/ 1872478 h 2323145"/>
              <a:gd name="connsiteX100" fmla="*/ 6159777 w 11269336"/>
              <a:gd name="connsiteY100" fmla="*/ 1891745 h 2323145"/>
              <a:gd name="connsiteX101" fmla="*/ 6153131 w 11269336"/>
              <a:gd name="connsiteY101" fmla="*/ 1895079 h 2323145"/>
              <a:gd name="connsiteX102" fmla="*/ 6152798 w 11269336"/>
              <a:gd name="connsiteY102" fmla="*/ 1894920 h 2323145"/>
              <a:gd name="connsiteX103" fmla="*/ 6145388 w 11269336"/>
              <a:gd name="connsiteY103" fmla="*/ 1897990 h 2323145"/>
              <a:gd name="connsiteX104" fmla="*/ 6141014 w 11269336"/>
              <a:gd name="connsiteY104" fmla="*/ 1901155 h 2323145"/>
              <a:gd name="connsiteX105" fmla="*/ 6128122 w 11269336"/>
              <a:gd name="connsiteY105" fmla="*/ 1907623 h 2323145"/>
              <a:gd name="connsiteX106" fmla="*/ 6122351 w 11269336"/>
              <a:gd name="connsiteY106" fmla="*/ 1908359 h 2323145"/>
              <a:gd name="connsiteX107" fmla="*/ 6064750 w 11269336"/>
              <a:gd name="connsiteY107" fmla="*/ 1896394 h 2323145"/>
              <a:gd name="connsiteX108" fmla="*/ 5964230 w 11269336"/>
              <a:gd name="connsiteY108" fmla="*/ 1910038 h 2323145"/>
              <a:gd name="connsiteX109" fmla="*/ 5865399 w 11269336"/>
              <a:gd name="connsiteY109" fmla="*/ 1926966 h 2323145"/>
              <a:gd name="connsiteX110" fmla="*/ 5829951 w 11269336"/>
              <a:gd name="connsiteY110" fmla="*/ 1934755 h 2323145"/>
              <a:gd name="connsiteX111" fmla="*/ 5765285 w 11269336"/>
              <a:gd name="connsiteY111" fmla="*/ 1941322 h 2323145"/>
              <a:gd name="connsiteX112" fmla="*/ 5734750 w 11269336"/>
              <a:gd name="connsiteY112" fmla="*/ 1939793 h 2323145"/>
              <a:gd name="connsiteX113" fmla="*/ 5733569 w 11269336"/>
              <a:gd name="connsiteY113" fmla="*/ 1940505 h 2323145"/>
              <a:gd name="connsiteX114" fmla="*/ 5730329 w 11269336"/>
              <a:gd name="connsiteY114" fmla="*/ 1937845 h 2323145"/>
              <a:gd name="connsiteX115" fmla="*/ 5724661 w 11269336"/>
              <a:gd name="connsiteY115" fmla="*/ 1937455 h 2323145"/>
              <a:gd name="connsiteX116" fmla="*/ 5710186 w 11269336"/>
              <a:gd name="connsiteY116" fmla="*/ 1941370 h 2323145"/>
              <a:gd name="connsiteX117" fmla="*/ 5704910 w 11269336"/>
              <a:gd name="connsiteY117" fmla="*/ 1943663 h 2323145"/>
              <a:gd name="connsiteX118" fmla="*/ 5696836 w 11269336"/>
              <a:gd name="connsiteY118" fmla="*/ 1945271 h 2323145"/>
              <a:gd name="connsiteX119" fmla="*/ 5696583 w 11269336"/>
              <a:gd name="connsiteY119" fmla="*/ 1945050 h 2323145"/>
              <a:gd name="connsiteX120" fmla="*/ 5689123 w 11269336"/>
              <a:gd name="connsiteY120" fmla="*/ 1947067 h 2323145"/>
              <a:gd name="connsiteX121" fmla="*/ 5653291 w 11269336"/>
              <a:gd name="connsiteY121" fmla="*/ 1960245 h 2323145"/>
              <a:gd name="connsiteX122" fmla="*/ 5599385 w 11269336"/>
              <a:gd name="connsiteY122" fmla="*/ 1945198 h 2323145"/>
              <a:gd name="connsiteX123" fmla="*/ 5578300 w 11269336"/>
              <a:gd name="connsiteY123" fmla="*/ 1944963 h 2323145"/>
              <a:gd name="connsiteX124" fmla="*/ 5566758 w 11269336"/>
              <a:gd name="connsiteY124" fmla="*/ 1943441 h 2323145"/>
              <a:gd name="connsiteX125" fmla="*/ 5565857 w 11269336"/>
              <a:gd name="connsiteY125" fmla="*/ 1942445 h 2323145"/>
              <a:gd name="connsiteX126" fmla="*/ 5531534 w 11269336"/>
              <a:gd name="connsiteY126" fmla="*/ 1955208 h 2323145"/>
              <a:gd name="connsiteX127" fmla="*/ 5526552 w 11269336"/>
              <a:gd name="connsiteY127" fmla="*/ 1954799 h 2323145"/>
              <a:gd name="connsiteX128" fmla="*/ 5504723 w 11269336"/>
              <a:gd name="connsiteY128" fmla="*/ 1965811 h 2323145"/>
              <a:gd name="connsiteX129" fmla="*/ 5493156 w 11269336"/>
              <a:gd name="connsiteY129" fmla="*/ 1970063 h 2323145"/>
              <a:gd name="connsiteX130" fmla="*/ 5490486 w 11269336"/>
              <a:gd name="connsiteY130" fmla="*/ 1974227 h 2323145"/>
              <a:gd name="connsiteX131" fmla="*/ 5473107 w 11269336"/>
              <a:gd name="connsiteY131" fmla="*/ 1979001 h 2323145"/>
              <a:gd name="connsiteX132" fmla="*/ 5470885 w 11269336"/>
              <a:gd name="connsiteY132" fmla="*/ 1978432 h 2323145"/>
              <a:gd name="connsiteX133" fmla="*/ 5457393 w 11269336"/>
              <a:gd name="connsiteY133" fmla="*/ 1986525 h 2323145"/>
              <a:gd name="connsiteX134" fmla="*/ 5447102 w 11269336"/>
              <a:gd name="connsiteY134" fmla="*/ 1998329 h 2323145"/>
              <a:gd name="connsiteX135" fmla="*/ 5159151 w 11269336"/>
              <a:gd name="connsiteY135" fmla="*/ 2029640 h 2323145"/>
              <a:gd name="connsiteX136" fmla="*/ 5041688 w 11269336"/>
              <a:gd name="connsiteY136" fmla="*/ 2022334 h 2323145"/>
              <a:gd name="connsiteX137" fmla="*/ 4860988 w 11269336"/>
              <a:gd name="connsiteY137" fmla="*/ 2135698 h 2323145"/>
              <a:gd name="connsiteX138" fmla="*/ 4807902 w 11269336"/>
              <a:gd name="connsiteY138" fmla="*/ 2138894 h 2323145"/>
              <a:gd name="connsiteX139" fmla="*/ 4765388 w 11269336"/>
              <a:gd name="connsiteY139" fmla="*/ 2162525 h 2323145"/>
              <a:gd name="connsiteX140" fmla="*/ 4745033 w 11269336"/>
              <a:gd name="connsiteY140" fmla="*/ 2158859 h 2323145"/>
              <a:gd name="connsiteX141" fmla="*/ 4741475 w 11269336"/>
              <a:gd name="connsiteY141" fmla="*/ 2157998 h 2323145"/>
              <a:gd name="connsiteX142" fmla="*/ 4728247 w 11269336"/>
              <a:gd name="connsiteY142" fmla="*/ 2159526 h 2323145"/>
              <a:gd name="connsiteX143" fmla="*/ 4723263 w 11269336"/>
              <a:gd name="connsiteY143" fmla="*/ 2153742 h 2323145"/>
              <a:gd name="connsiteX144" fmla="*/ 4702453 w 11269336"/>
              <a:gd name="connsiteY144" fmla="*/ 2151586 h 2323145"/>
              <a:gd name="connsiteX145" fmla="*/ 4678455 w 11269336"/>
              <a:gd name="connsiteY145" fmla="*/ 2156131 h 2323145"/>
              <a:gd name="connsiteX146" fmla="*/ 4593061 w 11269336"/>
              <a:gd name="connsiteY146" fmla="*/ 2171597 h 2323145"/>
              <a:gd name="connsiteX147" fmla="*/ 4579902 w 11269336"/>
              <a:gd name="connsiteY147" fmla="*/ 2177927 h 2323145"/>
              <a:gd name="connsiteX148" fmla="*/ 4533444 w 11269336"/>
              <a:gd name="connsiteY148" fmla="*/ 2181200 h 2323145"/>
              <a:gd name="connsiteX149" fmla="*/ 4492832 w 11269336"/>
              <a:gd name="connsiteY149" fmla="*/ 2188033 h 2323145"/>
              <a:gd name="connsiteX150" fmla="*/ 4467257 w 11269336"/>
              <a:gd name="connsiteY150" fmla="*/ 2196121 h 2323145"/>
              <a:gd name="connsiteX151" fmla="*/ 4459937 w 11269336"/>
              <a:gd name="connsiteY151" fmla="*/ 2195182 h 2323145"/>
              <a:gd name="connsiteX152" fmla="*/ 4433312 w 11269336"/>
              <a:gd name="connsiteY152" fmla="*/ 2199004 h 2323145"/>
              <a:gd name="connsiteX153" fmla="*/ 4420601 w 11269336"/>
              <a:gd name="connsiteY153" fmla="*/ 2205158 h 2323145"/>
              <a:gd name="connsiteX154" fmla="*/ 4405765 w 11269336"/>
              <a:gd name="connsiteY154" fmla="*/ 2199902 h 2323145"/>
              <a:gd name="connsiteX155" fmla="*/ 4401354 w 11269336"/>
              <a:gd name="connsiteY155" fmla="*/ 2194745 h 2323145"/>
              <a:gd name="connsiteX156" fmla="*/ 4383151 w 11269336"/>
              <a:gd name="connsiteY156" fmla="*/ 2201140 h 2323145"/>
              <a:gd name="connsiteX157" fmla="*/ 4366646 w 11269336"/>
              <a:gd name="connsiteY157" fmla="*/ 2198564 h 2323145"/>
              <a:gd name="connsiteX158" fmla="*/ 4354009 w 11269336"/>
              <a:gd name="connsiteY158" fmla="*/ 2204984 h 2323145"/>
              <a:gd name="connsiteX159" fmla="*/ 4348284 w 11269336"/>
              <a:gd name="connsiteY159" fmla="*/ 2205270 h 2323145"/>
              <a:gd name="connsiteX160" fmla="*/ 4333906 w 11269336"/>
              <a:gd name="connsiteY160" fmla="*/ 2205251 h 2323145"/>
              <a:gd name="connsiteX161" fmla="*/ 4308819 w 11269336"/>
              <a:gd name="connsiteY161" fmla="*/ 2203822 h 2323145"/>
              <a:gd name="connsiteX162" fmla="*/ 4301210 w 11269336"/>
              <a:gd name="connsiteY162" fmla="*/ 2204456 h 2323145"/>
              <a:gd name="connsiteX163" fmla="*/ 4283095 w 11269336"/>
              <a:gd name="connsiteY163" fmla="*/ 2198177 h 2323145"/>
              <a:gd name="connsiteX164" fmla="*/ 4250119 w 11269336"/>
              <a:gd name="connsiteY164" fmla="*/ 2196342 h 2323145"/>
              <a:gd name="connsiteX165" fmla="*/ 4189203 w 11269336"/>
              <a:gd name="connsiteY165" fmla="*/ 2178994 h 2323145"/>
              <a:gd name="connsiteX166" fmla="*/ 4154035 w 11269336"/>
              <a:gd name="connsiteY166" fmla="*/ 2171950 h 2323145"/>
              <a:gd name="connsiteX167" fmla="*/ 4129569 w 11269336"/>
              <a:gd name="connsiteY167" fmla="*/ 2163850 h 2323145"/>
              <a:gd name="connsiteX168" fmla="*/ 4061250 w 11269336"/>
              <a:gd name="connsiteY168" fmla="*/ 2159236 h 2323145"/>
              <a:gd name="connsiteX169" fmla="*/ 3945480 w 11269336"/>
              <a:gd name="connsiteY169" fmla="*/ 2158279 h 2323145"/>
              <a:gd name="connsiteX170" fmla="*/ 3921468 w 11269336"/>
              <a:gd name="connsiteY170" fmla="*/ 2156588 h 2323145"/>
              <a:gd name="connsiteX171" fmla="*/ 3903348 w 11269336"/>
              <a:gd name="connsiteY171" fmla="*/ 2149220 h 2323145"/>
              <a:gd name="connsiteX172" fmla="*/ 3901342 w 11269336"/>
              <a:gd name="connsiteY172" fmla="*/ 2142355 h 2323145"/>
              <a:gd name="connsiteX173" fmla="*/ 3888539 w 11269336"/>
              <a:gd name="connsiteY173" fmla="*/ 2140476 h 2323145"/>
              <a:gd name="connsiteX174" fmla="*/ 3885662 w 11269336"/>
              <a:gd name="connsiteY174" fmla="*/ 2138740 h 2323145"/>
              <a:gd name="connsiteX175" fmla="*/ 3868627 w 11269336"/>
              <a:gd name="connsiteY175" fmla="*/ 2130023 h 2323145"/>
              <a:gd name="connsiteX176" fmla="*/ 3819177 w 11269336"/>
              <a:gd name="connsiteY176" fmla="*/ 2142111 h 2323145"/>
              <a:gd name="connsiteX177" fmla="*/ 3769100 w 11269336"/>
              <a:gd name="connsiteY177" fmla="*/ 2131731 h 2323145"/>
              <a:gd name="connsiteX178" fmla="*/ 3562752 w 11269336"/>
              <a:gd name="connsiteY178" fmla="*/ 2131785 h 2323145"/>
              <a:gd name="connsiteX179" fmla="*/ 3541402 w 11269336"/>
              <a:gd name="connsiteY179" fmla="*/ 2106821 h 2323145"/>
              <a:gd name="connsiteX180" fmla="*/ 3365341 w 11269336"/>
              <a:gd name="connsiteY180" fmla="*/ 2077638 h 2323145"/>
              <a:gd name="connsiteX181" fmla="*/ 3170922 w 11269336"/>
              <a:gd name="connsiteY181" fmla="*/ 2115957 h 2323145"/>
              <a:gd name="connsiteX182" fmla="*/ 3156256 w 11269336"/>
              <a:gd name="connsiteY182" fmla="*/ 2124773 h 2323145"/>
              <a:gd name="connsiteX183" fmla="*/ 3140298 w 11269336"/>
              <a:gd name="connsiteY183" fmla="*/ 2129182 h 2323145"/>
              <a:gd name="connsiteX184" fmla="*/ 3138514 w 11269336"/>
              <a:gd name="connsiteY184" fmla="*/ 2128069 h 2323145"/>
              <a:gd name="connsiteX185" fmla="*/ 3120467 w 11269336"/>
              <a:gd name="connsiteY185" fmla="*/ 2128281 h 2323145"/>
              <a:gd name="connsiteX186" fmla="*/ 3116175 w 11269336"/>
              <a:gd name="connsiteY186" fmla="*/ 2131633 h 2323145"/>
              <a:gd name="connsiteX187" fmla="*/ 3103685 w 11269336"/>
              <a:gd name="connsiteY187" fmla="*/ 2132814 h 2323145"/>
              <a:gd name="connsiteX188" fmla="*/ 3078794 w 11269336"/>
              <a:gd name="connsiteY188" fmla="*/ 2137935 h 2323145"/>
              <a:gd name="connsiteX189" fmla="*/ 3074407 w 11269336"/>
              <a:gd name="connsiteY189" fmla="*/ 2136274 h 2323145"/>
              <a:gd name="connsiteX190" fmla="*/ 3037285 w 11269336"/>
              <a:gd name="connsiteY190" fmla="*/ 2139919 h 2323145"/>
              <a:gd name="connsiteX191" fmla="*/ 3036901 w 11269336"/>
              <a:gd name="connsiteY191" fmla="*/ 2138726 h 2323145"/>
              <a:gd name="connsiteX192" fmla="*/ 3026996 w 11269336"/>
              <a:gd name="connsiteY192" fmla="*/ 2134322 h 2323145"/>
              <a:gd name="connsiteX193" fmla="*/ 3007772 w 11269336"/>
              <a:gd name="connsiteY193" fmla="*/ 2128742 h 2323145"/>
              <a:gd name="connsiteX194" fmla="*/ 2965030 w 11269336"/>
              <a:gd name="connsiteY194" fmla="*/ 2100494 h 2323145"/>
              <a:gd name="connsiteX195" fmla="*/ 2926342 w 11269336"/>
              <a:gd name="connsiteY195" fmla="*/ 2104155 h 2323145"/>
              <a:gd name="connsiteX196" fmla="*/ 2918608 w 11269336"/>
              <a:gd name="connsiteY196" fmla="*/ 2104215 h 2323145"/>
              <a:gd name="connsiteX197" fmla="*/ 2918475 w 11269336"/>
              <a:gd name="connsiteY197" fmla="*/ 2103937 h 2323145"/>
              <a:gd name="connsiteX198" fmla="*/ 2910360 w 11269336"/>
              <a:gd name="connsiteY198" fmla="*/ 2103444 h 2323145"/>
              <a:gd name="connsiteX199" fmla="*/ 2904507 w 11269336"/>
              <a:gd name="connsiteY199" fmla="*/ 2104326 h 2323145"/>
              <a:gd name="connsiteX200" fmla="*/ 2889503 w 11269336"/>
              <a:gd name="connsiteY200" fmla="*/ 2104443 h 2323145"/>
              <a:gd name="connsiteX201" fmla="*/ 2884480 w 11269336"/>
              <a:gd name="connsiteY201" fmla="*/ 2102626 h 2323145"/>
              <a:gd name="connsiteX202" fmla="*/ 2882689 w 11269336"/>
              <a:gd name="connsiteY202" fmla="*/ 2099228 h 2323145"/>
              <a:gd name="connsiteX203" fmla="*/ 2881291 w 11269336"/>
              <a:gd name="connsiteY203" fmla="*/ 2099618 h 2323145"/>
              <a:gd name="connsiteX204" fmla="*/ 2853979 w 11269336"/>
              <a:gd name="connsiteY204" fmla="*/ 2090388 h 2323145"/>
              <a:gd name="connsiteX205" fmla="*/ 2791790 w 11269336"/>
              <a:gd name="connsiteY205" fmla="*/ 2080332 h 2323145"/>
              <a:gd name="connsiteX206" fmla="*/ 2755844 w 11269336"/>
              <a:gd name="connsiteY206" fmla="*/ 2078874 h 2323145"/>
              <a:gd name="connsiteX207" fmla="*/ 2657742 w 11269336"/>
              <a:gd name="connsiteY207" fmla="*/ 2070179 h 2323145"/>
              <a:gd name="connsiteX208" fmla="*/ 2559549 w 11269336"/>
              <a:gd name="connsiteY208" fmla="*/ 2057873 h 2323145"/>
              <a:gd name="connsiteX209" fmla="*/ 2512054 w 11269336"/>
              <a:gd name="connsiteY209" fmla="*/ 2031671 h 2323145"/>
              <a:gd name="connsiteX210" fmla="*/ 2506437 w 11269336"/>
              <a:gd name="connsiteY210" fmla="*/ 2030918 h 2323145"/>
              <a:gd name="connsiteX211" fmla="*/ 2491752 w 11269336"/>
              <a:gd name="connsiteY211" fmla="*/ 2033906 h 2323145"/>
              <a:gd name="connsiteX212" fmla="*/ 2486338 w 11269336"/>
              <a:gd name="connsiteY212" fmla="*/ 2035862 h 2323145"/>
              <a:gd name="connsiteX213" fmla="*/ 2478186 w 11269336"/>
              <a:gd name="connsiteY213" fmla="*/ 2036953 h 2323145"/>
              <a:gd name="connsiteX214" fmla="*/ 2477950 w 11269336"/>
              <a:gd name="connsiteY214" fmla="*/ 2036715 h 2323145"/>
              <a:gd name="connsiteX215" fmla="*/ 2470381 w 11269336"/>
              <a:gd name="connsiteY215" fmla="*/ 2038256 h 2323145"/>
              <a:gd name="connsiteX216" fmla="*/ 2433781 w 11269336"/>
              <a:gd name="connsiteY216" fmla="*/ 2049140 h 2323145"/>
              <a:gd name="connsiteX217" fmla="*/ 2381172 w 11269336"/>
              <a:gd name="connsiteY217" fmla="*/ 2030645 h 2323145"/>
              <a:gd name="connsiteX218" fmla="*/ 2360198 w 11269336"/>
              <a:gd name="connsiteY218" fmla="*/ 2029059 h 2323145"/>
              <a:gd name="connsiteX219" fmla="*/ 2348815 w 11269336"/>
              <a:gd name="connsiteY219" fmla="*/ 2026798 h 2323145"/>
              <a:gd name="connsiteX220" fmla="*/ 2347988 w 11269336"/>
              <a:gd name="connsiteY220" fmla="*/ 2025745 h 2323145"/>
              <a:gd name="connsiteX221" fmla="*/ 2312920 w 11269336"/>
              <a:gd name="connsiteY221" fmla="*/ 2036311 h 2323145"/>
              <a:gd name="connsiteX222" fmla="*/ 2307986 w 11269336"/>
              <a:gd name="connsiteY222" fmla="*/ 2035583 h 2323145"/>
              <a:gd name="connsiteX223" fmla="*/ 2285481 w 11269336"/>
              <a:gd name="connsiteY223" fmla="*/ 2045197 h 2323145"/>
              <a:gd name="connsiteX224" fmla="*/ 2273666 w 11269336"/>
              <a:gd name="connsiteY224" fmla="*/ 2048710 h 2323145"/>
              <a:gd name="connsiteX225" fmla="*/ 2270719 w 11269336"/>
              <a:gd name="connsiteY225" fmla="*/ 2052702 h 2323145"/>
              <a:gd name="connsiteX226" fmla="*/ 2253080 w 11269336"/>
              <a:gd name="connsiteY226" fmla="*/ 2056363 h 2323145"/>
              <a:gd name="connsiteX227" fmla="*/ 2250906 w 11269336"/>
              <a:gd name="connsiteY227" fmla="*/ 2055654 h 2323145"/>
              <a:gd name="connsiteX228" fmla="*/ 2236905 w 11269336"/>
              <a:gd name="connsiteY228" fmla="*/ 2062882 h 2323145"/>
              <a:gd name="connsiteX229" fmla="*/ 2225830 w 11269336"/>
              <a:gd name="connsiteY229" fmla="*/ 2074027 h 2323145"/>
              <a:gd name="connsiteX230" fmla="*/ 2073776 w 11269336"/>
              <a:gd name="connsiteY230" fmla="*/ 2089244 h 2323145"/>
              <a:gd name="connsiteX231" fmla="*/ 1948256 w 11269336"/>
              <a:gd name="connsiteY231" fmla="*/ 2146616 h 2323145"/>
              <a:gd name="connsiteX232" fmla="*/ 1865582 w 11269336"/>
              <a:gd name="connsiteY232" fmla="*/ 2153738 h 2323145"/>
              <a:gd name="connsiteX233" fmla="*/ 1835210 w 11269336"/>
              <a:gd name="connsiteY233" fmla="*/ 2134244 h 2323145"/>
              <a:gd name="connsiteX234" fmla="*/ 1632661 w 11269336"/>
              <a:gd name="connsiteY234" fmla="*/ 2173882 h 2323145"/>
              <a:gd name="connsiteX235" fmla="*/ 1579590 w 11269336"/>
              <a:gd name="connsiteY235" fmla="*/ 2173680 h 2323145"/>
              <a:gd name="connsiteX236" fmla="*/ 1535601 w 11269336"/>
              <a:gd name="connsiteY236" fmla="*/ 2194590 h 2323145"/>
              <a:gd name="connsiteX237" fmla="*/ 1515594 w 11269336"/>
              <a:gd name="connsiteY237" fmla="*/ 2189622 h 2323145"/>
              <a:gd name="connsiteX238" fmla="*/ 1512113 w 11269336"/>
              <a:gd name="connsiteY238" fmla="*/ 2188534 h 2323145"/>
              <a:gd name="connsiteX239" fmla="*/ 1498838 w 11269336"/>
              <a:gd name="connsiteY239" fmla="*/ 2189213 h 2323145"/>
              <a:gd name="connsiteX240" fmla="*/ 1494279 w 11269336"/>
              <a:gd name="connsiteY240" fmla="*/ 2183112 h 2323145"/>
              <a:gd name="connsiteX241" fmla="*/ 1473714 w 11269336"/>
              <a:gd name="connsiteY241" fmla="*/ 2179625 h 2323145"/>
              <a:gd name="connsiteX242" fmla="*/ 1449503 w 11269336"/>
              <a:gd name="connsiteY242" fmla="*/ 2182633 h 2323145"/>
              <a:gd name="connsiteX243" fmla="*/ 1266687 w 11269336"/>
              <a:gd name="connsiteY243" fmla="*/ 2212688 h 2323145"/>
              <a:gd name="connsiteX244" fmla="*/ 1239614 w 11269336"/>
              <a:gd name="connsiteY244" fmla="*/ 2209727 h 2323145"/>
              <a:gd name="connsiteX245" fmla="*/ 1202436 w 11269336"/>
              <a:gd name="connsiteY245" fmla="*/ 2209817 h 2323145"/>
              <a:gd name="connsiteX246" fmla="*/ 1136097 w 11269336"/>
              <a:gd name="connsiteY246" fmla="*/ 2205112 h 2323145"/>
              <a:gd name="connsiteX247" fmla="*/ 988232 w 11269336"/>
              <a:gd name="connsiteY247" fmla="*/ 2235635 h 2323145"/>
              <a:gd name="connsiteX248" fmla="*/ 981959 w 11269336"/>
              <a:gd name="connsiteY248" fmla="*/ 2231607 h 2323145"/>
              <a:gd name="connsiteX249" fmla="*/ 938600 w 11269336"/>
              <a:gd name="connsiteY249" fmla="*/ 2238113 h 2323145"/>
              <a:gd name="connsiteX250" fmla="*/ 791788 w 11269336"/>
              <a:gd name="connsiteY250" fmla="*/ 2293224 h 2323145"/>
              <a:gd name="connsiteX251" fmla="*/ 706914 w 11269336"/>
              <a:gd name="connsiteY251" fmla="*/ 2305046 h 2323145"/>
              <a:gd name="connsiteX252" fmla="*/ 675971 w 11269336"/>
              <a:gd name="connsiteY252" fmla="*/ 2304030 h 2323145"/>
              <a:gd name="connsiteX253" fmla="*/ 624180 w 11269336"/>
              <a:gd name="connsiteY253" fmla="*/ 2302650 h 2323145"/>
              <a:gd name="connsiteX254" fmla="*/ 583453 w 11269336"/>
              <a:gd name="connsiteY254" fmla="*/ 2288788 h 2323145"/>
              <a:gd name="connsiteX255" fmla="*/ 540946 w 11269336"/>
              <a:gd name="connsiteY255" fmla="*/ 2292721 h 2323145"/>
              <a:gd name="connsiteX256" fmla="*/ 533680 w 11269336"/>
              <a:gd name="connsiteY256" fmla="*/ 2310233 h 2323145"/>
              <a:gd name="connsiteX257" fmla="*/ 487366 w 11269336"/>
              <a:gd name="connsiteY257" fmla="*/ 2309053 h 2323145"/>
              <a:gd name="connsiteX258" fmla="*/ 416820 w 11269336"/>
              <a:gd name="connsiteY258" fmla="*/ 2305443 h 2323145"/>
              <a:gd name="connsiteX259" fmla="*/ 376805 w 11269336"/>
              <a:gd name="connsiteY259" fmla="*/ 2307647 h 2323145"/>
              <a:gd name="connsiteX260" fmla="*/ 266777 w 11269336"/>
              <a:gd name="connsiteY260" fmla="*/ 2309012 h 2323145"/>
              <a:gd name="connsiteX261" fmla="*/ 156013 w 11269336"/>
              <a:gd name="connsiteY261" fmla="*/ 2306832 h 2323145"/>
              <a:gd name="connsiteX262" fmla="*/ 87258 w 11269336"/>
              <a:gd name="connsiteY262" fmla="*/ 2285511 h 2323145"/>
              <a:gd name="connsiteX263" fmla="*/ 23798 w 11269336"/>
              <a:gd name="connsiteY263" fmla="*/ 2281822 h 2323145"/>
              <a:gd name="connsiteX264" fmla="*/ 0 w 11269336"/>
              <a:gd name="connsiteY264" fmla="*/ 2285369 h 2323145"/>
              <a:gd name="connsiteX265" fmla="*/ 0 w 11269336"/>
              <a:gd name="connsiteY26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8977138 w 11269336"/>
              <a:gd name="connsiteY22" fmla="*/ 774970 h 2323145"/>
              <a:gd name="connsiteX23" fmla="*/ 9070855 w 11269336"/>
              <a:gd name="connsiteY23" fmla="*/ 794621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795998 w 11269336"/>
              <a:gd name="connsiteY29" fmla="*/ 863337 h 2323145"/>
              <a:gd name="connsiteX30" fmla="*/ 8776970 w 11269336"/>
              <a:gd name="connsiteY30" fmla="*/ 885177 h 2323145"/>
              <a:gd name="connsiteX31" fmla="*/ 8755719 w 11269336"/>
              <a:gd name="connsiteY31" fmla="*/ 889754 h 2323145"/>
              <a:gd name="connsiteX32" fmla="*/ 8743257 w 11269336"/>
              <a:gd name="connsiteY32" fmla="*/ 904723 h 2323145"/>
              <a:gd name="connsiteX33" fmla="*/ 8721366 w 11269336"/>
              <a:gd name="connsiteY33" fmla="*/ 904711 h 2323145"/>
              <a:gd name="connsiteX34" fmla="*/ 8678353 w 11269336"/>
              <a:gd name="connsiteY34" fmla="*/ 926318 h 2323145"/>
              <a:gd name="connsiteX35" fmla="*/ 8636849 w 11269336"/>
              <a:gd name="connsiteY35" fmla="*/ 937900 h 2323145"/>
              <a:gd name="connsiteX36" fmla="*/ 8620213 w 11269336"/>
              <a:gd name="connsiteY36" fmla="*/ 943068 h 2323145"/>
              <a:gd name="connsiteX37" fmla="*/ 8612581 w 11269336"/>
              <a:gd name="connsiteY37" fmla="*/ 952695 h 2323145"/>
              <a:gd name="connsiteX38" fmla="*/ 8589038 w 11269336"/>
              <a:gd name="connsiteY38" fmla="*/ 963892 h 2323145"/>
              <a:gd name="connsiteX39" fmla="*/ 8579950 w 11269336"/>
              <a:gd name="connsiteY39" fmla="*/ 960899 h 2323145"/>
              <a:gd name="connsiteX40" fmla="*/ 8579319 w 11269336"/>
              <a:gd name="connsiteY40" fmla="*/ 965630 h 2323145"/>
              <a:gd name="connsiteX41" fmla="*/ 8547429 w 11269336"/>
              <a:gd name="connsiteY41" fmla="*/ 984506 h 2323145"/>
              <a:gd name="connsiteX42" fmla="*/ 8478704 w 11269336"/>
              <a:gd name="connsiteY42" fmla="*/ 1025490 h 2323145"/>
              <a:gd name="connsiteX43" fmla="*/ 8461421 w 11269336"/>
              <a:gd name="connsiteY43" fmla="*/ 1035512 h 2323145"/>
              <a:gd name="connsiteX44" fmla="*/ 8445003 w 11269336"/>
              <a:gd name="connsiteY44" fmla="*/ 1036851 h 2323145"/>
              <a:gd name="connsiteX45" fmla="*/ 8357350 w 11269336"/>
              <a:gd name="connsiteY45" fmla="*/ 1060213 h 2323145"/>
              <a:gd name="connsiteX46" fmla="*/ 8335565 w 11269336"/>
              <a:gd name="connsiteY46" fmla="*/ 1061151 h 2323145"/>
              <a:gd name="connsiteX47" fmla="*/ 8325267 w 11269336"/>
              <a:gd name="connsiteY47" fmla="*/ 1055919 h 2323145"/>
              <a:gd name="connsiteX48" fmla="*/ 8293586 w 11269336"/>
              <a:gd name="connsiteY48" fmla="*/ 1076144 h 2323145"/>
              <a:gd name="connsiteX49" fmla="*/ 8242405 w 11269336"/>
              <a:gd name="connsiteY49" fmla="*/ 1095960 h 2323145"/>
              <a:gd name="connsiteX50" fmla="*/ 8197391 w 11269336"/>
              <a:gd name="connsiteY50" fmla="*/ 1107746 h 2323145"/>
              <a:gd name="connsiteX51" fmla="*/ 8081474 w 11269336"/>
              <a:gd name="connsiteY51" fmla="*/ 1130125 h 2323145"/>
              <a:gd name="connsiteX52" fmla="*/ 8053585 w 11269336"/>
              <a:gd name="connsiteY52" fmla="*/ 1129169 h 2323145"/>
              <a:gd name="connsiteX53" fmla="*/ 8038422 w 11269336"/>
              <a:gd name="connsiteY53" fmla="*/ 1119092 h 2323145"/>
              <a:gd name="connsiteX54" fmla="*/ 8029450 w 11269336"/>
              <a:gd name="connsiteY54" fmla="*/ 1125592 h 2323145"/>
              <a:gd name="connsiteX55" fmla="*/ 7959552 w 11269336"/>
              <a:gd name="connsiteY55" fmla="*/ 1140188 h 2323145"/>
              <a:gd name="connsiteX56" fmla="*/ 7914188 w 11269336"/>
              <a:gd name="connsiteY56" fmla="*/ 1150862 h 2323145"/>
              <a:gd name="connsiteX57" fmla="*/ 7914918 w 11269336"/>
              <a:gd name="connsiteY57" fmla="*/ 1168758 h 2323145"/>
              <a:gd name="connsiteX58" fmla="*/ 7875510 w 11269336"/>
              <a:gd name="connsiteY58" fmla="*/ 1183153 h 2323145"/>
              <a:gd name="connsiteX59" fmla="*/ 7829932 w 11269336"/>
              <a:gd name="connsiteY59" fmla="*/ 1180782 h 2323145"/>
              <a:gd name="connsiteX60" fmla="*/ 7779182 w 11269336"/>
              <a:gd name="connsiteY60" fmla="*/ 1192665 h 2323145"/>
              <a:gd name="connsiteX61" fmla="*/ 7748774 w 11269336"/>
              <a:gd name="connsiteY61" fmla="*/ 1199586 h 2323145"/>
              <a:gd name="connsiteX62" fmla="*/ 7671846 w 11269336"/>
              <a:gd name="connsiteY62" fmla="*/ 1231966 h 2323145"/>
              <a:gd name="connsiteX63" fmla="*/ 7554146 w 11269336"/>
              <a:gd name="connsiteY63" fmla="*/ 1319748 h 2323145"/>
              <a:gd name="connsiteX64" fmla="*/ 7515052 w 11269336"/>
              <a:gd name="connsiteY64" fmla="*/ 1336718 h 2323145"/>
              <a:gd name="connsiteX65" fmla="*/ 7507193 w 11269336"/>
              <a:gd name="connsiteY65" fmla="*/ 1334617 h 2323145"/>
              <a:gd name="connsiteX66" fmla="*/ 7461694 w 11269336"/>
              <a:gd name="connsiteY66" fmla="*/ 1375866 h 2323145"/>
              <a:gd name="connsiteX67" fmla="*/ 7377571 w 11269336"/>
              <a:gd name="connsiteY67" fmla="*/ 1400128 h 2323145"/>
              <a:gd name="connsiteX68" fmla="*/ 7311261 w 11269336"/>
              <a:gd name="connsiteY68" fmla="*/ 1412652 h 2323145"/>
              <a:gd name="connsiteX69" fmla="*/ 7275307 w 11269336"/>
              <a:gd name="connsiteY69" fmla="*/ 1422171 h 2323145"/>
              <a:gd name="connsiteX70" fmla="*/ 7247783 w 11269336"/>
              <a:gd name="connsiteY70" fmla="*/ 1426330 h 2323145"/>
              <a:gd name="connsiteX71" fmla="*/ 7185047 w 11269336"/>
              <a:gd name="connsiteY71" fmla="*/ 1451812 h 2323145"/>
              <a:gd name="connsiteX72" fmla="*/ 7084117 w 11269336"/>
              <a:gd name="connsiteY72" fmla="*/ 1500281 h 2323145"/>
              <a:gd name="connsiteX73" fmla="*/ 7062011 w 11269336"/>
              <a:gd name="connsiteY73" fmla="*/ 1509183 h 2323145"/>
              <a:gd name="connsiteX74" fmla="*/ 7040555 w 11269336"/>
              <a:gd name="connsiteY74" fmla="*/ 1511207 h 2323145"/>
              <a:gd name="connsiteX75" fmla="*/ 7033438 w 11269336"/>
              <a:gd name="connsiteY75" fmla="*/ 1506772 h 2323145"/>
              <a:gd name="connsiteX76" fmla="*/ 7020886 w 11269336"/>
              <a:gd name="connsiteY76" fmla="*/ 1510764 h 2323145"/>
              <a:gd name="connsiteX77" fmla="*/ 7017033 w 11269336"/>
              <a:gd name="connsiteY77" fmla="*/ 1510650 h 2323145"/>
              <a:gd name="connsiteX78" fmla="*/ 6995460 w 11269336"/>
              <a:gd name="connsiteY78" fmla="*/ 1511173 h 2323145"/>
              <a:gd name="connsiteX79" fmla="*/ 6962144 w 11269336"/>
              <a:gd name="connsiteY79" fmla="*/ 1541508 h 2323145"/>
              <a:gd name="connsiteX80" fmla="*/ 6910674 w 11269336"/>
              <a:gd name="connsiteY80" fmla="*/ 1554793 h 2323145"/>
              <a:gd name="connsiteX81" fmla="*/ 6732152 w 11269336"/>
              <a:gd name="connsiteY81" fmla="*/ 1642538 h 2323145"/>
              <a:gd name="connsiteX82" fmla="*/ 6694106 w 11269336"/>
              <a:gd name="connsiteY82" fmla="*/ 1632377 h 2323145"/>
              <a:gd name="connsiteX83" fmla="*/ 6617223 w 11269336"/>
              <a:gd name="connsiteY83" fmla="*/ 1659889 h 2323145"/>
              <a:gd name="connsiteX84" fmla="*/ 6521138 w 11269336"/>
              <a:gd name="connsiteY84" fmla="*/ 1744340 h 2323145"/>
              <a:gd name="connsiteX85" fmla="*/ 6380677 w 11269336"/>
              <a:gd name="connsiteY85" fmla="*/ 1796883 h 2323145"/>
              <a:gd name="connsiteX86" fmla="*/ 6374897 w 11269336"/>
              <a:gd name="connsiteY86" fmla="*/ 1809910 h 2323145"/>
              <a:gd name="connsiteX87" fmla="*/ 6364545 w 11269336"/>
              <a:gd name="connsiteY87" fmla="*/ 1820090 h 2323145"/>
              <a:gd name="connsiteX88" fmla="*/ 6362126 w 11269336"/>
              <a:gd name="connsiteY88" fmla="*/ 1819991 h 2323145"/>
              <a:gd name="connsiteX89" fmla="*/ 6346673 w 11269336"/>
              <a:gd name="connsiteY89" fmla="*/ 1827824 h 2323145"/>
              <a:gd name="connsiteX90" fmla="*/ 6345588 w 11269336"/>
              <a:gd name="connsiteY90" fmla="*/ 1832232 h 2323145"/>
              <a:gd name="connsiteX91" fmla="*/ 6335708 w 11269336"/>
              <a:gd name="connsiteY91" fmla="*/ 1838451 h 2323145"/>
              <a:gd name="connsiteX92" fmla="*/ 6318182 w 11269336"/>
              <a:gd name="connsiteY92" fmla="*/ 1852975 h 2323145"/>
              <a:gd name="connsiteX93" fmla="*/ 6313084 w 11269336"/>
              <a:gd name="connsiteY93" fmla="*/ 1853561 h 2323145"/>
              <a:gd name="connsiteX94" fmla="*/ 6283816 w 11269336"/>
              <a:gd name="connsiteY94" fmla="*/ 1872148 h 2323145"/>
              <a:gd name="connsiteX95" fmla="*/ 6282550 w 11269336"/>
              <a:gd name="connsiteY95" fmla="*/ 1871392 h 2323145"/>
              <a:gd name="connsiteX96" fmla="*/ 6270527 w 11269336"/>
              <a:gd name="connsiteY96" fmla="*/ 1872208 h 2323145"/>
              <a:gd name="connsiteX97" fmla="*/ 6249518 w 11269336"/>
              <a:gd name="connsiteY97" fmla="*/ 1876079 h 2323145"/>
              <a:gd name="connsiteX98" fmla="*/ 6190386 w 11269336"/>
              <a:gd name="connsiteY98" fmla="*/ 1872478 h 2323145"/>
              <a:gd name="connsiteX99" fmla="*/ 6159777 w 11269336"/>
              <a:gd name="connsiteY99" fmla="*/ 1891745 h 2323145"/>
              <a:gd name="connsiteX100" fmla="*/ 6153131 w 11269336"/>
              <a:gd name="connsiteY100" fmla="*/ 1895079 h 2323145"/>
              <a:gd name="connsiteX101" fmla="*/ 6152798 w 11269336"/>
              <a:gd name="connsiteY101" fmla="*/ 1894920 h 2323145"/>
              <a:gd name="connsiteX102" fmla="*/ 6145388 w 11269336"/>
              <a:gd name="connsiteY102" fmla="*/ 1897990 h 2323145"/>
              <a:gd name="connsiteX103" fmla="*/ 6141014 w 11269336"/>
              <a:gd name="connsiteY103" fmla="*/ 1901155 h 2323145"/>
              <a:gd name="connsiteX104" fmla="*/ 6128122 w 11269336"/>
              <a:gd name="connsiteY104" fmla="*/ 1907623 h 2323145"/>
              <a:gd name="connsiteX105" fmla="*/ 6122351 w 11269336"/>
              <a:gd name="connsiteY105" fmla="*/ 1908359 h 2323145"/>
              <a:gd name="connsiteX106" fmla="*/ 6064750 w 11269336"/>
              <a:gd name="connsiteY106" fmla="*/ 1896394 h 2323145"/>
              <a:gd name="connsiteX107" fmla="*/ 5964230 w 11269336"/>
              <a:gd name="connsiteY107" fmla="*/ 1910038 h 2323145"/>
              <a:gd name="connsiteX108" fmla="*/ 5865399 w 11269336"/>
              <a:gd name="connsiteY108" fmla="*/ 1926966 h 2323145"/>
              <a:gd name="connsiteX109" fmla="*/ 5829951 w 11269336"/>
              <a:gd name="connsiteY109" fmla="*/ 1934755 h 2323145"/>
              <a:gd name="connsiteX110" fmla="*/ 5765285 w 11269336"/>
              <a:gd name="connsiteY110" fmla="*/ 1941322 h 2323145"/>
              <a:gd name="connsiteX111" fmla="*/ 5734750 w 11269336"/>
              <a:gd name="connsiteY111" fmla="*/ 1939793 h 2323145"/>
              <a:gd name="connsiteX112" fmla="*/ 5733569 w 11269336"/>
              <a:gd name="connsiteY112" fmla="*/ 1940505 h 2323145"/>
              <a:gd name="connsiteX113" fmla="*/ 5730329 w 11269336"/>
              <a:gd name="connsiteY113" fmla="*/ 1937845 h 2323145"/>
              <a:gd name="connsiteX114" fmla="*/ 5724661 w 11269336"/>
              <a:gd name="connsiteY114" fmla="*/ 1937455 h 2323145"/>
              <a:gd name="connsiteX115" fmla="*/ 5710186 w 11269336"/>
              <a:gd name="connsiteY115" fmla="*/ 1941370 h 2323145"/>
              <a:gd name="connsiteX116" fmla="*/ 5704910 w 11269336"/>
              <a:gd name="connsiteY116" fmla="*/ 1943663 h 2323145"/>
              <a:gd name="connsiteX117" fmla="*/ 5696836 w 11269336"/>
              <a:gd name="connsiteY117" fmla="*/ 1945271 h 2323145"/>
              <a:gd name="connsiteX118" fmla="*/ 5696583 w 11269336"/>
              <a:gd name="connsiteY118" fmla="*/ 1945050 h 2323145"/>
              <a:gd name="connsiteX119" fmla="*/ 5689123 w 11269336"/>
              <a:gd name="connsiteY119" fmla="*/ 1947067 h 2323145"/>
              <a:gd name="connsiteX120" fmla="*/ 5653291 w 11269336"/>
              <a:gd name="connsiteY120" fmla="*/ 1960245 h 2323145"/>
              <a:gd name="connsiteX121" fmla="*/ 5599385 w 11269336"/>
              <a:gd name="connsiteY121" fmla="*/ 1945198 h 2323145"/>
              <a:gd name="connsiteX122" fmla="*/ 5578300 w 11269336"/>
              <a:gd name="connsiteY122" fmla="*/ 1944963 h 2323145"/>
              <a:gd name="connsiteX123" fmla="*/ 5566758 w 11269336"/>
              <a:gd name="connsiteY123" fmla="*/ 1943441 h 2323145"/>
              <a:gd name="connsiteX124" fmla="*/ 5565857 w 11269336"/>
              <a:gd name="connsiteY124" fmla="*/ 1942445 h 2323145"/>
              <a:gd name="connsiteX125" fmla="*/ 5531534 w 11269336"/>
              <a:gd name="connsiteY125" fmla="*/ 1955208 h 2323145"/>
              <a:gd name="connsiteX126" fmla="*/ 5526552 w 11269336"/>
              <a:gd name="connsiteY126" fmla="*/ 1954799 h 2323145"/>
              <a:gd name="connsiteX127" fmla="*/ 5504723 w 11269336"/>
              <a:gd name="connsiteY127" fmla="*/ 1965811 h 2323145"/>
              <a:gd name="connsiteX128" fmla="*/ 5493156 w 11269336"/>
              <a:gd name="connsiteY128" fmla="*/ 1970063 h 2323145"/>
              <a:gd name="connsiteX129" fmla="*/ 5490486 w 11269336"/>
              <a:gd name="connsiteY129" fmla="*/ 1974227 h 2323145"/>
              <a:gd name="connsiteX130" fmla="*/ 5473107 w 11269336"/>
              <a:gd name="connsiteY130" fmla="*/ 1979001 h 2323145"/>
              <a:gd name="connsiteX131" fmla="*/ 5470885 w 11269336"/>
              <a:gd name="connsiteY131" fmla="*/ 1978432 h 2323145"/>
              <a:gd name="connsiteX132" fmla="*/ 5457393 w 11269336"/>
              <a:gd name="connsiteY132" fmla="*/ 1986525 h 2323145"/>
              <a:gd name="connsiteX133" fmla="*/ 5447102 w 11269336"/>
              <a:gd name="connsiteY133" fmla="*/ 1998329 h 2323145"/>
              <a:gd name="connsiteX134" fmla="*/ 5159151 w 11269336"/>
              <a:gd name="connsiteY134" fmla="*/ 2029640 h 2323145"/>
              <a:gd name="connsiteX135" fmla="*/ 5041688 w 11269336"/>
              <a:gd name="connsiteY135" fmla="*/ 2022334 h 2323145"/>
              <a:gd name="connsiteX136" fmla="*/ 4860988 w 11269336"/>
              <a:gd name="connsiteY136" fmla="*/ 2135698 h 2323145"/>
              <a:gd name="connsiteX137" fmla="*/ 4807902 w 11269336"/>
              <a:gd name="connsiteY137" fmla="*/ 2138894 h 2323145"/>
              <a:gd name="connsiteX138" fmla="*/ 4765388 w 11269336"/>
              <a:gd name="connsiteY138" fmla="*/ 2162525 h 2323145"/>
              <a:gd name="connsiteX139" fmla="*/ 4745033 w 11269336"/>
              <a:gd name="connsiteY139" fmla="*/ 2158859 h 2323145"/>
              <a:gd name="connsiteX140" fmla="*/ 4741475 w 11269336"/>
              <a:gd name="connsiteY140" fmla="*/ 2157998 h 2323145"/>
              <a:gd name="connsiteX141" fmla="*/ 4728247 w 11269336"/>
              <a:gd name="connsiteY141" fmla="*/ 2159526 h 2323145"/>
              <a:gd name="connsiteX142" fmla="*/ 4723263 w 11269336"/>
              <a:gd name="connsiteY142" fmla="*/ 2153742 h 2323145"/>
              <a:gd name="connsiteX143" fmla="*/ 4702453 w 11269336"/>
              <a:gd name="connsiteY143" fmla="*/ 2151586 h 2323145"/>
              <a:gd name="connsiteX144" fmla="*/ 4678455 w 11269336"/>
              <a:gd name="connsiteY144" fmla="*/ 2156131 h 2323145"/>
              <a:gd name="connsiteX145" fmla="*/ 4593061 w 11269336"/>
              <a:gd name="connsiteY145" fmla="*/ 2171597 h 2323145"/>
              <a:gd name="connsiteX146" fmla="*/ 4579902 w 11269336"/>
              <a:gd name="connsiteY146" fmla="*/ 2177927 h 2323145"/>
              <a:gd name="connsiteX147" fmla="*/ 4533444 w 11269336"/>
              <a:gd name="connsiteY147" fmla="*/ 2181200 h 2323145"/>
              <a:gd name="connsiteX148" fmla="*/ 4492832 w 11269336"/>
              <a:gd name="connsiteY148" fmla="*/ 2188033 h 2323145"/>
              <a:gd name="connsiteX149" fmla="*/ 4467257 w 11269336"/>
              <a:gd name="connsiteY149" fmla="*/ 2196121 h 2323145"/>
              <a:gd name="connsiteX150" fmla="*/ 4459937 w 11269336"/>
              <a:gd name="connsiteY150" fmla="*/ 2195182 h 2323145"/>
              <a:gd name="connsiteX151" fmla="*/ 4433312 w 11269336"/>
              <a:gd name="connsiteY151" fmla="*/ 2199004 h 2323145"/>
              <a:gd name="connsiteX152" fmla="*/ 4420601 w 11269336"/>
              <a:gd name="connsiteY152" fmla="*/ 2205158 h 2323145"/>
              <a:gd name="connsiteX153" fmla="*/ 4405765 w 11269336"/>
              <a:gd name="connsiteY153" fmla="*/ 2199902 h 2323145"/>
              <a:gd name="connsiteX154" fmla="*/ 4401354 w 11269336"/>
              <a:gd name="connsiteY154" fmla="*/ 2194745 h 2323145"/>
              <a:gd name="connsiteX155" fmla="*/ 4383151 w 11269336"/>
              <a:gd name="connsiteY155" fmla="*/ 2201140 h 2323145"/>
              <a:gd name="connsiteX156" fmla="*/ 4366646 w 11269336"/>
              <a:gd name="connsiteY156" fmla="*/ 2198564 h 2323145"/>
              <a:gd name="connsiteX157" fmla="*/ 4354009 w 11269336"/>
              <a:gd name="connsiteY157" fmla="*/ 2204984 h 2323145"/>
              <a:gd name="connsiteX158" fmla="*/ 4348284 w 11269336"/>
              <a:gd name="connsiteY158" fmla="*/ 2205270 h 2323145"/>
              <a:gd name="connsiteX159" fmla="*/ 4333906 w 11269336"/>
              <a:gd name="connsiteY159" fmla="*/ 2205251 h 2323145"/>
              <a:gd name="connsiteX160" fmla="*/ 4308819 w 11269336"/>
              <a:gd name="connsiteY160" fmla="*/ 2203822 h 2323145"/>
              <a:gd name="connsiteX161" fmla="*/ 4301210 w 11269336"/>
              <a:gd name="connsiteY161" fmla="*/ 2204456 h 2323145"/>
              <a:gd name="connsiteX162" fmla="*/ 4283095 w 11269336"/>
              <a:gd name="connsiteY162" fmla="*/ 2198177 h 2323145"/>
              <a:gd name="connsiteX163" fmla="*/ 4250119 w 11269336"/>
              <a:gd name="connsiteY163" fmla="*/ 2196342 h 2323145"/>
              <a:gd name="connsiteX164" fmla="*/ 4189203 w 11269336"/>
              <a:gd name="connsiteY164" fmla="*/ 2178994 h 2323145"/>
              <a:gd name="connsiteX165" fmla="*/ 4154035 w 11269336"/>
              <a:gd name="connsiteY165" fmla="*/ 2171950 h 2323145"/>
              <a:gd name="connsiteX166" fmla="*/ 4129569 w 11269336"/>
              <a:gd name="connsiteY166" fmla="*/ 2163850 h 2323145"/>
              <a:gd name="connsiteX167" fmla="*/ 4061250 w 11269336"/>
              <a:gd name="connsiteY167" fmla="*/ 2159236 h 2323145"/>
              <a:gd name="connsiteX168" fmla="*/ 3945480 w 11269336"/>
              <a:gd name="connsiteY168" fmla="*/ 2158279 h 2323145"/>
              <a:gd name="connsiteX169" fmla="*/ 3921468 w 11269336"/>
              <a:gd name="connsiteY169" fmla="*/ 2156588 h 2323145"/>
              <a:gd name="connsiteX170" fmla="*/ 3903348 w 11269336"/>
              <a:gd name="connsiteY170" fmla="*/ 2149220 h 2323145"/>
              <a:gd name="connsiteX171" fmla="*/ 3901342 w 11269336"/>
              <a:gd name="connsiteY171" fmla="*/ 2142355 h 2323145"/>
              <a:gd name="connsiteX172" fmla="*/ 3888539 w 11269336"/>
              <a:gd name="connsiteY172" fmla="*/ 2140476 h 2323145"/>
              <a:gd name="connsiteX173" fmla="*/ 3885662 w 11269336"/>
              <a:gd name="connsiteY173" fmla="*/ 2138740 h 2323145"/>
              <a:gd name="connsiteX174" fmla="*/ 3868627 w 11269336"/>
              <a:gd name="connsiteY174" fmla="*/ 2130023 h 2323145"/>
              <a:gd name="connsiteX175" fmla="*/ 3819177 w 11269336"/>
              <a:gd name="connsiteY175" fmla="*/ 2142111 h 2323145"/>
              <a:gd name="connsiteX176" fmla="*/ 3769100 w 11269336"/>
              <a:gd name="connsiteY176" fmla="*/ 2131731 h 2323145"/>
              <a:gd name="connsiteX177" fmla="*/ 3562752 w 11269336"/>
              <a:gd name="connsiteY177" fmla="*/ 2131785 h 2323145"/>
              <a:gd name="connsiteX178" fmla="*/ 3541402 w 11269336"/>
              <a:gd name="connsiteY178" fmla="*/ 2106821 h 2323145"/>
              <a:gd name="connsiteX179" fmla="*/ 3365341 w 11269336"/>
              <a:gd name="connsiteY179" fmla="*/ 2077638 h 2323145"/>
              <a:gd name="connsiteX180" fmla="*/ 3170922 w 11269336"/>
              <a:gd name="connsiteY180" fmla="*/ 2115957 h 2323145"/>
              <a:gd name="connsiteX181" fmla="*/ 3156256 w 11269336"/>
              <a:gd name="connsiteY181" fmla="*/ 2124773 h 2323145"/>
              <a:gd name="connsiteX182" fmla="*/ 3140298 w 11269336"/>
              <a:gd name="connsiteY182" fmla="*/ 2129182 h 2323145"/>
              <a:gd name="connsiteX183" fmla="*/ 3138514 w 11269336"/>
              <a:gd name="connsiteY183" fmla="*/ 2128069 h 2323145"/>
              <a:gd name="connsiteX184" fmla="*/ 3120467 w 11269336"/>
              <a:gd name="connsiteY184" fmla="*/ 2128281 h 2323145"/>
              <a:gd name="connsiteX185" fmla="*/ 3116175 w 11269336"/>
              <a:gd name="connsiteY185" fmla="*/ 2131633 h 2323145"/>
              <a:gd name="connsiteX186" fmla="*/ 3103685 w 11269336"/>
              <a:gd name="connsiteY186" fmla="*/ 2132814 h 2323145"/>
              <a:gd name="connsiteX187" fmla="*/ 3078794 w 11269336"/>
              <a:gd name="connsiteY187" fmla="*/ 2137935 h 2323145"/>
              <a:gd name="connsiteX188" fmla="*/ 3074407 w 11269336"/>
              <a:gd name="connsiteY188" fmla="*/ 2136274 h 2323145"/>
              <a:gd name="connsiteX189" fmla="*/ 3037285 w 11269336"/>
              <a:gd name="connsiteY189" fmla="*/ 2139919 h 2323145"/>
              <a:gd name="connsiteX190" fmla="*/ 3036901 w 11269336"/>
              <a:gd name="connsiteY190" fmla="*/ 2138726 h 2323145"/>
              <a:gd name="connsiteX191" fmla="*/ 3026996 w 11269336"/>
              <a:gd name="connsiteY191" fmla="*/ 2134322 h 2323145"/>
              <a:gd name="connsiteX192" fmla="*/ 3007772 w 11269336"/>
              <a:gd name="connsiteY192" fmla="*/ 2128742 h 2323145"/>
              <a:gd name="connsiteX193" fmla="*/ 2965030 w 11269336"/>
              <a:gd name="connsiteY193" fmla="*/ 2100494 h 2323145"/>
              <a:gd name="connsiteX194" fmla="*/ 2926342 w 11269336"/>
              <a:gd name="connsiteY194" fmla="*/ 2104155 h 2323145"/>
              <a:gd name="connsiteX195" fmla="*/ 2918608 w 11269336"/>
              <a:gd name="connsiteY195" fmla="*/ 2104215 h 2323145"/>
              <a:gd name="connsiteX196" fmla="*/ 2918475 w 11269336"/>
              <a:gd name="connsiteY196" fmla="*/ 2103937 h 2323145"/>
              <a:gd name="connsiteX197" fmla="*/ 2910360 w 11269336"/>
              <a:gd name="connsiteY197" fmla="*/ 2103444 h 2323145"/>
              <a:gd name="connsiteX198" fmla="*/ 2904507 w 11269336"/>
              <a:gd name="connsiteY198" fmla="*/ 2104326 h 2323145"/>
              <a:gd name="connsiteX199" fmla="*/ 2889503 w 11269336"/>
              <a:gd name="connsiteY199" fmla="*/ 2104443 h 2323145"/>
              <a:gd name="connsiteX200" fmla="*/ 2884480 w 11269336"/>
              <a:gd name="connsiteY200" fmla="*/ 2102626 h 2323145"/>
              <a:gd name="connsiteX201" fmla="*/ 2882689 w 11269336"/>
              <a:gd name="connsiteY201" fmla="*/ 2099228 h 2323145"/>
              <a:gd name="connsiteX202" fmla="*/ 2881291 w 11269336"/>
              <a:gd name="connsiteY202" fmla="*/ 2099618 h 2323145"/>
              <a:gd name="connsiteX203" fmla="*/ 2853979 w 11269336"/>
              <a:gd name="connsiteY203" fmla="*/ 2090388 h 2323145"/>
              <a:gd name="connsiteX204" fmla="*/ 2791790 w 11269336"/>
              <a:gd name="connsiteY204" fmla="*/ 2080332 h 2323145"/>
              <a:gd name="connsiteX205" fmla="*/ 2755844 w 11269336"/>
              <a:gd name="connsiteY205" fmla="*/ 2078874 h 2323145"/>
              <a:gd name="connsiteX206" fmla="*/ 2657742 w 11269336"/>
              <a:gd name="connsiteY206" fmla="*/ 2070179 h 2323145"/>
              <a:gd name="connsiteX207" fmla="*/ 2559549 w 11269336"/>
              <a:gd name="connsiteY207" fmla="*/ 2057873 h 2323145"/>
              <a:gd name="connsiteX208" fmla="*/ 2512054 w 11269336"/>
              <a:gd name="connsiteY208" fmla="*/ 2031671 h 2323145"/>
              <a:gd name="connsiteX209" fmla="*/ 2506437 w 11269336"/>
              <a:gd name="connsiteY209" fmla="*/ 2030918 h 2323145"/>
              <a:gd name="connsiteX210" fmla="*/ 2491752 w 11269336"/>
              <a:gd name="connsiteY210" fmla="*/ 2033906 h 2323145"/>
              <a:gd name="connsiteX211" fmla="*/ 2486338 w 11269336"/>
              <a:gd name="connsiteY211" fmla="*/ 2035862 h 2323145"/>
              <a:gd name="connsiteX212" fmla="*/ 2478186 w 11269336"/>
              <a:gd name="connsiteY212" fmla="*/ 2036953 h 2323145"/>
              <a:gd name="connsiteX213" fmla="*/ 2477950 w 11269336"/>
              <a:gd name="connsiteY213" fmla="*/ 2036715 h 2323145"/>
              <a:gd name="connsiteX214" fmla="*/ 2470381 w 11269336"/>
              <a:gd name="connsiteY214" fmla="*/ 2038256 h 2323145"/>
              <a:gd name="connsiteX215" fmla="*/ 2433781 w 11269336"/>
              <a:gd name="connsiteY215" fmla="*/ 2049140 h 2323145"/>
              <a:gd name="connsiteX216" fmla="*/ 2381172 w 11269336"/>
              <a:gd name="connsiteY216" fmla="*/ 2030645 h 2323145"/>
              <a:gd name="connsiteX217" fmla="*/ 2360198 w 11269336"/>
              <a:gd name="connsiteY217" fmla="*/ 2029059 h 2323145"/>
              <a:gd name="connsiteX218" fmla="*/ 2348815 w 11269336"/>
              <a:gd name="connsiteY218" fmla="*/ 2026798 h 2323145"/>
              <a:gd name="connsiteX219" fmla="*/ 2347988 w 11269336"/>
              <a:gd name="connsiteY219" fmla="*/ 2025745 h 2323145"/>
              <a:gd name="connsiteX220" fmla="*/ 2312920 w 11269336"/>
              <a:gd name="connsiteY220" fmla="*/ 2036311 h 2323145"/>
              <a:gd name="connsiteX221" fmla="*/ 2307986 w 11269336"/>
              <a:gd name="connsiteY221" fmla="*/ 2035583 h 2323145"/>
              <a:gd name="connsiteX222" fmla="*/ 2285481 w 11269336"/>
              <a:gd name="connsiteY222" fmla="*/ 2045197 h 2323145"/>
              <a:gd name="connsiteX223" fmla="*/ 2273666 w 11269336"/>
              <a:gd name="connsiteY223" fmla="*/ 2048710 h 2323145"/>
              <a:gd name="connsiteX224" fmla="*/ 2270719 w 11269336"/>
              <a:gd name="connsiteY224" fmla="*/ 2052702 h 2323145"/>
              <a:gd name="connsiteX225" fmla="*/ 2253080 w 11269336"/>
              <a:gd name="connsiteY225" fmla="*/ 2056363 h 2323145"/>
              <a:gd name="connsiteX226" fmla="*/ 2250906 w 11269336"/>
              <a:gd name="connsiteY226" fmla="*/ 2055654 h 2323145"/>
              <a:gd name="connsiteX227" fmla="*/ 2236905 w 11269336"/>
              <a:gd name="connsiteY227" fmla="*/ 2062882 h 2323145"/>
              <a:gd name="connsiteX228" fmla="*/ 2225830 w 11269336"/>
              <a:gd name="connsiteY228" fmla="*/ 2074027 h 2323145"/>
              <a:gd name="connsiteX229" fmla="*/ 2073776 w 11269336"/>
              <a:gd name="connsiteY229" fmla="*/ 2089244 h 2323145"/>
              <a:gd name="connsiteX230" fmla="*/ 1948256 w 11269336"/>
              <a:gd name="connsiteY230" fmla="*/ 2146616 h 2323145"/>
              <a:gd name="connsiteX231" fmla="*/ 1865582 w 11269336"/>
              <a:gd name="connsiteY231" fmla="*/ 2153738 h 2323145"/>
              <a:gd name="connsiteX232" fmla="*/ 1835210 w 11269336"/>
              <a:gd name="connsiteY232" fmla="*/ 2134244 h 2323145"/>
              <a:gd name="connsiteX233" fmla="*/ 1632661 w 11269336"/>
              <a:gd name="connsiteY233" fmla="*/ 2173882 h 2323145"/>
              <a:gd name="connsiteX234" fmla="*/ 1579590 w 11269336"/>
              <a:gd name="connsiteY234" fmla="*/ 2173680 h 2323145"/>
              <a:gd name="connsiteX235" fmla="*/ 1535601 w 11269336"/>
              <a:gd name="connsiteY235" fmla="*/ 2194590 h 2323145"/>
              <a:gd name="connsiteX236" fmla="*/ 1515594 w 11269336"/>
              <a:gd name="connsiteY236" fmla="*/ 2189622 h 2323145"/>
              <a:gd name="connsiteX237" fmla="*/ 1512113 w 11269336"/>
              <a:gd name="connsiteY237" fmla="*/ 2188534 h 2323145"/>
              <a:gd name="connsiteX238" fmla="*/ 1498838 w 11269336"/>
              <a:gd name="connsiteY238" fmla="*/ 2189213 h 2323145"/>
              <a:gd name="connsiteX239" fmla="*/ 1494279 w 11269336"/>
              <a:gd name="connsiteY239" fmla="*/ 2183112 h 2323145"/>
              <a:gd name="connsiteX240" fmla="*/ 1473714 w 11269336"/>
              <a:gd name="connsiteY240" fmla="*/ 2179625 h 2323145"/>
              <a:gd name="connsiteX241" fmla="*/ 1449503 w 11269336"/>
              <a:gd name="connsiteY241" fmla="*/ 2182633 h 2323145"/>
              <a:gd name="connsiteX242" fmla="*/ 1266687 w 11269336"/>
              <a:gd name="connsiteY242" fmla="*/ 2212688 h 2323145"/>
              <a:gd name="connsiteX243" fmla="*/ 1239614 w 11269336"/>
              <a:gd name="connsiteY243" fmla="*/ 2209727 h 2323145"/>
              <a:gd name="connsiteX244" fmla="*/ 1202436 w 11269336"/>
              <a:gd name="connsiteY244" fmla="*/ 2209817 h 2323145"/>
              <a:gd name="connsiteX245" fmla="*/ 1136097 w 11269336"/>
              <a:gd name="connsiteY245" fmla="*/ 2205112 h 2323145"/>
              <a:gd name="connsiteX246" fmla="*/ 988232 w 11269336"/>
              <a:gd name="connsiteY246" fmla="*/ 2235635 h 2323145"/>
              <a:gd name="connsiteX247" fmla="*/ 981959 w 11269336"/>
              <a:gd name="connsiteY247" fmla="*/ 2231607 h 2323145"/>
              <a:gd name="connsiteX248" fmla="*/ 938600 w 11269336"/>
              <a:gd name="connsiteY248" fmla="*/ 2238113 h 2323145"/>
              <a:gd name="connsiteX249" fmla="*/ 791788 w 11269336"/>
              <a:gd name="connsiteY249" fmla="*/ 2293224 h 2323145"/>
              <a:gd name="connsiteX250" fmla="*/ 706914 w 11269336"/>
              <a:gd name="connsiteY250" fmla="*/ 2305046 h 2323145"/>
              <a:gd name="connsiteX251" fmla="*/ 675971 w 11269336"/>
              <a:gd name="connsiteY251" fmla="*/ 2304030 h 2323145"/>
              <a:gd name="connsiteX252" fmla="*/ 624180 w 11269336"/>
              <a:gd name="connsiteY252" fmla="*/ 2302650 h 2323145"/>
              <a:gd name="connsiteX253" fmla="*/ 583453 w 11269336"/>
              <a:gd name="connsiteY253" fmla="*/ 2288788 h 2323145"/>
              <a:gd name="connsiteX254" fmla="*/ 540946 w 11269336"/>
              <a:gd name="connsiteY254" fmla="*/ 2292721 h 2323145"/>
              <a:gd name="connsiteX255" fmla="*/ 533680 w 11269336"/>
              <a:gd name="connsiteY255" fmla="*/ 2310233 h 2323145"/>
              <a:gd name="connsiteX256" fmla="*/ 487366 w 11269336"/>
              <a:gd name="connsiteY256" fmla="*/ 2309053 h 2323145"/>
              <a:gd name="connsiteX257" fmla="*/ 416820 w 11269336"/>
              <a:gd name="connsiteY257" fmla="*/ 2305443 h 2323145"/>
              <a:gd name="connsiteX258" fmla="*/ 376805 w 11269336"/>
              <a:gd name="connsiteY258" fmla="*/ 2307647 h 2323145"/>
              <a:gd name="connsiteX259" fmla="*/ 266777 w 11269336"/>
              <a:gd name="connsiteY259" fmla="*/ 2309012 h 2323145"/>
              <a:gd name="connsiteX260" fmla="*/ 156013 w 11269336"/>
              <a:gd name="connsiteY260" fmla="*/ 2306832 h 2323145"/>
              <a:gd name="connsiteX261" fmla="*/ 87258 w 11269336"/>
              <a:gd name="connsiteY261" fmla="*/ 2285511 h 2323145"/>
              <a:gd name="connsiteX262" fmla="*/ 23798 w 11269336"/>
              <a:gd name="connsiteY262" fmla="*/ 2281822 h 2323145"/>
              <a:gd name="connsiteX263" fmla="*/ 0 w 11269336"/>
              <a:gd name="connsiteY263" fmla="*/ 2285369 h 2323145"/>
              <a:gd name="connsiteX264" fmla="*/ 0 w 11269336"/>
              <a:gd name="connsiteY264"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8977138 w 11269336"/>
              <a:gd name="connsiteY22" fmla="*/ 774970 h 2323145"/>
              <a:gd name="connsiteX23" fmla="*/ 8914746 w 11269336"/>
              <a:gd name="connsiteY23" fmla="*/ 826428 h 2323145"/>
              <a:gd name="connsiteX24" fmla="*/ 8917778 w 11269336"/>
              <a:gd name="connsiteY24" fmla="*/ 835198 h 2323145"/>
              <a:gd name="connsiteX25" fmla="*/ 8905560 w 11269336"/>
              <a:gd name="connsiteY25" fmla="*/ 838358 h 2323145"/>
              <a:gd name="connsiteX26" fmla="*/ 8897564 w 11269336"/>
              <a:gd name="connsiteY26" fmla="*/ 834287 h 2323145"/>
              <a:gd name="connsiteX27" fmla="*/ 8878040 w 11269336"/>
              <a:gd name="connsiteY27" fmla="*/ 844150 h 2323145"/>
              <a:gd name="connsiteX28" fmla="*/ 8795998 w 11269336"/>
              <a:gd name="connsiteY28" fmla="*/ 863337 h 2323145"/>
              <a:gd name="connsiteX29" fmla="*/ 8776970 w 11269336"/>
              <a:gd name="connsiteY29" fmla="*/ 885177 h 2323145"/>
              <a:gd name="connsiteX30" fmla="*/ 8755719 w 11269336"/>
              <a:gd name="connsiteY30" fmla="*/ 889754 h 2323145"/>
              <a:gd name="connsiteX31" fmla="*/ 8743257 w 11269336"/>
              <a:gd name="connsiteY31" fmla="*/ 904723 h 2323145"/>
              <a:gd name="connsiteX32" fmla="*/ 8721366 w 11269336"/>
              <a:gd name="connsiteY32" fmla="*/ 904711 h 2323145"/>
              <a:gd name="connsiteX33" fmla="*/ 8678353 w 11269336"/>
              <a:gd name="connsiteY33" fmla="*/ 926318 h 2323145"/>
              <a:gd name="connsiteX34" fmla="*/ 8636849 w 11269336"/>
              <a:gd name="connsiteY34" fmla="*/ 937900 h 2323145"/>
              <a:gd name="connsiteX35" fmla="*/ 8620213 w 11269336"/>
              <a:gd name="connsiteY35" fmla="*/ 943068 h 2323145"/>
              <a:gd name="connsiteX36" fmla="*/ 8612581 w 11269336"/>
              <a:gd name="connsiteY36" fmla="*/ 952695 h 2323145"/>
              <a:gd name="connsiteX37" fmla="*/ 8589038 w 11269336"/>
              <a:gd name="connsiteY37" fmla="*/ 963892 h 2323145"/>
              <a:gd name="connsiteX38" fmla="*/ 8579950 w 11269336"/>
              <a:gd name="connsiteY38" fmla="*/ 960899 h 2323145"/>
              <a:gd name="connsiteX39" fmla="*/ 8579319 w 11269336"/>
              <a:gd name="connsiteY39" fmla="*/ 965630 h 2323145"/>
              <a:gd name="connsiteX40" fmla="*/ 8547429 w 11269336"/>
              <a:gd name="connsiteY40" fmla="*/ 984506 h 2323145"/>
              <a:gd name="connsiteX41" fmla="*/ 8478704 w 11269336"/>
              <a:gd name="connsiteY41" fmla="*/ 1025490 h 2323145"/>
              <a:gd name="connsiteX42" fmla="*/ 8461421 w 11269336"/>
              <a:gd name="connsiteY42" fmla="*/ 1035512 h 2323145"/>
              <a:gd name="connsiteX43" fmla="*/ 8445003 w 11269336"/>
              <a:gd name="connsiteY43" fmla="*/ 1036851 h 2323145"/>
              <a:gd name="connsiteX44" fmla="*/ 8357350 w 11269336"/>
              <a:gd name="connsiteY44" fmla="*/ 1060213 h 2323145"/>
              <a:gd name="connsiteX45" fmla="*/ 8335565 w 11269336"/>
              <a:gd name="connsiteY45" fmla="*/ 1061151 h 2323145"/>
              <a:gd name="connsiteX46" fmla="*/ 8325267 w 11269336"/>
              <a:gd name="connsiteY46" fmla="*/ 1055919 h 2323145"/>
              <a:gd name="connsiteX47" fmla="*/ 8293586 w 11269336"/>
              <a:gd name="connsiteY47" fmla="*/ 1076144 h 2323145"/>
              <a:gd name="connsiteX48" fmla="*/ 8242405 w 11269336"/>
              <a:gd name="connsiteY48" fmla="*/ 1095960 h 2323145"/>
              <a:gd name="connsiteX49" fmla="*/ 8197391 w 11269336"/>
              <a:gd name="connsiteY49" fmla="*/ 1107746 h 2323145"/>
              <a:gd name="connsiteX50" fmla="*/ 8081474 w 11269336"/>
              <a:gd name="connsiteY50" fmla="*/ 1130125 h 2323145"/>
              <a:gd name="connsiteX51" fmla="*/ 8053585 w 11269336"/>
              <a:gd name="connsiteY51" fmla="*/ 1129169 h 2323145"/>
              <a:gd name="connsiteX52" fmla="*/ 8038422 w 11269336"/>
              <a:gd name="connsiteY52" fmla="*/ 1119092 h 2323145"/>
              <a:gd name="connsiteX53" fmla="*/ 8029450 w 11269336"/>
              <a:gd name="connsiteY53" fmla="*/ 1125592 h 2323145"/>
              <a:gd name="connsiteX54" fmla="*/ 7959552 w 11269336"/>
              <a:gd name="connsiteY54" fmla="*/ 1140188 h 2323145"/>
              <a:gd name="connsiteX55" fmla="*/ 7914188 w 11269336"/>
              <a:gd name="connsiteY55" fmla="*/ 1150862 h 2323145"/>
              <a:gd name="connsiteX56" fmla="*/ 7914918 w 11269336"/>
              <a:gd name="connsiteY56" fmla="*/ 1168758 h 2323145"/>
              <a:gd name="connsiteX57" fmla="*/ 7875510 w 11269336"/>
              <a:gd name="connsiteY57" fmla="*/ 1183153 h 2323145"/>
              <a:gd name="connsiteX58" fmla="*/ 7829932 w 11269336"/>
              <a:gd name="connsiteY58" fmla="*/ 1180782 h 2323145"/>
              <a:gd name="connsiteX59" fmla="*/ 7779182 w 11269336"/>
              <a:gd name="connsiteY59" fmla="*/ 1192665 h 2323145"/>
              <a:gd name="connsiteX60" fmla="*/ 7748774 w 11269336"/>
              <a:gd name="connsiteY60" fmla="*/ 1199586 h 2323145"/>
              <a:gd name="connsiteX61" fmla="*/ 7671846 w 11269336"/>
              <a:gd name="connsiteY61" fmla="*/ 1231966 h 2323145"/>
              <a:gd name="connsiteX62" fmla="*/ 7554146 w 11269336"/>
              <a:gd name="connsiteY62" fmla="*/ 1319748 h 2323145"/>
              <a:gd name="connsiteX63" fmla="*/ 7515052 w 11269336"/>
              <a:gd name="connsiteY63" fmla="*/ 1336718 h 2323145"/>
              <a:gd name="connsiteX64" fmla="*/ 7507193 w 11269336"/>
              <a:gd name="connsiteY64" fmla="*/ 1334617 h 2323145"/>
              <a:gd name="connsiteX65" fmla="*/ 7461694 w 11269336"/>
              <a:gd name="connsiteY65" fmla="*/ 1375866 h 2323145"/>
              <a:gd name="connsiteX66" fmla="*/ 7377571 w 11269336"/>
              <a:gd name="connsiteY66" fmla="*/ 1400128 h 2323145"/>
              <a:gd name="connsiteX67" fmla="*/ 7311261 w 11269336"/>
              <a:gd name="connsiteY67" fmla="*/ 1412652 h 2323145"/>
              <a:gd name="connsiteX68" fmla="*/ 7275307 w 11269336"/>
              <a:gd name="connsiteY68" fmla="*/ 1422171 h 2323145"/>
              <a:gd name="connsiteX69" fmla="*/ 7247783 w 11269336"/>
              <a:gd name="connsiteY69" fmla="*/ 1426330 h 2323145"/>
              <a:gd name="connsiteX70" fmla="*/ 7185047 w 11269336"/>
              <a:gd name="connsiteY70" fmla="*/ 1451812 h 2323145"/>
              <a:gd name="connsiteX71" fmla="*/ 7084117 w 11269336"/>
              <a:gd name="connsiteY71" fmla="*/ 1500281 h 2323145"/>
              <a:gd name="connsiteX72" fmla="*/ 7062011 w 11269336"/>
              <a:gd name="connsiteY72" fmla="*/ 1509183 h 2323145"/>
              <a:gd name="connsiteX73" fmla="*/ 7040555 w 11269336"/>
              <a:gd name="connsiteY73" fmla="*/ 1511207 h 2323145"/>
              <a:gd name="connsiteX74" fmla="*/ 7033438 w 11269336"/>
              <a:gd name="connsiteY74" fmla="*/ 1506772 h 2323145"/>
              <a:gd name="connsiteX75" fmla="*/ 7020886 w 11269336"/>
              <a:gd name="connsiteY75" fmla="*/ 1510764 h 2323145"/>
              <a:gd name="connsiteX76" fmla="*/ 7017033 w 11269336"/>
              <a:gd name="connsiteY76" fmla="*/ 1510650 h 2323145"/>
              <a:gd name="connsiteX77" fmla="*/ 6995460 w 11269336"/>
              <a:gd name="connsiteY77" fmla="*/ 1511173 h 2323145"/>
              <a:gd name="connsiteX78" fmla="*/ 6962144 w 11269336"/>
              <a:gd name="connsiteY78" fmla="*/ 1541508 h 2323145"/>
              <a:gd name="connsiteX79" fmla="*/ 6910674 w 11269336"/>
              <a:gd name="connsiteY79" fmla="*/ 1554793 h 2323145"/>
              <a:gd name="connsiteX80" fmla="*/ 6732152 w 11269336"/>
              <a:gd name="connsiteY80" fmla="*/ 1642538 h 2323145"/>
              <a:gd name="connsiteX81" fmla="*/ 6694106 w 11269336"/>
              <a:gd name="connsiteY81" fmla="*/ 1632377 h 2323145"/>
              <a:gd name="connsiteX82" fmla="*/ 6617223 w 11269336"/>
              <a:gd name="connsiteY82" fmla="*/ 1659889 h 2323145"/>
              <a:gd name="connsiteX83" fmla="*/ 6521138 w 11269336"/>
              <a:gd name="connsiteY83" fmla="*/ 1744340 h 2323145"/>
              <a:gd name="connsiteX84" fmla="*/ 6380677 w 11269336"/>
              <a:gd name="connsiteY84" fmla="*/ 1796883 h 2323145"/>
              <a:gd name="connsiteX85" fmla="*/ 6374897 w 11269336"/>
              <a:gd name="connsiteY85" fmla="*/ 1809910 h 2323145"/>
              <a:gd name="connsiteX86" fmla="*/ 6364545 w 11269336"/>
              <a:gd name="connsiteY86" fmla="*/ 1820090 h 2323145"/>
              <a:gd name="connsiteX87" fmla="*/ 6362126 w 11269336"/>
              <a:gd name="connsiteY87" fmla="*/ 1819991 h 2323145"/>
              <a:gd name="connsiteX88" fmla="*/ 6346673 w 11269336"/>
              <a:gd name="connsiteY88" fmla="*/ 1827824 h 2323145"/>
              <a:gd name="connsiteX89" fmla="*/ 6345588 w 11269336"/>
              <a:gd name="connsiteY89" fmla="*/ 1832232 h 2323145"/>
              <a:gd name="connsiteX90" fmla="*/ 6335708 w 11269336"/>
              <a:gd name="connsiteY90" fmla="*/ 1838451 h 2323145"/>
              <a:gd name="connsiteX91" fmla="*/ 6318182 w 11269336"/>
              <a:gd name="connsiteY91" fmla="*/ 1852975 h 2323145"/>
              <a:gd name="connsiteX92" fmla="*/ 6313084 w 11269336"/>
              <a:gd name="connsiteY92" fmla="*/ 1853561 h 2323145"/>
              <a:gd name="connsiteX93" fmla="*/ 6283816 w 11269336"/>
              <a:gd name="connsiteY93" fmla="*/ 1872148 h 2323145"/>
              <a:gd name="connsiteX94" fmla="*/ 6282550 w 11269336"/>
              <a:gd name="connsiteY94" fmla="*/ 1871392 h 2323145"/>
              <a:gd name="connsiteX95" fmla="*/ 6270527 w 11269336"/>
              <a:gd name="connsiteY95" fmla="*/ 1872208 h 2323145"/>
              <a:gd name="connsiteX96" fmla="*/ 6249518 w 11269336"/>
              <a:gd name="connsiteY96" fmla="*/ 1876079 h 2323145"/>
              <a:gd name="connsiteX97" fmla="*/ 6190386 w 11269336"/>
              <a:gd name="connsiteY97" fmla="*/ 1872478 h 2323145"/>
              <a:gd name="connsiteX98" fmla="*/ 6159777 w 11269336"/>
              <a:gd name="connsiteY98" fmla="*/ 1891745 h 2323145"/>
              <a:gd name="connsiteX99" fmla="*/ 6153131 w 11269336"/>
              <a:gd name="connsiteY99" fmla="*/ 1895079 h 2323145"/>
              <a:gd name="connsiteX100" fmla="*/ 6152798 w 11269336"/>
              <a:gd name="connsiteY100" fmla="*/ 1894920 h 2323145"/>
              <a:gd name="connsiteX101" fmla="*/ 6145388 w 11269336"/>
              <a:gd name="connsiteY101" fmla="*/ 1897990 h 2323145"/>
              <a:gd name="connsiteX102" fmla="*/ 6141014 w 11269336"/>
              <a:gd name="connsiteY102" fmla="*/ 1901155 h 2323145"/>
              <a:gd name="connsiteX103" fmla="*/ 6128122 w 11269336"/>
              <a:gd name="connsiteY103" fmla="*/ 1907623 h 2323145"/>
              <a:gd name="connsiteX104" fmla="*/ 6122351 w 11269336"/>
              <a:gd name="connsiteY104" fmla="*/ 1908359 h 2323145"/>
              <a:gd name="connsiteX105" fmla="*/ 6064750 w 11269336"/>
              <a:gd name="connsiteY105" fmla="*/ 1896394 h 2323145"/>
              <a:gd name="connsiteX106" fmla="*/ 5964230 w 11269336"/>
              <a:gd name="connsiteY106" fmla="*/ 1910038 h 2323145"/>
              <a:gd name="connsiteX107" fmla="*/ 5865399 w 11269336"/>
              <a:gd name="connsiteY107" fmla="*/ 1926966 h 2323145"/>
              <a:gd name="connsiteX108" fmla="*/ 5829951 w 11269336"/>
              <a:gd name="connsiteY108" fmla="*/ 1934755 h 2323145"/>
              <a:gd name="connsiteX109" fmla="*/ 5765285 w 11269336"/>
              <a:gd name="connsiteY109" fmla="*/ 1941322 h 2323145"/>
              <a:gd name="connsiteX110" fmla="*/ 5734750 w 11269336"/>
              <a:gd name="connsiteY110" fmla="*/ 1939793 h 2323145"/>
              <a:gd name="connsiteX111" fmla="*/ 5733569 w 11269336"/>
              <a:gd name="connsiteY111" fmla="*/ 1940505 h 2323145"/>
              <a:gd name="connsiteX112" fmla="*/ 5730329 w 11269336"/>
              <a:gd name="connsiteY112" fmla="*/ 1937845 h 2323145"/>
              <a:gd name="connsiteX113" fmla="*/ 5724661 w 11269336"/>
              <a:gd name="connsiteY113" fmla="*/ 1937455 h 2323145"/>
              <a:gd name="connsiteX114" fmla="*/ 5710186 w 11269336"/>
              <a:gd name="connsiteY114" fmla="*/ 1941370 h 2323145"/>
              <a:gd name="connsiteX115" fmla="*/ 5704910 w 11269336"/>
              <a:gd name="connsiteY115" fmla="*/ 1943663 h 2323145"/>
              <a:gd name="connsiteX116" fmla="*/ 5696836 w 11269336"/>
              <a:gd name="connsiteY116" fmla="*/ 1945271 h 2323145"/>
              <a:gd name="connsiteX117" fmla="*/ 5696583 w 11269336"/>
              <a:gd name="connsiteY117" fmla="*/ 1945050 h 2323145"/>
              <a:gd name="connsiteX118" fmla="*/ 5689123 w 11269336"/>
              <a:gd name="connsiteY118" fmla="*/ 1947067 h 2323145"/>
              <a:gd name="connsiteX119" fmla="*/ 5653291 w 11269336"/>
              <a:gd name="connsiteY119" fmla="*/ 1960245 h 2323145"/>
              <a:gd name="connsiteX120" fmla="*/ 5599385 w 11269336"/>
              <a:gd name="connsiteY120" fmla="*/ 1945198 h 2323145"/>
              <a:gd name="connsiteX121" fmla="*/ 5578300 w 11269336"/>
              <a:gd name="connsiteY121" fmla="*/ 1944963 h 2323145"/>
              <a:gd name="connsiteX122" fmla="*/ 5566758 w 11269336"/>
              <a:gd name="connsiteY122" fmla="*/ 1943441 h 2323145"/>
              <a:gd name="connsiteX123" fmla="*/ 5565857 w 11269336"/>
              <a:gd name="connsiteY123" fmla="*/ 1942445 h 2323145"/>
              <a:gd name="connsiteX124" fmla="*/ 5531534 w 11269336"/>
              <a:gd name="connsiteY124" fmla="*/ 1955208 h 2323145"/>
              <a:gd name="connsiteX125" fmla="*/ 5526552 w 11269336"/>
              <a:gd name="connsiteY125" fmla="*/ 1954799 h 2323145"/>
              <a:gd name="connsiteX126" fmla="*/ 5504723 w 11269336"/>
              <a:gd name="connsiteY126" fmla="*/ 1965811 h 2323145"/>
              <a:gd name="connsiteX127" fmla="*/ 5493156 w 11269336"/>
              <a:gd name="connsiteY127" fmla="*/ 1970063 h 2323145"/>
              <a:gd name="connsiteX128" fmla="*/ 5490486 w 11269336"/>
              <a:gd name="connsiteY128" fmla="*/ 1974227 h 2323145"/>
              <a:gd name="connsiteX129" fmla="*/ 5473107 w 11269336"/>
              <a:gd name="connsiteY129" fmla="*/ 1979001 h 2323145"/>
              <a:gd name="connsiteX130" fmla="*/ 5470885 w 11269336"/>
              <a:gd name="connsiteY130" fmla="*/ 1978432 h 2323145"/>
              <a:gd name="connsiteX131" fmla="*/ 5457393 w 11269336"/>
              <a:gd name="connsiteY131" fmla="*/ 1986525 h 2323145"/>
              <a:gd name="connsiteX132" fmla="*/ 5447102 w 11269336"/>
              <a:gd name="connsiteY132" fmla="*/ 1998329 h 2323145"/>
              <a:gd name="connsiteX133" fmla="*/ 5159151 w 11269336"/>
              <a:gd name="connsiteY133" fmla="*/ 2029640 h 2323145"/>
              <a:gd name="connsiteX134" fmla="*/ 5041688 w 11269336"/>
              <a:gd name="connsiteY134" fmla="*/ 2022334 h 2323145"/>
              <a:gd name="connsiteX135" fmla="*/ 4860988 w 11269336"/>
              <a:gd name="connsiteY135" fmla="*/ 2135698 h 2323145"/>
              <a:gd name="connsiteX136" fmla="*/ 4807902 w 11269336"/>
              <a:gd name="connsiteY136" fmla="*/ 2138894 h 2323145"/>
              <a:gd name="connsiteX137" fmla="*/ 4765388 w 11269336"/>
              <a:gd name="connsiteY137" fmla="*/ 2162525 h 2323145"/>
              <a:gd name="connsiteX138" fmla="*/ 4745033 w 11269336"/>
              <a:gd name="connsiteY138" fmla="*/ 2158859 h 2323145"/>
              <a:gd name="connsiteX139" fmla="*/ 4741475 w 11269336"/>
              <a:gd name="connsiteY139" fmla="*/ 2157998 h 2323145"/>
              <a:gd name="connsiteX140" fmla="*/ 4728247 w 11269336"/>
              <a:gd name="connsiteY140" fmla="*/ 2159526 h 2323145"/>
              <a:gd name="connsiteX141" fmla="*/ 4723263 w 11269336"/>
              <a:gd name="connsiteY141" fmla="*/ 2153742 h 2323145"/>
              <a:gd name="connsiteX142" fmla="*/ 4702453 w 11269336"/>
              <a:gd name="connsiteY142" fmla="*/ 2151586 h 2323145"/>
              <a:gd name="connsiteX143" fmla="*/ 4678455 w 11269336"/>
              <a:gd name="connsiteY143" fmla="*/ 2156131 h 2323145"/>
              <a:gd name="connsiteX144" fmla="*/ 4593061 w 11269336"/>
              <a:gd name="connsiteY144" fmla="*/ 2171597 h 2323145"/>
              <a:gd name="connsiteX145" fmla="*/ 4579902 w 11269336"/>
              <a:gd name="connsiteY145" fmla="*/ 2177927 h 2323145"/>
              <a:gd name="connsiteX146" fmla="*/ 4533444 w 11269336"/>
              <a:gd name="connsiteY146" fmla="*/ 2181200 h 2323145"/>
              <a:gd name="connsiteX147" fmla="*/ 4492832 w 11269336"/>
              <a:gd name="connsiteY147" fmla="*/ 2188033 h 2323145"/>
              <a:gd name="connsiteX148" fmla="*/ 4467257 w 11269336"/>
              <a:gd name="connsiteY148" fmla="*/ 2196121 h 2323145"/>
              <a:gd name="connsiteX149" fmla="*/ 4459937 w 11269336"/>
              <a:gd name="connsiteY149" fmla="*/ 2195182 h 2323145"/>
              <a:gd name="connsiteX150" fmla="*/ 4433312 w 11269336"/>
              <a:gd name="connsiteY150" fmla="*/ 2199004 h 2323145"/>
              <a:gd name="connsiteX151" fmla="*/ 4420601 w 11269336"/>
              <a:gd name="connsiteY151" fmla="*/ 2205158 h 2323145"/>
              <a:gd name="connsiteX152" fmla="*/ 4405765 w 11269336"/>
              <a:gd name="connsiteY152" fmla="*/ 2199902 h 2323145"/>
              <a:gd name="connsiteX153" fmla="*/ 4401354 w 11269336"/>
              <a:gd name="connsiteY153" fmla="*/ 2194745 h 2323145"/>
              <a:gd name="connsiteX154" fmla="*/ 4383151 w 11269336"/>
              <a:gd name="connsiteY154" fmla="*/ 2201140 h 2323145"/>
              <a:gd name="connsiteX155" fmla="*/ 4366646 w 11269336"/>
              <a:gd name="connsiteY155" fmla="*/ 2198564 h 2323145"/>
              <a:gd name="connsiteX156" fmla="*/ 4354009 w 11269336"/>
              <a:gd name="connsiteY156" fmla="*/ 2204984 h 2323145"/>
              <a:gd name="connsiteX157" fmla="*/ 4348284 w 11269336"/>
              <a:gd name="connsiteY157" fmla="*/ 2205270 h 2323145"/>
              <a:gd name="connsiteX158" fmla="*/ 4333906 w 11269336"/>
              <a:gd name="connsiteY158" fmla="*/ 2205251 h 2323145"/>
              <a:gd name="connsiteX159" fmla="*/ 4308819 w 11269336"/>
              <a:gd name="connsiteY159" fmla="*/ 2203822 h 2323145"/>
              <a:gd name="connsiteX160" fmla="*/ 4301210 w 11269336"/>
              <a:gd name="connsiteY160" fmla="*/ 2204456 h 2323145"/>
              <a:gd name="connsiteX161" fmla="*/ 4283095 w 11269336"/>
              <a:gd name="connsiteY161" fmla="*/ 2198177 h 2323145"/>
              <a:gd name="connsiteX162" fmla="*/ 4250119 w 11269336"/>
              <a:gd name="connsiteY162" fmla="*/ 2196342 h 2323145"/>
              <a:gd name="connsiteX163" fmla="*/ 4189203 w 11269336"/>
              <a:gd name="connsiteY163" fmla="*/ 2178994 h 2323145"/>
              <a:gd name="connsiteX164" fmla="*/ 4154035 w 11269336"/>
              <a:gd name="connsiteY164" fmla="*/ 2171950 h 2323145"/>
              <a:gd name="connsiteX165" fmla="*/ 4129569 w 11269336"/>
              <a:gd name="connsiteY165" fmla="*/ 2163850 h 2323145"/>
              <a:gd name="connsiteX166" fmla="*/ 4061250 w 11269336"/>
              <a:gd name="connsiteY166" fmla="*/ 2159236 h 2323145"/>
              <a:gd name="connsiteX167" fmla="*/ 3945480 w 11269336"/>
              <a:gd name="connsiteY167" fmla="*/ 2158279 h 2323145"/>
              <a:gd name="connsiteX168" fmla="*/ 3921468 w 11269336"/>
              <a:gd name="connsiteY168" fmla="*/ 2156588 h 2323145"/>
              <a:gd name="connsiteX169" fmla="*/ 3903348 w 11269336"/>
              <a:gd name="connsiteY169" fmla="*/ 2149220 h 2323145"/>
              <a:gd name="connsiteX170" fmla="*/ 3901342 w 11269336"/>
              <a:gd name="connsiteY170" fmla="*/ 2142355 h 2323145"/>
              <a:gd name="connsiteX171" fmla="*/ 3888539 w 11269336"/>
              <a:gd name="connsiteY171" fmla="*/ 2140476 h 2323145"/>
              <a:gd name="connsiteX172" fmla="*/ 3885662 w 11269336"/>
              <a:gd name="connsiteY172" fmla="*/ 2138740 h 2323145"/>
              <a:gd name="connsiteX173" fmla="*/ 3868627 w 11269336"/>
              <a:gd name="connsiteY173" fmla="*/ 2130023 h 2323145"/>
              <a:gd name="connsiteX174" fmla="*/ 3819177 w 11269336"/>
              <a:gd name="connsiteY174" fmla="*/ 2142111 h 2323145"/>
              <a:gd name="connsiteX175" fmla="*/ 3769100 w 11269336"/>
              <a:gd name="connsiteY175" fmla="*/ 2131731 h 2323145"/>
              <a:gd name="connsiteX176" fmla="*/ 3562752 w 11269336"/>
              <a:gd name="connsiteY176" fmla="*/ 2131785 h 2323145"/>
              <a:gd name="connsiteX177" fmla="*/ 3541402 w 11269336"/>
              <a:gd name="connsiteY177" fmla="*/ 2106821 h 2323145"/>
              <a:gd name="connsiteX178" fmla="*/ 3365341 w 11269336"/>
              <a:gd name="connsiteY178" fmla="*/ 2077638 h 2323145"/>
              <a:gd name="connsiteX179" fmla="*/ 3170922 w 11269336"/>
              <a:gd name="connsiteY179" fmla="*/ 2115957 h 2323145"/>
              <a:gd name="connsiteX180" fmla="*/ 3156256 w 11269336"/>
              <a:gd name="connsiteY180" fmla="*/ 2124773 h 2323145"/>
              <a:gd name="connsiteX181" fmla="*/ 3140298 w 11269336"/>
              <a:gd name="connsiteY181" fmla="*/ 2129182 h 2323145"/>
              <a:gd name="connsiteX182" fmla="*/ 3138514 w 11269336"/>
              <a:gd name="connsiteY182" fmla="*/ 2128069 h 2323145"/>
              <a:gd name="connsiteX183" fmla="*/ 3120467 w 11269336"/>
              <a:gd name="connsiteY183" fmla="*/ 2128281 h 2323145"/>
              <a:gd name="connsiteX184" fmla="*/ 3116175 w 11269336"/>
              <a:gd name="connsiteY184" fmla="*/ 2131633 h 2323145"/>
              <a:gd name="connsiteX185" fmla="*/ 3103685 w 11269336"/>
              <a:gd name="connsiteY185" fmla="*/ 2132814 h 2323145"/>
              <a:gd name="connsiteX186" fmla="*/ 3078794 w 11269336"/>
              <a:gd name="connsiteY186" fmla="*/ 2137935 h 2323145"/>
              <a:gd name="connsiteX187" fmla="*/ 3074407 w 11269336"/>
              <a:gd name="connsiteY187" fmla="*/ 2136274 h 2323145"/>
              <a:gd name="connsiteX188" fmla="*/ 3037285 w 11269336"/>
              <a:gd name="connsiteY188" fmla="*/ 2139919 h 2323145"/>
              <a:gd name="connsiteX189" fmla="*/ 3036901 w 11269336"/>
              <a:gd name="connsiteY189" fmla="*/ 2138726 h 2323145"/>
              <a:gd name="connsiteX190" fmla="*/ 3026996 w 11269336"/>
              <a:gd name="connsiteY190" fmla="*/ 2134322 h 2323145"/>
              <a:gd name="connsiteX191" fmla="*/ 3007772 w 11269336"/>
              <a:gd name="connsiteY191" fmla="*/ 2128742 h 2323145"/>
              <a:gd name="connsiteX192" fmla="*/ 2965030 w 11269336"/>
              <a:gd name="connsiteY192" fmla="*/ 2100494 h 2323145"/>
              <a:gd name="connsiteX193" fmla="*/ 2926342 w 11269336"/>
              <a:gd name="connsiteY193" fmla="*/ 2104155 h 2323145"/>
              <a:gd name="connsiteX194" fmla="*/ 2918608 w 11269336"/>
              <a:gd name="connsiteY194" fmla="*/ 2104215 h 2323145"/>
              <a:gd name="connsiteX195" fmla="*/ 2918475 w 11269336"/>
              <a:gd name="connsiteY195" fmla="*/ 2103937 h 2323145"/>
              <a:gd name="connsiteX196" fmla="*/ 2910360 w 11269336"/>
              <a:gd name="connsiteY196" fmla="*/ 2103444 h 2323145"/>
              <a:gd name="connsiteX197" fmla="*/ 2904507 w 11269336"/>
              <a:gd name="connsiteY197" fmla="*/ 2104326 h 2323145"/>
              <a:gd name="connsiteX198" fmla="*/ 2889503 w 11269336"/>
              <a:gd name="connsiteY198" fmla="*/ 2104443 h 2323145"/>
              <a:gd name="connsiteX199" fmla="*/ 2884480 w 11269336"/>
              <a:gd name="connsiteY199" fmla="*/ 2102626 h 2323145"/>
              <a:gd name="connsiteX200" fmla="*/ 2882689 w 11269336"/>
              <a:gd name="connsiteY200" fmla="*/ 2099228 h 2323145"/>
              <a:gd name="connsiteX201" fmla="*/ 2881291 w 11269336"/>
              <a:gd name="connsiteY201" fmla="*/ 2099618 h 2323145"/>
              <a:gd name="connsiteX202" fmla="*/ 2853979 w 11269336"/>
              <a:gd name="connsiteY202" fmla="*/ 2090388 h 2323145"/>
              <a:gd name="connsiteX203" fmla="*/ 2791790 w 11269336"/>
              <a:gd name="connsiteY203" fmla="*/ 2080332 h 2323145"/>
              <a:gd name="connsiteX204" fmla="*/ 2755844 w 11269336"/>
              <a:gd name="connsiteY204" fmla="*/ 2078874 h 2323145"/>
              <a:gd name="connsiteX205" fmla="*/ 2657742 w 11269336"/>
              <a:gd name="connsiteY205" fmla="*/ 2070179 h 2323145"/>
              <a:gd name="connsiteX206" fmla="*/ 2559549 w 11269336"/>
              <a:gd name="connsiteY206" fmla="*/ 2057873 h 2323145"/>
              <a:gd name="connsiteX207" fmla="*/ 2512054 w 11269336"/>
              <a:gd name="connsiteY207" fmla="*/ 2031671 h 2323145"/>
              <a:gd name="connsiteX208" fmla="*/ 2506437 w 11269336"/>
              <a:gd name="connsiteY208" fmla="*/ 2030918 h 2323145"/>
              <a:gd name="connsiteX209" fmla="*/ 2491752 w 11269336"/>
              <a:gd name="connsiteY209" fmla="*/ 2033906 h 2323145"/>
              <a:gd name="connsiteX210" fmla="*/ 2486338 w 11269336"/>
              <a:gd name="connsiteY210" fmla="*/ 2035862 h 2323145"/>
              <a:gd name="connsiteX211" fmla="*/ 2478186 w 11269336"/>
              <a:gd name="connsiteY211" fmla="*/ 2036953 h 2323145"/>
              <a:gd name="connsiteX212" fmla="*/ 2477950 w 11269336"/>
              <a:gd name="connsiteY212" fmla="*/ 2036715 h 2323145"/>
              <a:gd name="connsiteX213" fmla="*/ 2470381 w 11269336"/>
              <a:gd name="connsiteY213" fmla="*/ 2038256 h 2323145"/>
              <a:gd name="connsiteX214" fmla="*/ 2433781 w 11269336"/>
              <a:gd name="connsiteY214" fmla="*/ 2049140 h 2323145"/>
              <a:gd name="connsiteX215" fmla="*/ 2381172 w 11269336"/>
              <a:gd name="connsiteY215" fmla="*/ 2030645 h 2323145"/>
              <a:gd name="connsiteX216" fmla="*/ 2360198 w 11269336"/>
              <a:gd name="connsiteY216" fmla="*/ 2029059 h 2323145"/>
              <a:gd name="connsiteX217" fmla="*/ 2348815 w 11269336"/>
              <a:gd name="connsiteY217" fmla="*/ 2026798 h 2323145"/>
              <a:gd name="connsiteX218" fmla="*/ 2347988 w 11269336"/>
              <a:gd name="connsiteY218" fmla="*/ 2025745 h 2323145"/>
              <a:gd name="connsiteX219" fmla="*/ 2312920 w 11269336"/>
              <a:gd name="connsiteY219" fmla="*/ 2036311 h 2323145"/>
              <a:gd name="connsiteX220" fmla="*/ 2307986 w 11269336"/>
              <a:gd name="connsiteY220" fmla="*/ 2035583 h 2323145"/>
              <a:gd name="connsiteX221" fmla="*/ 2285481 w 11269336"/>
              <a:gd name="connsiteY221" fmla="*/ 2045197 h 2323145"/>
              <a:gd name="connsiteX222" fmla="*/ 2273666 w 11269336"/>
              <a:gd name="connsiteY222" fmla="*/ 2048710 h 2323145"/>
              <a:gd name="connsiteX223" fmla="*/ 2270719 w 11269336"/>
              <a:gd name="connsiteY223" fmla="*/ 2052702 h 2323145"/>
              <a:gd name="connsiteX224" fmla="*/ 2253080 w 11269336"/>
              <a:gd name="connsiteY224" fmla="*/ 2056363 h 2323145"/>
              <a:gd name="connsiteX225" fmla="*/ 2250906 w 11269336"/>
              <a:gd name="connsiteY225" fmla="*/ 2055654 h 2323145"/>
              <a:gd name="connsiteX226" fmla="*/ 2236905 w 11269336"/>
              <a:gd name="connsiteY226" fmla="*/ 2062882 h 2323145"/>
              <a:gd name="connsiteX227" fmla="*/ 2225830 w 11269336"/>
              <a:gd name="connsiteY227" fmla="*/ 2074027 h 2323145"/>
              <a:gd name="connsiteX228" fmla="*/ 2073776 w 11269336"/>
              <a:gd name="connsiteY228" fmla="*/ 2089244 h 2323145"/>
              <a:gd name="connsiteX229" fmla="*/ 1948256 w 11269336"/>
              <a:gd name="connsiteY229" fmla="*/ 2146616 h 2323145"/>
              <a:gd name="connsiteX230" fmla="*/ 1865582 w 11269336"/>
              <a:gd name="connsiteY230" fmla="*/ 2153738 h 2323145"/>
              <a:gd name="connsiteX231" fmla="*/ 1835210 w 11269336"/>
              <a:gd name="connsiteY231" fmla="*/ 2134244 h 2323145"/>
              <a:gd name="connsiteX232" fmla="*/ 1632661 w 11269336"/>
              <a:gd name="connsiteY232" fmla="*/ 2173882 h 2323145"/>
              <a:gd name="connsiteX233" fmla="*/ 1579590 w 11269336"/>
              <a:gd name="connsiteY233" fmla="*/ 2173680 h 2323145"/>
              <a:gd name="connsiteX234" fmla="*/ 1535601 w 11269336"/>
              <a:gd name="connsiteY234" fmla="*/ 2194590 h 2323145"/>
              <a:gd name="connsiteX235" fmla="*/ 1515594 w 11269336"/>
              <a:gd name="connsiteY235" fmla="*/ 2189622 h 2323145"/>
              <a:gd name="connsiteX236" fmla="*/ 1512113 w 11269336"/>
              <a:gd name="connsiteY236" fmla="*/ 2188534 h 2323145"/>
              <a:gd name="connsiteX237" fmla="*/ 1498838 w 11269336"/>
              <a:gd name="connsiteY237" fmla="*/ 2189213 h 2323145"/>
              <a:gd name="connsiteX238" fmla="*/ 1494279 w 11269336"/>
              <a:gd name="connsiteY238" fmla="*/ 2183112 h 2323145"/>
              <a:gd name="connsiteX239" fmla="*/ 1473714 w 11269336"/>
              <a:gd name="connsiteY239" fmla="*/ 2179625 h 2323145"/>
              <a:gd name="connsiteX240" fmla="*/ 1449503 w 11269336"/>
              <a:gd name="connsiteY240" fmla="*/ 2182633 h 2323145"/>
              <a:gd name="connsiteX241" fmla="*/ 1266687 w 11269336"/>
              <a:gd name="connsiteY241" fmla="*/ 2212688 h 2323145"/>
              <a:gd name="connsiteX242" fmla="*/ 1239614 w 11269336"/>
              <a:gd name="connsiteY242" fmla="*/ 2209727 h 2323145"/>
              <a:gd name="connsiteX243" fmla="*/ 1202436 w 11269336"/>
              <a:gd name="connsiteY243" fmla="*/ 2209817 h 2323145"/>
              <a:gd name="connsiteX244" fmla="*/ 1136097 w 11269336"/>
              <a:gd name="connsiteY244" fmla="*/ 2205112 h 2323145"/>
              <a:gd name="connsiteX245" fmla="*/ 988232 w 11269336"/>
              <a:gd name="connsiteY245" fmla="*/ 2235635 h 2323145"/>
              <a:gd name="connsiteX246" fmla="*/ 981959 w 11269336"/>
              <a:gd name="connsiteY246" fmla="*/ 2231607 h 2323145"/>
              <a:gd name="connsiteX247" fmla="*/ 938600 w 11269336"/>
              <a:gd name="connsiteY247" fmla="*/ 2238113 h 2323145"/>
              <a:gd name="connsiteX248" fmla="*/ 791788 w 11269336"/>
              <a:gd name="connsiteY248" fmla="*/ 2293224 h 2323145"/>
              <a:gd name="connsiteX249" fmla="*/ 706914 w 11269336"/>
              <a:gd name="connsiteY249" fmla="*/ 2305046 h 2323145"/>
              <a:gd name="connsiteX250" fmla="*/ 675971 w 11269336"/>
              <a:gd name="connsiteY250" fmla="*/ 2304030 h 2323145"/>
              <a:gd name="connsiteX251" fmla="*/ 624180 w 11269336"/>
              <a:gd name="connsiteY251" fmla="*/ 2302650 h 2323145"/>
              <a:gd name="connsiteX252" fmla="*/ 583453 w 11269336"/>
              <a:gd name="connsiteY252" fmla="*/ 2288788 h 2323145"/>
              <a:gd name="connsiteX253" fmla="*/ 540946 w 11269336"/>
              <a:gd name="connsiteY253" fmla="*/ 2292721 h 2323145"/>
              <a:gd name="connsiteX254" fmla="*/ 533680 w 11269336"/>
              <a:gd name="connsiteY254" fmla="*/ 2310233 h 2323145"/>
              <a:gd name="connsiteX255" fmla="*/ 487366 w 11269336"/>
              <a:gd name="connsiteY255" fmla="*/ 2309053 h 2323145"/>
              <a:gd name="connsiteX256" fmla="*/ 416820 w 11269336"/>
              <a:gd name="connsiteY256" fmla="*/ 2305443 h 2323145"/>
              <a:gd name="connsiteX257" fmla="*/ 376805 w 11269336"/>
              <a:gd name="connsiteY257" fmla="*/ 2307647 h 2323145"/>
              <a:gd name="connsiteX258" fmla="*/ 266777 w 11269336"/>
              <a:gd name="connsiteY258" fmla="*/ 2309012 h 2323145"/>
              <a:gd name="connsiteX259" fmla="*/ 156013 w 11269336"/>
              <a:gd name="connsiteY259" fmla="*/ 2306832 h 2323145"/>
              <a:gd name="connsiteX260" fmla="*/ 87258 w 11269336"/>
              <a:gd name="connsiteY260" fmla="*/ 2285511 h 2323145"/>
              <a:gd name="connsiteX261" fmla="*/ 23798 w 11269336"/>
              <a:gd name="connsiteY261" fmla="*/ 2281822 h 2323145"/>
              <a:gd name="connsiteX262" fmla="*/ 0 w 11269336"/>
              <a:gd name="connsiteY262" fmla="*/ 2285369 h 2323145"/>
              <a:gd name="connsiteX263" fmla="*/ 0 w 11269336"/>
              <a:gd name="connsiteY263"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9062863 w 11269336"/>
              <a:gd name="connsiteY22" fmla="*/ 754656 h 2323145"/>
              <a:gd name="connsiteX23" fmla="*/ 8914746 w 11269336"/>
              <a:gd name="connsiteY23" fmla="*/ 826428 h 2323145"/>
              <a:gd name="connsiteX24" fmla="*/ 8917778 w 11269336"/>
              <a:gd name="connsiteY24" fmla="*/ 835198 h 2323145"/>
              <a:gd name="connsiteX25" fmla="*/ 8905560 w 11269336"/>
              <a:gd name="connsiteY25" fmla="*/ 838358 h 2323145"/>
              <a:gd name="connsiteX26" fmla="*/ 8897564 w 11269336"/>
              <a:gd name="connsiteY26" fmla="*/ 834287 h 2323145"/>
              <a:gd name="connsiteX27" fmla="*/ 8878040 w 11269336"/>
              <a:gd name="connsiteY27" fmla="*/ 844150 h 2323145"/>
              <a:gd name="connsiteX28" fmla="*/ 8795998 w 11269336"/>
              <a:gd name="connsiteY28" fmla="*/ 863337 h 2323145"/>
              <a:gd name="connsiteX29" fmla="*/ 8776970 w 11269336"/>
              <a:gd name="connsiteY29" fmla="*/ 885177 h 2323145"/>
              <a:gd name="connsiteX30" fmla="*/ 8755719 w 11269336"/>
              <a:gd name="connsiteY30" fmla="*/ 889754 h 2323145"/>
              <a:gd name="connsiteX31" fmla="*/ 8743257 w 11269336"/>
              <a:gd name="connsiteY31" fmla="*/ 904723 h 2323145"/>
              <a:gd name="connsiteX32" fmla="*/ 8721366 w 11269336"/>
              <a:gd name="connsiteY32" fmla="*/ 904711 h 2323145"/>
              <a:gd name="connsiteX33" fmla="*/ 8678353 w 11269336"/>
              <a:gd name="connsiteY33" fmla="*/ 926318 h 2323145"/>
              <a:gd name="connsiteX34" fmla="*/ 8636849 w 11269336"/>
              <a:gd name="connsiteY34" fmla="*/ 937900 h 2323145"/>
              <a:gd name="connsiteX35" fmla="*/ 8620213 w 11269336"/>
              <a:gd name="connsiteY35" fmla="*/ 943068 h 2323145"/>
              <a:gd name="connsiteX36" fmla="*/ 8612581 w 11269336"/>
              <a:gd name="connsiteY36" fmla="*/ 952695 h 2323145"/>
              <a:gd name="connsiteX37" fmla="*/ 8589038 w 11269336"/>
              <a:gd name="connsiteY37" fmla="*/ 963892 h 2323145"/>
              <a:gd name="connsiteX38" fmla="*/ 8579950 w 11269336"/>
              <a:gd name="connsiteY38" fmla="*/ 960899 h 2323145"/>
              <a:gd name="connsiteX39" fmla="*/ 8579319 w 11269336"/>
              <a:gd name="connsiteY39" fmla="*/ 965630 h 2323145"/>
              <a:gd name="connsiteX40" fmla="*/ 8547429 w 11269336"/>
              <a:gd name="connsiteY40" fmla="*/ 984506 h 2323145"/>
              <a:gd name="connsiteX41" fmla="*/ 8478704 w 11269336"/>
              <a:gd name="connsiteY41" fmla="*/ 1025490 h 2323145"/>
              <a:gd name="connsiteX42" fmla="*/ 8461421 w 11269336"/>
              <a:gd name="connsiteY42" fmla="*/ 1035512 h 2323145"/>
              <a:gd name="connsiteX43" fmla="*/ 8445003 w 11269336"/>
              <a:gd name="connsiteY43" fmla="*/ 1036851 h 2323145"/>
              <a:gd name="connsiteX44" fmla="*/ 8357350 w 11269336"/>
              <a:gd name="connsiteY44" fmla="*/ 1060213 h 2323145"/>
              <a:gd name="connsiteX45" fmla="*/ 8335565 w 11269336"/>
              <a:gd name="connsiteY45" fmla="*/ 1061151 h 2323145"/>
              <a:gd name="connsiteX46" fmla="*/ 8325267 w 11269336"/>
              <a:gd name="connsiteY46" fmla="*/ 1055919 h 2323145"/>
              <a:gd name="connsiteX47" fmla="*/ 8293586 w 11269336"/>
              <a:gd name="connsiteY47" fmla="*/ 1076144 h 2323145"/>
              <a:gd name="connsiteX48" fmla="*/ 8242405 w 11269336"/>
              <a:gd name="connsiteY48" fmla="*/ 1095960 h 2323145"/>
              <a:gd name="connsiteX49" fmla="*/ 8197391 w 11269336"/>
              <a:gd name="connsiteY49" fmla="*/ 1107746 h 2323145"/>
              <a:gd name="connsiteX50" fmla="*/ 8081474 w 11269336"/>
              <a:gd name="connsiteY50" fmla="*/ 1130125 h 2323145"/>
              <a:gd name="connsiteX51" fmla="*/ 8053585 w 11269336"/>
              <a:gd name="connsiteY51" fmla="*/ 1129169 h 2323145"/>
              <a:gd name="connsiteX52" fmla="*/ 8038422 w 11269336"/>
              <a:gd name="connsiteY52" fmla="*/ 1119092 h 2323145"/>
              <a:gd name="connsiteX53" fmla="*/ 8029450 w 11269336"/>
              <a:gd name="connsiteY53" fmla="*/ 1125592 h 2323145"/>
              <a:gd name="connsiteX54" fmla="*/ 7959552 w 11269336"/>
              <a:gd name="connsiteY54" fmla="*/ 1140188 h 2323145"/>
              <a:gd name="connsiteX55" fmla="*/ 7914188 w 11269336"/>
              <a:gd name="connsiteY55" fmla="*/ 1150862 h 2323145"/>
              <a:gd name="connsiteX56" fmla="*/ 7914918 w 11269336"/>
              <a:gd name="connsiteY56" fmla="*/ 1168758 h 2323145"/>
              <a:gd name="connsiteX57" fmla="*/ 7875510 w 11269336"/>
              <a:gd name="connsiteY57" fmla="*/ 1183153 h 2323145"/>
              <a:gd name="connsiteX58" fmla="*/ 7829932 w 11269336"/>
              <a:gd name="connsiteY58" fmla="*/ 1180782 h 2323145"/>
              <a:gd name="connsiteX59" fmla="*/ 7779182 w 11269336"/>
              <a:gd name="connsiteY59" fmla="*/ 1192665 h 2323145"/>
              <a:gd name="connsiteX60" fmla="*/ 7748774 w 11269336"/>
              <a:gd name="connsiteY60" fmla="*/ 1199586 h 2323145"/>
              <a:gd name="connsiteX61" fmla="*/ 7671846 w 11269336"/>
              <a:gd name="connsiteY61" fmla="*/ 1231966 h 2323145"/>
              <a:gd name="connsiteX62" fmla="*/ 7554146 w 11269336"/>
              <a:gd name="connsiteY62" fmla="*/ 1319748 h 2323145"/>
              <a:gd name="connsiteX63" fmla="*/ 7515052 w 11269336"/>
              <a:gd name="connsiteY63" fmla="*/ 1336718 h 2323145"/>
              <a:gd name="connsiteX64" fmla="*/ 7507193 w 11269336"/>
              <a:gd name="connsiteY64" fmla="*/ 1334617 h 2323145"/>
              <a:gd name="connsiteX65" fmla="*/ 7461694 w 11269336"/>
              <a:gd name="connsiteY65" fmla="*/ 1375866 h 2323145"/>
              <a:gd name="connsiteX66" fmla="*/ 7377571 w 11269336"/>
              <a:gd name="connsiteY66" fmla="*/ 1400128 h 2323145"/>
              <a:gd name="connsiteX67" fmla="*/ 7311261 w 11269336"/>
              <a:gd name="connsiteY67" fmla="*/ 1412652 h 2323145"/>
              <a:gd name="connsiteX68" fmla="*/ 7275307 w 11269336"/>
              <a:gd name="connsiteY68" fmla="*/ 1422171 h 2323145"/>
              <a:gd name="connsiteX69" fmla="*/ 7247783 w 11269336"/>
              <a:gd name="connsiteY69" fmla="*/ 1426330 h 2323145"/>
              <a:gd name="connsiteX70" fmla="*/ 7185047 w 11269336"/>
              <a:gd name="connsiteY70" fmla="*/ 1451812 h 2323145"/>
              <a:gd name="connsiteX71" fmla="*/ 7084117 w 11269336"/>
              <a:gd name="connsiteY71" fmla="*/ 1500281 h 2323145"/>
              <a:gd name="connsiteX72" fmla="*/ 7062011 w 11269336"/>
              <a:gd name="connsiteY72" fmla="*/ 1509183 h 2323145"/>
              <a:gd name="connsiteX73" fmla="*/ 7040555 w 11269336"/>
              <a:gd name="connsiteY73" fmla="*/ 1511207 h 2323145"/>
              <a:gd name="connsiteX74" fmla="*/ 7033438 w 11269336"/>
              <a:gd name="connsiteY74" fmla="*/ 1506772 h 2323145"/>
              <a:gd name="connsiteX75" fmla="*/ 7020886 w 11269336"/>
              <a:gd name="connsiteY75" fmla="*/ 1510764 h 2323145"/>
              <a:gd name="connsiteX76" fmla="*/ 7017033 w 11269336"/>
              <a:gd name="connsiteY76" fmla="*/ 1510650 h 2323145"/>
              <a:gd name="connsiteX77" fmla="*/ 6995460 w 11269336"/>
              <a:gd name="connsiteY77" fmla="*/ 1511173 h 2323145"/>
              <a:gd name="connsiteX78" fmla="*/ 6962144 w 11269336"/>
              <a:gd name="connsiteY78" fmla="*/ 1541508 h 2323145"/>
              <a:gd name="connsiteX79" fmla="*/ 6910674 w 11269336"/>
              <a:gd name="connsiteY79" fmla="*/ 1554793 h 2323145"/>
              <a:gd name="connsiteX80" fmla="*/ 6732152 w 11269336"/>
              <a:gd name="connsiteY80" fmla="*/ 1642538 h 2323145"/>
              <a:gd name="connsiteX81" fmla="*/ 6694106 w 11269336"/>
              <a:gd name="connsiteY81" fmla="*/ 1632377 h 2323145"/>
              <a:gd name="connsiteX82" fmla="*/ 6617223 w 11269336"/>
              <a:gd name="connsiteY82" fmla="*/ 1659889 h 2323145"/>
              <a:gd name="connsiteX83" fmla="*/ 6521138 w 11269336"/>
              <a:gd name="connsiteY83" fmla="*/ 1744340 h 2323145"/>
              <a:gd name="connsiteX84" fmla="*/ 6380677 w 11269336"/>
              <a:gd name="connsiteY84" fmla="*/ 1796883 h 2323145"/>
              <a:gd name="connsiteX85" fmla="*/ 6374897 w 11269336"/>
              <a:gd name="connsiteY85" fmla="*/ 1809910 h 2323145"/>
              <a:gd name="connsiteX86" fmla="*/ 6364545 w 11269336"/>
              <a:gd name="connsiteY86" fmla="*/ 1820090 h 2323145"/>
              <a:gd name="connsiteX87" fmla="*/ 6362126 w 11269336"/>
              <a:gd name="connsiteY87" fmla="*/ 1819991 h 2323145"/>
              <a:gd name="connsiteX88" fmla="*/ 6346673 w 11269336"/>
              <a:gd name="connsiteY88" fmla="*/ 1827824 h 2323145"/>
              <a:gd name="connsiteX89" fmla="*/ 6345588 w 11269336"/>
              <a:gd name="connsiteY89" fmla="*/ 1832232 h 2323145"/>
              <a:gd name="connsiteX90" fmla="*/ 6335708 w 11269336"/>
              <a:gd name="connsiteY90" fmla="*/ 1838451 h 2323145"/>
              <a:gd name="connsiteX91" fmla="*/ 6318182 w 11269336"/>
              <a:gd name="connsiteY91" fmla="*/ 1852975 h 2323145"/>
              <a:gd name="connsiteX92" fmla="*/ 6313084 w 11269336"/>
              <a:gd name="connsiteY92" fmla="*/ 1853561 h 2323145"/>
              <a:gd name="connsiteX93" fmla="*/ 6283816 w 11269336"/>
              <a:gd name="connsiteY93" fmla="*/ 1872148 h 2323145"/>
              <a:gd name="connsiteX94" fmla="*/ 6282550 w 11269336"/>
              <a:gd name="connsiteY94" fmla="*/ 1871392 h 2323145"/>
              <a:gd name="connsiteX95" fmla="*/ 6270527 w 11269336"/>
              <a:gd name="connsiteY95" fmla="*/ 1872208 h 2323145"/>
              <a:gd name="connsiteX96" fmla="*/ 6249518 w 11269336"/>
              <a:gd name="connsiteY96" fmla="*/ 1876079 h 2323145"/>
              <a:gd name="connsiteX97" fmla="*/ 6190386 w 11269336"/>
              <a:gd name="connsiteY97" fmla="*/ 1872478 h 2323145"/>
              <a:gd name="connsiteX98" fmla="*/ 6159777 w 11269336"/>
              <a:gd name="connsiteY98" fmla="*/ 1891745 h 2323145"/>
              <a:gd name="connsiteX99" fmla="*/ 6153131 w 11269336"/>
              <a:gd name="connsiteY99" fmla="*/ 1895079 h 2323145"/>
              <a:gd name="connsiteX100" fmla="*/ 6152798 w 11269336"/>
              <a:gd name="connsiteY100" fmla="*/ 1894920 h 2323145"/>
              <a:gd name="connsiteX101" fmla="*/ 6145388 w 11269336"/>
              <a:gd name="connsiteY101" fmla="*/ 1897990 h 2323145"/>
              <a:gd name="connsiteX102" fmla="*/ 6141014 w 11269336"/>
              <a:gd name="connsiteY102" fmla="*/ 1901155 h 2323145"/>
              <a:gd name="connsiteX103" fmla="*/ 6128122 w 11269336"/>
              <a:gd name="connsiteY103" fmla="*/ 1907623 h 2323145"/>
              <a:gd name="connsiteX104" fmla="*/ 6122351 w 11269336"/>
              <a:gd name="connsiteY104" fmla="*/ 1908359 h 2323145"/>
              <a:gd name="connsiteX105" fmla="*/ 6064750 w 11269336"/>
              <a:gd name="connsiteY105" fmla="*/ 1896394 h 2323145"/>
              <a:gd name="connsiteX106" fmla="*/ 5964230 w 11269336"/>
              <a:gd name="connsiteY106" fmla="*/ 1910038 h 2323145"/>
              <a:gd name="connsiteX107" fmla="*/ 5865399 w 11269336"/>
              <a:gd name="connsiteY107" fmla="*/ 1926966 h 2323145"/>
              <a:gd name="connsiteX108" fmla="*/ 5829951 w 11269336"/>
              <a:gd name="connsiteY108" fmla="*/ 1934755 h 2323145"/>
              <a:gd name="connsiteX109" fmla="*/ 5765285 w 11269336"/>
              <a:gd name="connsiteY109" fmla="*/ 1941322 h 2323145"/>
              <a:gd name="connsiteX110" fmla="*/ 5734750 w 11269336"/>
              <a:gd name="connsiteY110" fmla="*/ 1939793 h 2323145"/>
              <a:gd name="connsiteX111" fmla="*/ 5733569 w 11269336"/>
              <a:gd name="connsiteY111" fmla="*/ 1940505 h 2323145"/>
              <a:gd name="connsiteX112" fmla="*/ 5730329 w 11269336"/>
              <a:gd name="connsiteY112" fmla="*/ 1937845 h 2323145"/>
              <a:gd name="connsiteX113" fmla="*/ 5724661 w 11269336"/>
              <a:gd name="connsiteY113" fmla="*/ 1937455 h 2323145"/>
              <a:gd name="connsiteX114" fmla="*/ 5710186 w 11269336"/>
              <a:gd name="connsiteY114" fmla="*/ 1941370 h 2323145"/>
              <a:gd name="connsiteX115" fmla="*/ 5704910 w 11269336"/>
              <a:gd name="connsiteY115" fmla="*/ 1943663 h 2323145"/>
              <a:gd name="connsiteX116" fmla="*/ 5696836 w 11269336"/>
              <a:gd name="connsiteY116" fmla="*/ 1945271 h 2323145"/>
              <a:gd name="connsiteX117" fmla="*/ 5696583 w 11269336"/>
              <a:gd name="connsiteY117" fmla="*/ 1945050 h 2323145"/>
              <a:gd name="connsiteX118" fmla="*/ 5689123 w 11269336"/>
              <a:gd name="connsiteY118" fmla="*/ 1947067 h 2323145"/>
              <a:gd name="connsiteX119" fmla="*/ 5653291 w 11269336"/>
              <a:gd name="connsiteY119" fmla="*/ 1960245 h 2323145"/>
              <a:gd name="connsiteX120" fmla="*/ 5599385 w 11269336"/>
              <a:gd name="connsiteY120" fmla="*/ 1945198 h 2323145"/>
              <a:gd name="connsiteX121" fmla="*/ 5578300 w 11269336"/>
              <a:gd name="connsiteY121" fmla="*/ 1944963 h 2323145"/>
              <a:gd name="connsiteX122" fmla="*/ 5566758 w 11269336"/>
              <a:gd name="connsiteY122" fmla="*/ 1943441 h 2323145"/>
              <a:gd name="connsiteX123" fmla="*/ 5565857 w 11269336"/>
              <a:gd name="connsiteY123" fmla="*/ 1942445 h 2323145"/>
              <a:gd name="connsiteX124" fmla="*/ 5531534 w 11269336"/>
              <a:gd name="connsiteY124" fmla="*/ 1955208 h 2323145"/>
              <a:gd name="connsiteX125" fmla="*/ 5526552 w 11269336"/>
              <a:gd name="connsiteY125" fmla="*/ 1954799 h 2323145"/>
              <a:gd name="connsiteX126" fmla="*/ 5504723 w 11269336"/>
              <a:gd name="connsiteY126" fmla="*/ 1965811 h 2323145"/>
              <a:gd name="connsiteX127" fmla="*/ 5493156 w 11269336"/>
              <a:gd name="connsiteY127" fmla="*/ 1970063 h 2323145"/>
              <a:gd name="connsiteX128" fmla="*/ 5490486 w 11269336"/>
              <a:gd name="connsiteY128" fmla="*/ 1974227 h 2323145"/>
              <a:gd name="connsiteX129" fmla="*/ 5473107 w 11269336"/>
              <a:gd name="connsiteY129" fmla="*/ 1979001 h 2323145"/>
              <a:gd name="connsiteX130" fmla="*/ 5470885 w 11269336"/>
              <a:gd name="connsiteY130" fmla="*/ 1978432 h 2323145"/>
              <a:gd name="connsiteX131" fmla="*/ 5457393 w 11269336"/>
              <a:gd name="connsiteY131" fmla="*/ 1986525 h 2323145"/>
              <a:gd name="connsiteX132" fmla="*/ 5447102 w 11269336"/>
              <a:gd name="connsiteY132" fmla="*/ 1998329 h 2323145"/>
              <a:gd name="connsiteX133" fmla="*/ 5159151 w 11269336"/>
              <a:gd name="connsiteY133" fmla="*/ 2029640 h 2323145"/>
              <a:gd name="connsiteX134" fmla="*/ 5041688 w 11269336"/>
              <a:gd name="connsiteY134" fmla="*/ 2022334 h 2323145"/>
              <a:gd name="connsiteX135" fmla="*/ 4860988 w 11269336"/>
              <a:gd name="connsiteY135" fmla="*/ 2135698 h 2323145"/>
              <a:gd name="connsiteX136" fmla="*/ 4807902 w 11269336"/>
              <a:gd name="connsiteY136" fmla="*/ 2138894 h 2323145"/>
              <a:gd name="connsiteX137" fmla="*/ 4765388 w 11269336"/>
              <a:gd name="connsiteY137" fmla="*/ 2162525 h 2323145"/>
              <a:gd name="connsiteX138" fmla="*/ 4745033 w 11269336"/>
              <a:gd name="connsiteY138" fmla="*/ 2158859 h 2323145"/>
              <a:gd name="connsiteX139" fmla="*/ 4741475 w 11269336"/>
              <a:gd name="connsiteY139" fmla="*/ 2157998 h 2323145"/>
              <a:gd name="connsiteX140" fmla="*/ 4728247 w 11269336"/>
              <a:gd name="connsiteY140" fmla="*/ 2159526 h 2323145"/>
              <a:gd name="connsiteX141" fmla="*/ 4723263 w 11269336"/>
              <a:gd name="connsiteY141" fmla="*/ 2153742 h 2323145"/>
              <a:gd name="connsiteX142" fmla="*/ 4702453 w 11269336"/>
              <a:gd name="connsiteY142" fmla="*/ 2151586 h 2323145"/>
              <a:gd name="connsiteX143" fmla="*/ 4678455 w 11269336"/>
              <a:gd name="connsiteY143" fmla="*/ 2156131 h 2323145"/>
              <a:gd name="connsiteX144" fmla="*/ 4593061 w 11269336"/>
              <a:gd name="connsiteY144" fmla="*/ 2171597 h 2323145"/>
              <a:gd name="connsiteX145" fmla="*/ 4579902 w 11269336"/>
              <a:gd name="connsiteY145" fmla="*/ 2177927 h 2323145"/>
              <a:gd name="connsiteX146" fmla="*/ 4533444 w 11269336"/>
              <a:gd name="connsiteY146" fmla="*/ 2181200 h 2323145"/>
              <a:gd name="connsiteX147" fmla="*/ 4492832 w 11269336"/>
              <a:gd name="connsiteY147" fmla="*/ 2188033 h 2323145"/>
              <a:gd name="connsiteX148" fmla="*/ 4467257 w 11269336"/>
              <a:gd name="connsiteY148" fmla="*/ 2196121 h 2323145"/>
              <a:gd name="connsiteX149" fmla="*/ 4459937 w 11269336"/>
              <a:gd name="connsiteY149" fmla="*/ 2195182 h 2323145"/>
              <a:gd name="connsiteX150" fmla="*/ 4433312 w 11269336"/>
              <a:gd name="connsiteY150" fmla="*/ 2199004 h 2323145"/>
              <a:gd name="connsiteX151" fmla="*/ 4420601 w 11269336"/>
              <a:gd name="connsiteY151" fmla="*/ 2205158 h 2323145"/>
              <a:gd name="connsiteX152" fmla="*/ 4405765 w 11269336"/>
              <a:gd name="connsiteY152" fmla="*/ 2199902 h 2323145"/>
              <a:gd name="connsiteX153" fmla="*/ 4401354 w 11269336"/>
              <a:gd name="connsiteY153" fmla="*/ 2194745 h 2323145"/>
              <a:gd name="connsiteX154" fmla="*/ 4383151 w 11269336"/>
              <a:gd name="connsiteY154" fmla="*/ 2201140 h 2323145"/>
              <a:gd name="connsiteX155" fmla="*/ 4366646 w 11269336"/>
              <a:gd name="connsiteY155" fmla="*/ 2198564 h 2323145"/>
              <a:gd name="connsiteX156" fmla="*/ 4354009 w 11269336"/>
              <a:gd name="connsiteY156" fmla="*/ 2204984 h 2323145"/>
              <a:gd name="connsiteX157" fmla="*/ 4348284 w 11269336"/>
              <a:gd name="connsiteY157" fmla="*/ 2205270 h 2323145"/>
              <a:gd name="connsiteX158" fmla="*/ 4333906 w 11269336"/>
              <a:gd name="connsiteY158" fmla="*/ 2205251 h 2323145"/>
              <a:gd name="connsiteX159" fmla="*/ 4308819 w 11269336"/>
              <a:gd name="connsiteY159" fmla="*/ 2203822 h 2323145"/>
              <a:gd name="connsiteX160" fmla="*/ 4301210 w 11269336"/>
              <a:gd name="connsiteY160" fmla="*/ 2204456 h 2323145"/>
              <a:gd name="connsiteX161" fmla="*/ 4283095 w 11269336"/>
              <a:gd name="connsiteY161" fmla="*/ 2198177 h 2323145"/>
              <a:gd name="connsiteX162" fmla="*/ 4250119 w 11269336"/>
              <a:gd name="connsiteY162" fmla="*/ 2196342 h 2323145"/>
              <a:gd name="connsiteX163" fmla="*/ 4189203 w 11269336"/>
              <a:gd name="connsiteY163" fmla="*/ 2178994 h 2323145"/>
              <a:gd name="connsiteX164" fmla="*/ 4154035 w 11269336"/>
              <a:gd name="connsiteY164" fmla="*/ 2171950 h 2323145"/>
              <a:gd name="connsiteX165" fmla="*/ 4129569 w 11269336"/>
              <a:gd name="connsiteY165" fmla="*/ 2163850 h 2323145"/>
              <a:gd name="connsiteX166" fmla="*/ 4061250 w 11269336"/>
              <a:gd name="connsiteY166" fmla="*/ 2159236 h 2323145"/>
              <a:gd name="connsiteX167" fmla="*/ 3945480 w 11269336"/>
              <a:gd name="connsiteY167" fmla="*/ 2158279 h 2323145"/>
              <a:gd name="connsiteX168" fmla="*/ 3921468 w 11269336"/>
              <a:gd name="connsiteY168" fmla="*/ 2156588 h 2323145"/>
              <a:gd name="connsiteX169" fmla="*/ 3903348 w 11269336"/>
              <a:gd name="connsiteY169" fmla="*/ 2149220 h 2323145"/>
              <a:gd name="connsiteX170" fmla="*/ 3901342 w 11269336"/>
              <a:gd name="connsiteY170" fmla="*/ 2142355 h 2323145"/>
              <a:gd name="connsiteX171" fmla="*/ 3888539 w 11269336"/>
              <a:gd name="connsiteY171" fmla="*/ 2140476 h 2323145"/>
              <a:gd name="connsiteX172" fmla="*/ 3885662 w 11269336"/>
              <a:gd name="connsiteY172" fmla="*/ 2138740 h 2323145"/>
              <a:gd name="connsiteX173" fmla="*/ 3868627 w 11269336"/>
              <a:gd name="connsiteY173" fmla="*/ 2130023 h 2323145"/>
              <a:gd name="connsiteX174" fmla="*/ 3819177 w 11269336"/>
              <a:gd name="connsiteY174" fmla="*/ 2142111 h 2323145"/>
              <a:gd name="connsiteX175" fmla="*/ 3769100 w 11269336"/>
              <a:gd name="connsiteY175" fmla="*/ 2131731 h 2323145"/>
              <a:gd name="connsiteX176" fmla="*/ 3562752 w 11269336"/>
              <a:gd name="connsiteY176" fmla="*/ 2131785 h 2323145"/>
              <a:gd name="connsiteX177" fmla="*/ 3541402 w 11269336"/>
              <a:gd name="connsiteY177" fmla="*/ 2106821 h 2323145"/>
              <a:gd name="connsiteX178" fmla="*/ 3365341 w 11269336"/>
              <a:gd name="connsiteY178" fmla="*/ 2077638 h 2323145"/>
              <a:gd name="connsiteX179" fmla="*/ 3170922 w 11269336"/>
              <a:gd name="connsiteY179" fmla="*/ 2115957 h 2323145"/>
              <a:gd name="connsiteX180" fmla="*/ 3156256 w 11269336"/>
              <a:gd name="connsiteY180" fmla="*/ 2124773 h 2323145"/>
              <a:gd name="connsiteX181" fmla="*/ 3140298 w 11269336"/>
              <a:gd name="connsiteY181" fmla="*/ 2129182 h 2323145"/>
              <a:gd name="connsiteX182" fmla="*/ 3138514 w 11269336"/>
              <a:gd name="connsiteY182" fmla="*/ 2128069 h 2323145"/>
              <a:gd name="connsiteX183" fmla="*/ 3120467 w 11269336"/>
              <a:gd name="connsiteY183" fmla="*/ 2128281 h 2323145"/>
              <a:gd name="connsiteX184" fmla="*/ 3116175 w 11269336"/>
              <a:gd name="connsiteY184" fmla="*/ 2131633 h 2323145"/>
              <a:gd name="connsiteX185" fmla="*/ 3103685 w 11269336"/>
              <a:gd name="connsiteY185" fmla="*/ 2132814 h 2323145"/>
              <a:gd name="connsiteX186" fmla="*/ 3078794 w 11269336"/>
              <a:gd name="connsiteY186" fmla="*/ 2137935 h 2323145"/>
              <a:gd name="connsiteX187" fmla="*/ 3074407 w 11269336"/>
              <a:gd name="connsiteY187" fmla="*/ 2136274 h 2323145"/>
              <a:gd name="connsiteX188" fmla="*/ 3037285 w 11269336"/>
              <a:gd name="connsiteY188" fmla="*/ 2139919 h 2323145"/>
              <a:gd name="connsiteX189" fmla="*/ 3036901 w 11269336"/>
              <a:gd name="connsiteY189" fmla="*/ 2138726 h 2323145"/>
              <a:gd name="connsiteX190" fmla="*/ 3026996 w 11269336"/>
              <a:gd name="connsiteY190" fmla="*/ 2134322 h 2323145"/>
              <a:gd name="connsiteX191" fmla="*/ 3007772 w 11269336"/>
              <a:gd name="connsiteY191" fmla="*/ 2128742 h 2323145"/>
              <a:gd name="connsiteX192" fmla="*/ 2965030 w 11269336"/>
              <a:gd name="connsiteY192" fmla="*/ 2100494 h 2323145"/>
              <a:gd name="connsiteX193" fmla="*/ 2926342 w 11269336"/>
              <a:gd name="connsiteY193" fmla="*/ 2104155 h 2323145"/>
              <a:gd name="connsiteX194" fmla="*/ 2918608 w 11269336"/>
              <a:gd name="connsiteY194" fmla="*/ 2104215 h 2323145"/>
              <a:gd name="connsiteX195" fmla="*/ 2918475 w 11269336"/>
              <a:gd name="connsiteY195" fmla="*/ 2103937 h 2323145"/>
              <a:gd name="connsiteX196" fmla="*/ 2910360 w 11269336"/>
              <a:gd name="connsiteY196" fmla="*/ 2103444 h 2323145"/>
              <a:gd name="connsiteX197" fmla="*/ 2904507 w 11269336"/>
              <a:gd name="connsiteY197" fmla="*/ 2104326 h 2323145"/>
              <a:gd name="connsiteX198" fmla="*/ 2889503 w 11269336"/>
              <a:gd name="connsiteY198" fmla="*/ 2104443 h 2323145"/>
              <a:gd name="connsiteX199" fmla="*/ 2884480 w 11269336"/>
              <a:gd name="connsiteY199" fmla="*/ 2102626 h 2323145"/>
              <a:gd name="connsiteX200" fmla="*/ 2882689 w 11269336"/>
              <a:gd name="connsiteY200" fmla="*/ 2099228 h 2323145"/>
              <a:gd name="connsiteX201" fmla="*/ 2881291 w 11269336"/>
              <a:gd name="connsiteY201" fmla="*/ 2099618 h 2323145"/>
              <a:gd name="connsiteX202" fmla="*/ 2853979 w 11269336"/>
              <a:gd name="connsiteY202" fmla="*/ 2090388 h 2323145"/>
              <a:gd name="connsiteX203" fmla="*/ 2791790 w 11269336"/>
              <a:gd name="connsiteY203" fmla="*/ 2080332 h 2323145"/>
              <a:gd name="connsiteX204" fmla="*/ 2755844 w 11269336"/>
              <a:gd name="connsiteY204" fmla="*/ 2078874 h 2323145"/>
              <a:gd name="connsiteX205" fmla="*/ 2657742 w 11269336"/>
              <a:gd name="connsiteY205" fmla="*/ 2070179 h 2323145"/>
              <a:gd name="connsiteX206" fmla="*/ 2559549 w 11269336"/>
              <a:gd name="connsiteY206" fmla="*/ 2057873 h 2323145"/>
              <a:gd name="connsiteX207" fmla="*/ 2512054 w 11269336"/>
              <a:gd name="connsiteY207" fmla="*/ 2031671 h 2323145"/>
              <a:gd name="connsiteX208" fmla="*/ 2506437 w 11269336"/>
              <a:gd name="connsiteY208" fmla="*/ 2030918 h 2323145"/>
              <a:gd name="connsiteX209" fmla="*/ 2491752 w 11269336"/>
              <a:gd name="connsiteY209" fmla="*/ 2033906 h 2323145"/>
              <a:gd name="connsiteX210" fmla="*/ 2486338 w 11269336"/>
              <a:gd name="connsiteY210" fmla="*/ 2035862 h 2323145"/>
              <a:gd name="connsiteX211" fmla="*/ 2478186 w 11269336"/>
              <a:gd name="connsiteY211" fmla="*/ 2036953 h 2323145"/>
              <a:gd name="connsiteX212" fmla="*/ 2477950 w 11269336"/>
              <a:gd name="connsiteY212" fmla="*/ 2036715 h 2323145"/>
              <a:gd name="connsiteX213" fmla="*/ 2470381 w 11269336"/>
              <a:gd name="connsiteY213" fmla="*/ 2038256 h 2323145"/>
              <a:gd name="connsiteX214" fmla="*/ 2433781 w 11269336"/>
              <a:gd name="connsiteY214" fmla="*/ 2049140 h 2323145"/>
              <a:gd name="connsiteX215" fmla="*/ 2381172 w 11269336"/>
              <a:gd name="connsiteY215" fmla="*/ 2030645 h 2323145"/>
              <a:gd name="connsiteX216" fmla="*/ 2360198 w 11269336"/>
              <a:gd name="connsiteY216" fmla="*/ 2029059 h 2323145"/>
              <a:gd name="connsiteX217" fmla="*/ 2348815 w 11269336"/>
              <a:gd name="connsiteY217" fmla="*/ 2026798 h 2323145"/>
              <a:gd name="connsiteX218" fmla="*/ 2347988 w 11269336"/>
              <a:gd name="connsiteY218" fmla="*/ 2025745 h 2323145"/>
              <a:gd name="connsiteX219" fmla="*/ 2312920 w 11269336"/>
              <a:gd name="connsiteY219" fmla="*/ 2036311 h 2323145"/>
              <a:gd name="connsiteX220" fmla="*/ 2307986 w 11269336"/>
              <a:gd name="connsiteY220" fmla="*/ 2035583 h 2323145"/>
              <a:gd name="connsiteX221" fmla="*/ 2285481 w 11269336"/>
              <a:gd name="connsiteY221" fmla="*/ 2045197 h 2323145"/>
              <a:gd name="connsiteX222" fmla="*/ 2273666 w 11269336"/>
              <a:gd name="connsiteY222" fmla="*/ 2048710 h 2323145"/>
              <a:gd name="connsiteX223" fmla="*/ 2270719 w 11269336"/>
              <a:gd name="connsiteY223" fmla="*/ 2052702 h 2323145"/>
              <a:gd name="connsiteX224" fmla="*/ 2253080 w 11269336"/>
              <a:gd name="connsiteY224" fmla="*/ 2056363 h 2323145"/>
              <a:gd name="connsiteX225" fmla="*/ 2250906 w 11269336"/>
              <a:gd name="connsiteY225" fmla="*/ 2055654 h 2323145"/>
              <a:gd name="connsiteX226" fmla="*/ 2236905 w 11269336"/>
              <a:gd name="connsiteY226" fmla="*/ 2062882 h 2323145"/>
              <a:gd name="connsiteX227" fmla="*/ 2225830 w 11269336"/>
              <a:gd name="connsiteY227" fmla="*/ 2074027 h 2323145"/>
              <a:gd name="connsiteX228" fmla="*/ 2073776 w 11269336"/>
              <a:gd name="connsiteY228" fmla="*/ 2089244 h 2323145"/>
              <a:gd name="connsiteX229" fmla="*/ 1948256 w 11269336"/>
              <a:gd name="connsiteY229" fmla="*/ 2146616 h 2323145"/>
              <a:gd name="connsiteX230" fmla="*/ 1865582 w 11269336"/>
              <a:gd name="connsiteY230" fmla="*/ 2153738 h 2323145"/>
              <a:gd name="connsiteX231" fmla="*/ 1835210 w 11269336"/>
              <a:gd name="connsiteY231" fmla="*/ 2134244 h 2323145"/>
              <a:gd name="connsiteX232" fmla="*/ 1632661 w 11269336"/>
              <a:gd name="connsiteY232" fmla="*/ 2173882 h 2323145"/>
              <a:gd name="connsiteX233" fmla="*/ 1579590 w 11269336"/>
              <a:gd name="connsiteY233" fmla="*/ 2173680 h 2323145"/>
              <a:gd name="connsiteX234" fmla="*/ 1535601 w 11269336"/>
              <a:gd name="connsiteY234" fmla="*/ 2194590 h 2323145"/>
              <a:gd name="connsiteX235" fmla="*/ 1515594 w 11269336"/>
              <a:gd name="connsiteY235" fmla="*/ 2189622 h 2323145"/>
              <a:gd name="connsiteX236" fmla="*/ 1512113 w 11269336"/>
              <a:gd name="connsiteY236" fmla="*/ 2188534 h 2323145"/>
              <a:gd name="connsiteX237" fmla="*/ 1498838 w 11269336"/>
              <a:gd name="connsiteY237" fmla="*/ 2189213 h 2323145"/>
              <a:gd name="connsiteX238" fmla="*/ 1494279 w 11269336"/>
              <a:gd name="connsiteY238" fmla="*/ 2183112 h 2323145"/>
              <a:gd name="connsiteX239" fmla="*/ 1473714 w 11269336"/>
              <a:gd name="connsiteY239" fmla="*/ 2179625 h 2323145"/>
              <a:gd name="connsiteX240" fmla="*/ 1449503 w 11269336"/>
              <a:gd name="connsiteY240" fmla="*/ 2182633 h 2323145"/>
              <a:gd name="connsiteX241" fmla="*/ 1266687 w 11269336"/>
              <a:gd name="connsiteY241" fmla="*/ 2212688 h 2323145"/>
              <a:gd name="connsiteX242" fmla="*/ 1239614 w 11269336"/>
              <a:gd name="connsiteY242" fmla="*/ 2209727 h 2323145"/>
              <a:gd name="connsiteX243" fmla="*/ 1202436 w 11269336"/>
              <a:gd name="connsiteY243" fmla="*/ 2209817 h 2323145"/>
              <a:gd name="connsiteX244" fmla="*/ 1136097 w 11269336"/>
              <a:gd name="connsiteY244" fmla="*/ 2205112 h 2323145"/>
              <a:gd name="connsiteX245" fmla="*/ 988232 w 11269336"/>
              <a:gd name="connsiteY245" fmla="*/ 2235635 h 2323145"/>
              <a:gd name="connsiteX246" fmla="*/ 981959 w 11269336"/>
              <a:gd name="connsiteY246" fmla="*/ 2231607 h 2323145"/>
              <a:gd name="connsiteX247" fmla="*/ 938600 w 11269336"/>
              <a:gd name="connsiteY247" fmla="*/ 2238113 h 2323145"/>
              <a:gd name="connsiteX248" fmla="*/ 791788 w 11269336"/>
              <a:gd name="connsiteY248" fmla="*/ 2293224 h 2323145"/>
              <a:gd name="connsiteX249" fmla="*/ 706914 w 11269336"/>
              <a:gd name="connsiteY249" fmla="*/ 2305046 h 2323145"/>
              <a:gd name="connsiteX250" fmla="*/ 675971 w 11269336"/>
              <a:gd name="connsiteY250" fmla="*/ 2304030 h 2323145"/>
              <a:gd name="connsiteX251" fmla="*/ 624180 w 11269336"/>
              <a:gd name="connsiteY251" fmla="*/ 2302650 h 2323145"/>
              <a:gd name="connsiteX252" fmla="*/ 583453 w 11269336"/>
              <a:gd name="connsiteY252" fmla="*/ 2288788 h 2323145"/>
              <a:gd name="connsiteX253" fmla="*/ 540946 w 11269336"/>
              <a:gd name="connsiteY253" fmla="*/ 2292721 h 2323145"/>
              <a:gd name="connsiteX254" fmla="*/ 533680 w 11269336"/>
              <a:gd name="connsiteY254" fmla="*/ 2310233 h 2323145"/>
              <a:gd name="connsiteX255" fmla="*/ 487366 w 11269336"/>
              <a:gd name="connsiteY255" fmla="*/ 2309053 h 2323145"/>
              <a:gd name="connsiteX256" fmla="*/ 416820 w 11269336"/>
              <a:gd name="connsiteY256" fmla="*/ 2305443 h 2323145"/>
              <a:gd name="connsiteX257" fmla="*/ 376805 w 11269336"/>
              <a:gd name="connsiteY257" fmla="*/ 2307647 h 2323145"/>
              <a:gd name="connsiteX258" fmla="*/ 266777 w 11269336"/>
              <a:gd name="connsiteY258" fmla="*/ 2309012 h 2323145"/>
              <a:gd name="connsiteX259" fmla="*/ 156013 w 11269336"/>
              <a:gd name="connsiteY259" fmla="*/ 2306832 h 2323145"/>
              <a:gd name="connsiteX260" fmla="*/ 87258 w 11269336"/>
              <a:gd name="connsiteY260" fmla="*/ 2285511 h 2323145"/>
              <a:gd name="connsiteX261" fmla="*/ 23798 w 11269336"/>
              <a:gd name="connsiteY261" fmla="*/ 2281822 h 2323145"/>
              <a:gd name="connsiteX262" fmla="*/ 0 w 11269336"/>
              <a:gd name="connsiteY262" fmla="*/ 2285369 h 2323145"/>
              <a:gd name="connsiteX263" fmla="*/ 0 w 11269336"/>
              <a:gd name="connsiteY263"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41688 w 11269336"/>
              <a:gd name="connsiteY133" fmla="*/ 2022334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678455 w 11269336"/>
              <a:gd name="connsiteY142" fmla="*/ 2156131 h 2323145"/>
              <a:gd name="connsiteX143" fmla="*/ 4593061 w 11269336"/>
              <a:gd name="connsiteY143" fmla="*/ 2171597 h 2323145"/>
              <a:gd name="connsiteX144" fmla="*/ 4579902 w 11269336"/>
              <a:gd name="connsiteY144" fmla="*/ 2177927 h 2323145"/>
              <a:gd name="connsiteX145" fmla="*/ 4533444 w 11269336"/>
              <a:gd name="connsiteY145" fmla="*/ 2181200 h 2323145"/>
              <a:gd name="connsiteX146" fmla="*/ 4492832 w 11269336"/>
              <a:gd name="connsiteY146" fmla="*/ 2188033 h 2323145"/>
              <a:gd name="connsiteX147" fmla="*/ 4467257 w 11269336"/>
              <a:gd name="connsiteY147" fmla="*/ 2196121 h 2323145"/>
              <a:gd name="connsiteX148" fmla="*/ 4459937 w 11269336"/>
              <a:gd name="connsiteY148" fmla="*/ 2195182 h 2323145"/>
              <a:gd name="connsiteX149" fmla="*/ 4433312 w 11269336"/>
              <a:gd name="connsiteY149" fmla="*/ 2199004 h 2323145"/>
              <a:gd name="connsiteX150" fmla="*/ 4420601 w 11269336"/>
              <a:gd name="connsiteY150" fmla="*/ 2205158 h 2323145"/>
              <a:gd name="connsiteX151" fmla="*/ 4405765 w 11269336"/>
              <a:gd name="connsiteY151" fmla="*/ 2199902 h 2323145"/>
              <a:gd name="connsiteX152" fmla="*/ 4401354 w 11269336"/>
              <a:gd name="connsiteY152" fmla="*/ 2194745 h 2323145"/>
              <a:gd name="connsiteX153" fmla="*/ 4383151 w 11269336"/>
              <a:gd name="connsiteY153" fmla="*/ 2201140 h 2323145"/>
              <a:gd name="connsiteX154" fmla="*/ 4366646 w 11269336"/>
              <a:gd name="connsiteY154" fmla="*/ 2198564 h 2323145"/>
              <a:gd name="connsiteX155" fmla="*/ 4354009 w 11269336"/>
              <a:gd name="connsiteY155" fmla="*/ 2204984 h 2323145"/>
              <a:gd name="connsiteX156" fmla="*/ 4348284 w 11269336"/>
              <a:gd name="connsiteY156" fmla="*/ 2205270 h 2323145"/>
              <a:gd name="connsiteX157" fmla="*/ 4333906 w 11269336"/>
              <a:gd name="connsiteY157" fmla="*/ 2205251 h 2323145"/>
              <a:gd name="connsiteX158" fmla="*/ 4308819 w 11269336"/>
              <a:gd name="connsiteY158" fmla="*/ 2203822 h 2323145"/>
              <a:gd name="connsiteX159" fmla="*/ 4301210 w 11269336"/>
              <a:gd name="connsiteY159" fmla="*/ 2204456 h 2323145"/>
              <a:gd name="connsiteX160" fmla="*/ 4283095 w 11269336"/>
              <a:gd name="connsiteY160" fmla="*/ 2198177 h 2323145"/>
              <a:gd name="connsiteX161" fmla="*/ 4250119 w 11269336"/>
              <a:gd name="connsiteY161" fmla="*/ 2196342 h 2323145"/>
              <a:gd name="connsiteX162" fmla="*/ 4189203 w 11269336"/>
              <a:gd name="connsiteY162" fmla="*/ 2178994 h 2323145"/>
              <a:gd name="connsiteX163" fmla="*/ 4154035 w 11269336"/>
              <a:gd name="connsiteY163" fmla="*/ 2171950 h 2323145"/>
              <a:gd name="connsiteX164" fmla="*/ 4129569 w 11269336"/>
              <a:gd name="connsiteY164" fmla="*/ 2163850 h 2323145"/>
              <a:gd name="connsiteX165" fmla="*/ 4061250 w 11269336"/>
              <a:gd name="connsiteY165" fmla="*/ 2159236 h 2323145"/>
              <a:gd name="connsiteX166" fmla="*/ 3945480 w 11269336"/>
              <a:gd name="connsiteY166" fmla="*/ 2158279 h 2323145"/>
              <a:gd name="connsiteX167" fmla="*/ 3921468 w 11269336"/>
              <a:gd name="connsiteY167" fmla="*/ 2156588 h 2323145"/>
              <a:gd name="connsiteX168" fmla="*/ 3903348 w 11269336"/>
              <a:gd name="connsiteY168" fmla="*/ 2149220 h 2323145"/>
              <a:gd name="connsiteX169" fmla="*/ 3901342 w 11269336"/>
              <a:gd name="connsiteY169" fmla="*/ 2142355 h 2323145"/>
              <a:gd name="connsiteX170" fmla="*/ 3888539 w 11269336"/>
              <a:gd name="connsiteY170" fmla="*/ 2140476 h 2323145"/>
              <a:gd name="connsiteX171" fmla="*/ 3885662 w 11269336"/>
              <a:gd name="connsiteY171" fmla="*/ 2138740 h 2323145"/>
              <a:gd name="connsiteX172" fmla="*/ 3868627 w 11269336"/>
              <a:gd name="connsiteY172" fmla="*/ 2130023 h 2323145"/>
              <a:gd name="connsiteX173" fmla="*/ 3819177 w 11269336"/>
              <a:gd name="connsiteY173" fmla="*/ 2142111 h 2323145"/>
              <a:gd name="connsiteX174" fmla="*/ 3769100 w 11269336"/>
              <a:gd name="connsiteY174" fmla="*/ 2131731 h 2323145"/>
              <a:gd name="connsiteX175" fmla="*/ 3562752 w 11269336"/>
              <a:gd name="connsiteY175" fmla="*/ 2131785 h 2323145"/>
              <a:gd name="connsiteX176" fmla="*/ 3541402 w 11269336"/>
              <a:gd name="connsiteY176" fmla="*/ 2106821 h 2323145"/>
              <a:gd name="connsiteX177" fmla="*/ 3365341 w 11269336"/>
              <a:gd name="connsiteY177" fmla="*/ 2077638 h 2323145"/>
              <a:gd name="connsiteX178" fmla="*/ 3170922 w 11269336"/>
              <a:gd name="connsiteY178" fmla="*/ 2115957 h 2323145"/>
              <a:gd name="connsiteX179" fmla="*/ 3156256 w 11269336"/>
              <a:gd name="connsiteY179" fmla="*/ 2124773 h 2323145"/>
              <a:gd name="connsiteX180" fmla="*/ 3140298 w 11269336"/>
              <a:gd name="connsiteY180" fmla="*/ 2129182 h 2323145"/>
              <a:gd name="connsiteX181" fmla="*/ 3138514 w 11269336"/>
              <a:gd name="connsiteY181" fmla="*/ 2128069 h 2323145"/>
              <a:gd name="connsiteX182" fmla="*/ 3120467 w 11269336"/>
              <a:gd name="connsiteY182" fmla="*/ 2128281 h 2323145"/>
              <a:gd name="connsiteX183" fmla="*/ 3116175 w 11269336"/>
              <a:gd name="connsiteY183" fmla="*/ 2131633 h 2323145"/>
              <a:gd name="connsiteX184" fmla="*/ 3103685 w 11269336"/>
              <a:gd name="connsiteY184" fmla="*/ 2132814 h 2323145"/>
              <a:gd name="connsiteX185" fmla="*/ 3078794 w 11269336"/>
              <a:gd name="connsiteY185" fmla="*/ 2137935 h 2323145"/>
              <a:gd name="connsiteX186" fmla="*/ 3074407 w 11269336"/>
              <a:gd name="connsiteY186" fmla="*/ 2136274 h 2323145"/>
              <a:gd name="connsiteX187" fmla="*/ 3037285 w 11269336"/>
              <a:gd name="connsiteY187" fmla="*/ 2139919 h 2323145"/>
              <a:gd name="connsiteX188" fmla="*/ 3036901 w 11269336"/>
              <a:gd name="connsiteY188" fmla="*/ 2138726 h 2323145"/>
              <a:gd name="connsiteX189" fmla="*/ 3026996 w 11269336"/>
              <a:gd name="connsiteY189" fmla="*/ 2134322 h 2323145"/>
              <a:gd name="connsiteX190" fmla="*/ 3007772 w 11269336"/>
              <a:gd name="connsiteY190" fmla="*/ 2128742 h 2323145"/>
              <a:gd name="connsiteX191" fmla="*/ 2965030 w 11269336"/>
              <a:gd name="connsiteY191" fmla="*/ 2100494 h 2323145"/>
              <a:gd name="connsiteX192" fmla="*/ 2926342 w 11269336"/>
              <a:gd name="connsiteY192" fmla="*/ 2104155 h 2323145"/>
              <a:gd name="connsiteX193" fmla="*/ 2918608 w 11269336"/>
              <a:gd name="connsiteY193" fmla="*/ 2104215 h 2323145"/>
              <a:gd name="connsiteX194" fmla="*/ 2918475 w 11269336"/>
              <a:gd name="connsiteY194" fmla="*/ 2103937 h 2323145"/>
              <a:gd name="connsiteX195" fmla="*/ 2910360 w 11269336"/>
              <a:gd name="connsiteY195" fmla="*/ 2103444 h 2323145"/>
              <a:gd name="connsiteX196" fmla="*/ 2904507 w 11269336"/>
              <a:gd name="connsiteY196" fmla="*/ 2104326 h 2323145"/>
              <a:gd name="connsiteX197" fmla="*/ 2889503 w 11269336"/>
              <a:gd name="connsiteY197" fmla="*/ 2104443 h 2323145"/>
              <a:gd name="connsiteX198" fmla="*/ 2884480 w 11269336"/>
              <a:gd name="connsiteY198" fmla="*/ 2102626 h 2323145"/>
              <a:gd name="connsiteX199" fmla="*/ 2882689 w 11269336"/>
              <a:gd name="connsiteY199" fmla="*/ 2099228 h 2323145"/>
              <a:gd name="connsiteX200" fmla="*/ 2881291 w 11269336"/>
              <a:gd name="connsiteY200" fmla="*/ 2099618 h 2323145"/>
              <a:gd name="connsiteX201" fmla="*/ 2853979 w 11269336"/>
              <a:gd name="connsiteY201" fmla="*/ 2090388 h 2323145"/>
              <a:gd name="connsiteX202" fmla="*/ 2791790 w 11269336"/>
              <a:gd name="connsiteY202" fmla="*/ 2080332 h 2323145"/>
              <a:gd name="connsiteX203" fmla="*/ 2755844 w 11269336"/>
              <a:gd name="connsiteY203" fmla="*/ 2078874 h 2323145"/>
              <a:gd name="connsiteX204" fmla="*/ 2657742 w 11269336"/>
              <a:gd name="connsiteY204" fmla="*/ 2070179 h 2323145"/>
              <a:gd name="connsiteX205" fmla="*/ 2559549 w 11269336"/>
              <a:gd name="connsiteY205" fmla="*/ 2057873 h 2323145"/>
              <a:gd name="connsiteX206" fmla="*/ 2512054 w 11269336"/>
              <a:gd name="connsiteY206" fmla="*/ 2031671 h 2323145"/>
              <a:gd name="connsiteX207" fmla="*/ 2506437 w 11269336"/>
              <a:gd name="connsiteY207" fmla="*/ 2030918 h 2323145"/>
              <a:gd name="connsiteX208" fmla="*/ 2491752 w 11269336"/>
              <a:gd name="connsiteY208" fmla="*/ 2033906 h 2323145"/>
              <a:gd name="connsiteX209" fmla="*/ 2486338 w 11269336"/>
              <a:gd name="connsiteY209" fmla="*/ 2035862 h 2323145"/>
              <a:gd name="connsiteX210" fmla="*/ 2478186 w 11269336"/>
              <a:gd name="connsiteY210" fmla="*/ 2036953 h 2323145"/>
              <a:gd name="connsiteX211" fmla="*/ 2477950 w 11269336"/>
              <a:gd name="connsiteY211" fmla="*/ 2036715 h 2323145"/>
              <a:gd name="connsiteX212" fmla="*/ 2470381 w 11269336"/>
              <a:gd name="connsiteY212" fmla="*/ 2038256 h 2323145"/>
              <a:gd name="connsiteX213" fmla="*/ 2433781 w 11269336"/>
              <a:gd name="connsiteY213" fmla="*/ 2049140 h 2323145"/>
              <a:gd name="connsiteX214" fmla="*/ 2381172 w 11269336"/>
              <a:gd name="connsiteY214" fmla="*/ 2030645 h 2323145"/>
              <a:gd name="connsiteX215" fmla="*/ 2360198 w 11269336"/>
              <a:gd name="connsiteY215" fmla="*/ 2029059 h 2323145"/>
              <a:gd name="connsiteX216" fmla="*/ 2348815 w 11269336"/>
              <a:gd name="connsiteY216" fmla="*/ 2026798 h 2323145"/>
              <a:gd name="connsiteX217" fmla="*/ 2347988 w 11269336"/>
              <a:gd name="connsiteY217" fmla="*/ 2025745 h 2323145"/>
              <a:gd name="connsiteX218" fmla="*/ 2312920 w 11269336"/>
              <a:gd name="connsiteY218" fmla="*/ 2036311 h 2323145"/>
              <a:gd name="connsiteX219" fmla="*/ 2307986 w 11269336"/>
              <a:gd name="connsiteY219" fmla="*/ 2035583 h 2323145"/>
              <a:gd name="connsiteX220" fmla="*/ 2285481 w 11269336"/>
              <a:gd name="connsiteY220" fmla="*/ 2045197 h 2323145"/>
              <a:gd name="connsiteX221" fmla="*/ 2273666 w 11269336"/>
              <a:gd name="connsiteY221" fmla="*/ 2048710 h 2323145"/>
              <a:gd name="connsiteX222" fmla="*/ 2270719 w 11269336"/>
              <a:gd name="connsiteY222" fmla="*/ 2052702 h 2323145"/>
              <a:gd name="connsiteX223" fmla="*/ 2253080 w 11269336"/>
              <a:gd name="connsiteY223" fmla="*/ 2056363 h 2323145"/>
              <a:gd name="connsiteX224" fmla="*/ 2250906 w 11269336"/>
              <a:gd name="connsiteY224" fmla="*/ 2055654 h 2323145"/>
              <a:gd name="connsiteX225" fmla="*/ 2236905 w 11269336"/>
              <a:gd name="connsiteY225" fmla="*/ 2062882 h 2323145"/>
              <a:gd name="connsiteX226" fmla="*/ 2225830 w 11269336"/>
              <a:gd name="connsiteY226" fmla="*/ 2074027 h 2323145"/>
              <a:gd name="connsiteX227" fmla="*/ 2073776 w 11269336"/>
              <a:gd name="connsiteY227" fmla="*/ 2089244 h 2323145"/>
              <a:gd name="connsiteX228" fmla="*/ 1948256 w 11269336"/>
              <a:gd name="connsiteY228" fmla="*/ 2146616 h 2323145"/>
              <a:gd name="connsiteX229" fmla="*/ 1865582 w 11269336"/>
              <a:gd name="connsiteY229" fmla="*/ 2153738 h 2323145"/>
              <a:gd name="connsiteX230" fmla="*/ 1835210 w 11269336"/>
              <a:gd name="connsiteY230" fmla="*/ 2134244 h 2323145"/>
              <a:gd name="connsiteX231" fmla="*/ 1632661 w 11269336"/>
              <a:gd name="connsiteY231" fmla="*/ 2173882 h 2323145"/>
              <a:gd name="connsiteX232" fmla="*/ 1579590 w 11269336"/>
              <a:gd name="connsiteY232" fmla="*/ 2173680 h 2323145"/>
              <a:gd name="connsiteX233" fmla="*/ 1535601 w 11269336"/>
              <a:gd name="connsiteY233" fmla="*/ 2194590 h 2323145"/>
              <a:gd name="connsiteX234" fmla="*/ 1515594 w 11269336"/>
              <a:gd name="connsiteY234" fmla="*/ 2189622 h 2323145"/>
              <a:gd name="connsiteX235" fmla="*/ 1512113 w 11269336"/>
              <a:gd name="connsiteY235" fmla="*/ 2188534 h 2323145"/>
              <a:gd name="connsiteX236" fmla="*/ 1498838 w 11269336"/>
              <a:gd name="connsiteY236" fmla="*/ 2189213 h 2323145"/>
              <a:gd name="connsiteX237" fmla="*/ 1494279 w 11269336"/>
              <a:gd name="connsiteY237" fmla="*/ 2183112 h 2323145"/>
              <a:gd name="connsiteX238" fmla="*/ 1473714 w 11269336"/>
              <a:gd name="connsiteY238" fmla="*/ 2179625 h 2323145"/>
              <a:gd name="connsiteX239" fmla="*/ 1449503 w 11269336"/>
              <a:gd name="connsiteY239" fmla="*/ 2182633 h 2323145"/>
              <a:gd name="connsiteX240" fmla="*/ 1266687 w 11269336"/>
              <a:gd name="connsiteY240" fmla="*/ 2212688 h 2323145"/>
              <a:gd name="connsiteX241" fmla="*/ 1239614 w 11269336"/>
              <a:gd name="connsiteY241" fmla="*/ 2209727 h 2323145"/>
              <a:gd name="connsiteX242" fmla="*/ 1202436 w 11269336"/>
              <a:gd name="connsiteY242" fmla="*/ 2209817 h 2323145"/>
              <a:gd name="connsiteX243" fmla="*/ 1136097 w 11269336"/>
              <a:gd name="connsiteY243" fmla="*/ 2205112 h 2323145"/>
              <a:gd name="connsiteX244" fmla="*/ 988232 w 11269336"/>
              <a:gd name="connsiteY244" fmla="*/ 2235635 h 2323145"/>
              <a:gd name="connsiteX245" fmla="*/ 981959 w 11269336"/>
              <a:gd name="connsiteY245" fmla="*/ 2231607 h 2323145"/>
              <a:gd name="connsiteX246" fmla="*/ 938600 w 11269336"/>
              <a:gd name="connsiteY246" fmla="*/ 2238113 h 2323145"/>
              <a:gd name="connsiteX247" fmla="*/ 791788 w 11269336"/>
              <a:gd name="connsiteY247" fmla="*/ 2293224 h 2323145"/>
              <a:gd name="connsiteX248" fmla="*/ 706914 w 11269336"/>
              <a:gd name="connsiteY248" fmla="*/ 2305046 h 2323145"/>
              <a:gd name="connsiteX249" fmla="*/ 675971 w 11269336"/>
              <a:gd name="connsiteY249" fmla="*/ 2304030 h 2323145"/>
              <a:gd name="connsiteX250" fmla="*/ 624180 w 11269336"/>
              <a:gd name="connsiteY250" fmla="*/ 2302650 h 2323145"/>
              <a:gd name="connsiteX251" fmla="*/ 583453 w 11269336"/>
              <a:gd name="connsiteY251" fmla="*/ 2288788 h 2323145"/>
              <a:gd name="connsiteX252" fmla="*/ 540946 w 11269336"/>
              <a:gd name="connsiteY252" fmla="*/ 2292721 h 2323145"/>
              <a:gd name="connsiteX253" fmla="*/ 533680 w 11269336"/>
              <a:gd name="connsiteY253" fmla="*/ 2310233 h 2323145"/>
              <a:gd name="connsiteX254" fmla="*/ 487366 w 11269336"/>
              <a:gd name="connsiteY254" fmla="*/ 2309053 h 2323145"/>
              <a:gd name="connsiteX255" fmla="*/ 416820 w 11269336"/>
              <a:gd name="connsiteY255" fmla="*/ 2305443 h 2323145"/>
              <a:gd name="connsiteX256" fmla="*/ 376805 w 11269336"/>
              <a:gd name="connsiteY256" fmla="*/ 2307647 h 2323145"/>
              <a:gd name="connsiteX257" fmla="*/ 266777 w 11269336"/>
              <a:gd name="connsiteY257" fmla="*/ 2309012 h 2323145"/>
              <a:gd name="connsiteX258" fmla="*/ 156013 w 11269336"/>
              <a:gd name="connsiteY258" fmla="*/ 2306832 h 2323145"/>
              <a:gd name="connsiteX259" fmla="*/ 87258 w 11269336"/>
              <a:gd name="connsiteY259" fmla="*/ 2285511 h 2323145"/>
              <a:gd name="connsiteX260" fmla="*/ 23798 w 11269336"/>
              <a:gd name="connsiteY260" fmla="*/ 2281822 h 2323145"/>
              <a:gd name="connsiteX261" fmla="*/ 0 w 11269336"/>
              <a:gd name="connsiteY261" fmla="*/ 2285369 h 2323145"/>
              <a:gd name="connsiteX262" fmla="*/ 0 w 11269336"/>
              <a:gd name="connsiteY26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41688 w 11269336"/>
              <a:gd name="connsiteY133" fmla="*/ 2022334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678455 w 11269336"/>
              <a:gd name="connsiteY142" fmla="*/ 2156131 h 2323145"/>
              <a:gd name="connsiteX143" fmla="*/ 4593061 w 11269336"/>
              <a:gd name="connsiteY143" fmla="*/ 2171597 h 2323145"/>
              <a:gd name="connsiteX144" fmla="*/ 4579902 w 11269336"/>
              <a:gd name="connsiteY144" fmla="*/ 2177927 h 2323145"/>
              <a:gd name="connsiteX145" fmla="*/ 4533444 w 11269336"/>
              <a:gd name="connsiteY145" fmla="*/ 2181200 h 2323145"/>
              <a:gd name="connsiteX146" fmla="*/ 4492832 w 11269336"/>
              <a:gd name="connsiteY146" fmla="*/ 2188033 h 2323145"/>
              <a:gd name="connsiteX147" fmla="*/ 4467257 w 11269336"/>
              <a:gd name="connsiteY147" fmla="*/ 2196121 h 2323145"/>
              <a:gd name="connsiteX148" fmla="*/ 4459937 w 11269336"/>
              <a:gd name="connsiteY148" fmla="*/ 2195182 h 2323145"/>
              <a:gd name="connsiteX149" fmla="*/ 4433312 w 11269336"/>
              <a:gd name="connsiteY149" fmla="*/ 2199004 h 2323145"/>
              <a:gd name="connsiteX150" fmla="*/ 4420601 w 11269336"/>
              <a:gd name="connsiteY150" fmla="*/ 2205158 h 2323145"/>
              <a:gd name="connsiteX151" fmla="*/ 4405765 w 11269336"/>
              <a:gd name="connsiteY151" fmla="*/ 2199902 h 2323145"/>
              <a:gd name="connsiteX152" fmla="*/ 4401354 w 11269336"/>
              <a:gd name="connsiteY152" fmla="*/ 2194745 h 2323145"/>
              <a:gd name="connsiteX153" fmla="*/ 4383151 w 11269336"/>
              <a:gd name="connsiteY153" fmla="*/ 2201140 h 2323145"/>
              <a:gd name="connsiteX154" fmla="*/ 4366646 w 11269336"/>
              <a:gd name="connsiteY154" fmla="*/ 2198564 h 2323145"/>
              <a:gd name="connsiteX155" fmla="*/ 4354009 w 11269336"/>
              <a:gd name="connsiteY155" fmla="*/ 2204984 h 2323145"/>
              <a:gd name="connsiteX156" fmla="*/ 4348284 w 11269336"/>
              <a:gd name="connsiteY156" fmla="*/ 2205270 h 2323145"/>
              <a:gd name="connsiteX157" fmla="*/ 4333906 w 11269336"/>
              <a:gd name="connsiteY157" fmla="*/ 2205251 h 2323145"/>
              <a:gd name="connsiteX158" fmla="*/ 4308819 w 11269336"/>
              <a:gd name="connsiteY158" fmla="*/ 2203822 h 2323145"/>
              <a:gd name="connsiteX159" fmla="*/ 4301210 w 11269336"/>
              <a:gd name="connsiteY159" fmla="*/ 2204456 h 2323145"/>
              <a:gd name="connsiteX160" fmla="*/ 4283095 w 11269336"/>
              <a:gd name="connsiteY160" fmla="*/ 2198177 h 2323145"/>
              <a:gd name="connsiteX161" fmla="*/ 4250119 w 11269336"/>
              <a:gd name="connsiteY161" fmla="*/ 2196342 h 2323145"/>
              <a:gd name="connsiteX162" fmla="*/ 4189203 w 11269336"/>
              <a:gd name="connsiteY162" fmla="*/ 2178994 h 2323145"/>
              <a:gd name="connsiteX163" fmla="*/ 4154035 w 11269336"/>
              <a:gd name="connsiteY163" fmla="*/ 2171950 h 2323145"/>
              <a:gd name="connsiteX164" fmla="*/ 4129569 w 11269336"/>
              <a:gd name="connsiteY164" fmla="*/ 2163850 h 2323145"/>
              <a:gd name="connsiteX165" fmla="*/ 4061250 w 11269336"/>
              <a:gd name="connsiteY165" fmla="*/ 2159236 h 2323145"/>
              <a:gd name="connsiteX166" fmla="*/ 3945480 w 11269336"/>
              <a:gd name="connsiteY166" fmla="*/ 2158279 h 2323145"/>
              <a:gd name="connsiteX167" fmla="*/ 3921468 w 11269336"/>
              <a:gd name="connsiteY167" fmla="*/ 2156588 h 2323145"/>
              <a:gd name="connsiteX168" fmla="*/ 3903348 w 11269336"/>
              <a:gd name="connsiteY168" fmla="*/ 2149220 h 2323145"/>
              <a:gd name="connsiteX169" fmla="*/ 3901342 w 11269336"/>
              <a:gd name="connsiteY169" fmla="*/ 2142355 h 2323145"/>
              <a:gd name="connsiteX170" fmla="*/ 3888539 w 11269336"/>
              <a:gd name="connsiteY170" fmla="*/ 2140476 h 2323145"/>
              <a:gd name="connsiteX171" fmla="*/ 3885662 w 11269336"/>
              <a:gd name="connsiteY171" fmla="*/ 2138740 h 2323145"/>
              <a:gd name="connsiteX172" fmla="*/ 3868627 w 11269336"/>
              <a:gd name="connsiteY172" fmla="*/ 2130023 h 2323145"/>
              <a:gd name="connsiteX173" fmla="*/ 3819177 w 11269336"/>
              <a:gd name="connsiteY173" fmla="*/ 2142111 h 2323145"/>
              <a:gd name="connsiteX174" fmla="*/ 3769100 w 11269336"/>
              <a:gd name="connsiteY174" fmla="*/ 2131731 h 2323145"/>
              <a:gd name="connsiteX175" fmla="*/ 3562752 w 11269336"/>
              <a:gd name="connsiteY175" fmla="*/ 2131785 h 2323145"/>
              <a:gd name="connsiteX176" fmla="*/ 3541402 w 11269336"/>
              <a:gd name="connsiteY176" fmla="*/ 2106821 h 2323145"/>
              <a:gd name="connsiteX177" fmla="*/ 3365341 w 11269336"/>
              <a:gd name="connsiteY177" fmla="*/ 2077638 h 2323145"/>
              <a:gd name="connsiteX178" fmla="*/ 3170922 w 11269336"/>
              <a:gd name="connsiteY178" fmla="*/ 2115957 h 2323145"/>
              <a:gd name="connsiteX179" fmla="*/ 3156256 w 11269336"/>
              <a:gd name="connsiteY179" fmla="*/ 2124773 h 2323145"/>
              <a:gd name="connsiteX180" fmla="*/ 3140298 w 11269336"/>
              <a:gd name="connsiteY180" fmla="*/ 2129182 h 2323145"/>
              <a:gd name="connsiteX181" fmla="*/ 3138514 w 11269336"/>
              <a:gd name="connsiteY181" fmla="*/ 2128069 h 2323145"/>
              <a:gd name="connsiteX182" fmla="*/ 3120467 w 11269336"/>
              <a:gd name="connsiteY182" fmla="*/ 2128281 h 2323145"/>
              <a:gd name="connsiteX183" fmla="*/ 3116175 w 11269336"/>
              <a:gd name="connsiteY183" fmla="*/ 2131633 h 2323145"/>
              <a:gd name="connsiteX184" fmla="*/ 3103685 w 11269336"/>
              <a:gd name="connsiteY184" fmla="*/ 2132814 h 2323145"/>
              <a:gd name="connsiteX185" fmla="*/ 3078794 w 11269336"/>
              <a:gd name="connsiteY185" fmla="*/ 2137935 h 2323145"/>
              <a:gd name="connsiteX186" fmla="*/ 3074407 w 11269336"/>
              <a:gd name="connsiteY186" fmla="*/ 2136274 h 2323145"/>
              <a:gd name="connsiteX187" fmla="*/ 3037285 w 11269336"/>
              <a:gd name="connsiteY187" fmla="*/ 2139919 h 2323145"/>
              <a:gd name="connsiteX188" fmla="*/ 3036901 w 11269336"/>
              <a:gd name="connsiteY188" fmla="*/ 2138726 h 2323145"/>
              <a:gd name="connsiteX189" fmla="*/ 3026996 w 11269336"/>
              <a:gd name="connsiteY189" fmla="*/ 2134322 h 2323145"/>
              <a:gd name="connsiteX190" fmla="*/ 3007772 w 11269336"/>
              <a:gd name="connsiteY190" fmla="*/ 2128742 h 2323145"/>
              <a:gd name="connsiteX191" fmla="*/ 2965030 w 11269336"/>
              <a:gd name="connsiteY191" fmla="*/ 2100494 h 2323145"/>
              <a:gd name="connsiteX192" fmla="*/ 2926342 w 11269336"/>
              <a:gd name="connsiteY192" fmla="*/ 2104155 h 2323145"/>
              <a:gd name="connsiteX193" fmla="*/ 2918608 w 11269336"/>
              <a:gd name="connsiteY193" fmla="*/ 2104215 h 2323145"/>
              <a:gd name="connsiteX194" fmla="*/ 2918475 w 11269336"/>
              <a:gd name="connsiteY194" fmla="*/ 2103937 h 2323145"/>
              <a:gd name="connsiteX195" fmla="*/ 2910360 w 11269336"/>
              <a:gd name="connsiteY195" fmla="*/ 2103444 h 2323145"/>
              <a:gd name="connsiteX196" fmla="*/ 2904507 w 11269336"/>
              <a:gd name="connsiteY196" fmla="*/ 2104326 h 2323145"/>
              <a:gd name="connsiteX197" fmla="*/ 2889503 w 11269336"/>
              <a:gd name="connsiteY197" fmla="*/ 2104443 h 2323145"/>
              <a:gd name="connsiteX198" fmla="*/ 2884480 w 11269336"/>
              <a:gd name="connsiteY198" fmla="*/ 2102626 h 2323145"/>
              <a:gd name="connsiteX199" fmla="*/ 2882689 w 11269336"/>
              <a:gd name="connsiteY199" fmla="*/ 2099228 h 2323145"/>
              <a:gd name="connsiteX200" fmla="*/ 2881291 w 11269336"/>
              <a:gd name="connsiteY200" fmla="*/ 2099618 h 2323145"/>
              <a:gd name="connsiteX201" fmla="*/ 2853979 w 11269336"/>
              <a:gd name="connsiteY201" fmla="*/ 2090388 h 2323145"/>
              <a:gd name="connsiteX202" fmla="*/ 2791790 w 11269336"/>
              <a:gd name="connsiteY202" fmla="*/ 2080332 h 2323145"/>
              <a:gd name="connsiteX203" fmla="*/ 2755844 w 11269336"/>
              <a:gd name="connsiteY203" fmla="*/ 2078874 h 2323145"/>
              <a:gd name="connsiteX204" fmla="*/ 2657742 w 11269336"/>
              <a:gd name="connsiteY204" fmla="*/ 2070179 h 2323145"/>
              <a:gd name="connsiteX205" fmla="*/ 2559549 w 11269336"/>
              <a:gd name="connsiteY205" fmla="*/ 2057873 h 2323145"/>
              <a:gd name="connsiteX206" fmla="*/ 2512054 w 11269336"/>
              <a:gd name="connsiteY206" fmla="*/ 2031671 h 2323145"/>
              <a:gd name="connsiteX207" fmla="*/ 2506437 w 11269336"/>
              <a:gd name="connsiteY207" fmla="*/ 2030918 h 2323145"/>
              <a:gd name="connsiteX208" fmla="*/ 2491752 w 11269336"/>
              <a:gd name="connsiteY208" fmla="*/ 2033906 h 2323145"/>
              <a:gd name="connsiteX209" fmla="*/ 2486338 w 11269336"/>
              <a:gd name="connsiteY209" fmla="*/ 2035862 h 2323145"/>
              <a:gd name="connsiteX210" fmla="*/ 2478186 w 11269336"/>
              <a:gd name="connsiteY210" fmla="*/ 2036953 h 2323145"/>
              <a:gd name="connsiteX211" fmla="*/ 2477950 w 11269336"/>
              <a:gd name="connsiteY211" fmla="*/ 2036715 h 2323145"/>
              <a:gd name="connsiteX212" fmla="*/ 2470381 w 11269336"/>
              <a:gd name="connsiteY212" fmla="*/ 2038256 h 2323145"/>
              <a:gd name="connsiteX213" fmla="*/ 2433781 w 11269336"/>
              <a:gd name="connsiteY213" fmla="*/ 2049140 h 2323145"/>
              <a:gd name="connsiteX214" fmla="*/ 2381172 w 11269336"/>
              <a:gd name="connsiteY214" fmla="*/ 2030645 h 2323145"/>
              <a:gd name="connsiteX215" fmla="*/ 2360198 w 11269336"/>
              <a:gd name="connsiteY215" fmla="*/ 2029059 h 2323145"/>
              <a:gd name="connsiteX216" fmla="*/ 2348815 w 11269336"/>
              <a:gd name="connsiteY216" fmla="*/ 2026798 h 2323145"/>
              <a:gd name="connsiteX217" fmla="*/ 2347988 w 11269336"/>
              <a:gd name="connsiteY217" fmla="*/ 2025745 h 2323145"/>
              <a:gd name="connsiteX218" fmla="*/ 2312920 w 11269336"/>
              <a:gd name="connsiteY218" fmla="*/ 2036311 h 2323145"/>
              <a:gd name="connsiteX219" fmla="*/ 2307986 w 11269336"/>
              <a:gd name="connsiteY219" fmla="*/ 2035583 h 2323145"/>
              <a:gd name="connsiteX220" fmla="*/ 2285481 w 11269336"/>
              <a:gd name="connsiteY220" fmla="*/ 2045197 h 2323145"/>
              <a:gd name="connsiteX221" fmla="*/ 2273666 w 11269336"/>
              <a:gd name="connsiteY221" fmla="*/ 2048710 h 2323145"/>
              <a:gd name="connsiteX222" fmla="*/ 2270719 w 11269336"/>
              <a:gd name="connsiteY222" fmla="*/ 2052702 h 2323145"/>
              <a:gd name="connsiteX223" fmla="*/ 2253080 w 11269336"/>
              <a:gd name="connsiteY223" fmla="*/ 2056363 h 2323145"/>
              <a:gd name="connsiteX224" fmla="*/ 2250906 w 11269336"/>
              <a:gd name="connsiteY224" fmla="*/ 2055654 h 2323145"/>
              <a:gd name="connsiteX225" fmla="*/ 2236905 w 11269336"/>
              <a:gd name="connsiteY225" fmla="*/ 2062882 h 2323145"/>
              <a:gd name="connsiteX226" fmla="*/ 2225830 w 11269336"/>
              <a:gd name="connsiteY226" fmla="*/ 2074027 h 2323145"/>
              <a:gd name="connsiteX227" fmla="*/ 2073776 w 11269336"/>
              <a:gd name="connsiteY227" fmla="*/ 2089244 h 2323145"/>
              <a:gd name="connsiteX228" fmla="*/ 1948256 w 11269336"/>
              <a:gd name="connsiteY228" fmla="*/ 2146616 h 2323145"/>
              <a:gd name="connsiteX229" fmla="*/ 1865582 w 11269336"/>
              <a:gd name="connsiteY229" fmla="*/ 2153738 h 2323145"/>
              <a:gd name="connsiteX230" fmla="*/ 1835210 w 11269336"/>
              <a:gd name="connsiteY230" fmla="*/ 2134244 h 2323145"/>
              <a:gd name="connsiteX231" fmla="*/ 1632661 w 11269336"/>
              <a:gd name="connsiteY231" fmla="*/ 2173882 h 2323145"/>
              <a:gd name="connsiteX232" fmla="*/ 1579590 w 11269336"/>
              <a:gd name="connsiteY232" fmla="*/ 2173680 h 2323145"/>
              <a:gd name="connsiteX233" fmla="*/ 1535601 w 11269336"/>
              <a:gd name="connsiteY233" fmla="*/ 2194590 h 2323145"/>
              <a:gd name="connsiteX234" fmla="*/ 1515594 w 11269336"/>
              <a:gd name="connsiteY234" fmla="*/ 2189622 h 2323145"/>
              <a:gd name="connsiteX235" fmla="*/ 1512113 w 11269336"/>
              <a:gd name="connsiteY235" fmla="*/ 2188534 h 2323145"/>
              <a:gd name="connsiteX236" fmla="*/ 1498838 w 11269336"/>
              <a:gd name="connsiteY236" fmla="*/ 2189213 h 2323145"/>
              <a:gd name="connsiteX237" fmla="*/ 1494279 w 11269336"/>
              <a:gd name="connsiteY237" fmla="*/ 2183112 h 2323145"/>
              <a:gd name="connsiteX238" fmla="*/ 1473714 w 11269336"/>
              <a:gd name="connsiteY238" fmla="*/ 2179625 h 2323145"/>
              <a:gd name="connsiteX239" fmla="*/ 1449503 w 11269336"/>
              <a:gd name="connsiteY239" fmla="*/ 2182633 h 2323145"/>
              <a:gd name="connsiteX240" fmla="*/ 1266687 w 11269336"/>
              <a:gd name="connsiteY240" fmla="*/ 2212688 h 2323145"/>
              <a:gd name="connsiteX241" fmla="*/ 1239614 w 11269336"/>
              <a:gd name="connsiteY241" fmla="*/ 2209727 h 2323145"/>
              <a:gd name="connsiteX242" fmla="*/ 1202436 w 11269336"/>
              <a:gd name="connsiteY242" fmla="*/ 2209817 h 2323145"/>
              <a:gd name="connsiteX243" fmla="*/ 1136097 w 11269336"/>
              <a:gd name="connsiteY243" fmla="*/ 2205112 h 2323145"/>
              <a:gd name="connsiteX244" fmla="*/ 988232 w 11269336"/>
              <a:gd name="connsiteY244" fmla="*/ 2235635 h 2323145"/>
              <a:gd name="connsiteX245" fmla="*/ 981959 w 11269336"/>
              <a:gd name="connsiteY245" fmla="*/ 2231607 h 2323145"/>
              <a:gd name="connsiteX246" fmla="*/ 938600 w 11269336"/>
              <a:gd name="connsiteY246" fmla="*/ 2238113 h 2323145"/>
              <a:gd name="connsiteX247" fmla="*/ 791788 w 11269336"/>
              <a:gd name="connsiteY247" fmla="*/ 2293224 h 2323145"/>
              <a:gd name="connsiteX248" fmla="*/ 706914 w 11269336"/>
              <a:gd name="connsiteY248" fmla="*/ 2305046 h 2323145"/>
              <a:gd name="connsiteX249" fmla="*/ 675971 w 11269336"/>
              <a:gd name="connsiteY249" fmla="*/ 2304030 h 2323145"/>
              <a:gd name="connsiteX250" fmla="*/ 624180 w 11269336"/>
              <a:gd name="connsiteY250" fmla="*/ 2302650 h 2323145"/>
              <a:gd name="connsiteX251" fmla="*/ 583453 w 11269336"/>
              <a:gd name="connsiteY251" fmla="*/ 2288788 h 2323145"/>
              <a:gd name="connsiteX252" fmla="*/ 540946 w 11269336"/>
              <a:gd name="connsiteY252" fmla="*/ 2292721 h 2323145"/>
              <a:gd name="connsiteX253" fmla="*/ 533680 w 11269336"/>
              <a:gd name="connsiteY253" fmla="*/ 2310233 h 2323145"/>
              <a:gd name="connsiteX254" fmla="*/ 487366 w 11269336"/>
              <a:gd name="connsiteY254" fmla="*/ 2309053 h 2323145"/>
              <a:gd name="connsiteX255" fmla="*/ 416820 w 11269336"/>
              <a:gd name="connsiteY255" fmla="*/ 2305443 h 2323145"/>
              <a:gd name="connsiteX256" fmla="*/ 376805 w 11269336"/>
              <a:gd name="connsiteY256" fmla="*/ 2307647 h 2323145"/>
              <a:gd name="connsiteX257" fmla="*/ 266777 w 11269336"/>
              <a:gd name="connsiteY257" fmla="*/ 2309012 h 2323145"/>
              <a:gd name="connsiteX258" fmla="*/ 156013 w 11269336"/>
              <a:gd name="connsiteY258" fmla="*/ 2306832 h 2323145"/>
              <a:gd name="connsiteX259" fmla="*/ 87258 w 11269336"/>
              <a:gd name="connsiteY259" fmla="*/ 2285511 h 2323145"/>
              <a:gd name="connsiteX260" fmla="*/ 23798 w 11269336"/>
              <a:gd name="connsiteY260" fmla="*/ 2281822 h 2323145"/>
              <a:gd name="connsiteX261" fmla="*/ 0 w 11269336"/>
              <a:gd name="connsiteY261" fmla="*/ 2285369 h 2323145"/>
              <a:gd name="connsiteX262" fmla="*/ 0 w 11269336"/>
              <a:gd name="connsiteY26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678455 w 11269336"/>
              <a:gd name="connsiteY142" fmla="*/ 2156131 h 2323145"/>
              <a:gd name="connsiteX143" fmla="*/ 4593061 w 11269336"/>
              <a:gd name="connsiteY143" fmla="*/ 2171597 h 2323145"/>
              <a:gd name="connsiteX144" fmla="*/ 4579902 w 11269336"/>
              <a:gd name="connsiteY144" fmla="*/ 2177927 h 2323145"/>
              <a:gd name="connsiteX145" fmla="*/ 4533444 w 11269336"/>
              <a:gd name="connsiteY145" fmla="*/ 2181200 h 2323145"/>
              <a:gd name="connsiteX146" fmla="*/ 4492832 w 11269336"/>
              <a:gd name="connsiteY146" fmla="*/ 2188033 h 2323145"/>
              <a:gd name="connsiteX147" fmla="*/ 4467257 w 11269336"/>
              <a:gd name="connsiteY147" fmla="*/ 2196121 h 2323145"/>
              <a:gd name="connsiteX148" fmla="*/ 4459937 w 11269336"/>
              <a:gd name="connsiteY148" fmla="*/ 2195182 h 2323145"/>
              <a:gd name="connsiteX149" fmla="*/ 4433312 w 11269336"/>
              <a:gd name="connsiteY149" fmla="*/ 2199004 h 2323145"/>
              <a:gd name="connsiteX150" fmla="*/ 4420601 w 11269336"/>
              <a:gd name="connsiteY150" fmla="*/ 2205158 h 2323145"/>
              <a:gd name="connsiteX151" fmla="*/ 4405765 w 11269336"/>
              <a:gd name="connsiteY151" fmla="*/ 2199902 h 2323145"/>
              <a:gd name="connsiteX152" fmla="*/ 4401354 w 11269336"/>
              <a:gd name="connsiteY152" fmla="*/ 2194745 h 2323145"/>
              <a:gd name="connsiteX153" fmla="*/ 4383151 w 11269336"/>
              <a:gd name="connsiteY153" fmla="*/ 2201140 h 2323145"/>
              <a:gd name="connsiteX154" fmla="*/ 4366646 w 11269336"/>
              <a:gd name="connsiteY154" fmla="*/ 2198564 h 2323145"/>
              <a:gd name="connsiteX155" fmla="*/ 4354009 w 11269336"/>
              <a:gd name="connsiteY155" fmla="*/ 2204984 h 2323145"/>
              <a:gd name="connsiteX156" fmla="*/ 4348284 w 11269336"/>
              <a:gd name="connsiteY156" fmla="*/ 2205270 h 2323145"/>
              <a:gd name="connsiteX157" fmla="*/ 4333906 w 11269336"/>
              <a:gd name="connsiteY157" fmla="*/ 2205251 h 2323145"/>
              <a:gd name="connsiteX158" fmla="*/ 4308819 w 11269336"/>
              <a:gd name="connsiteY158" fmla="*/ 2203822 h 2323145"/>
              <a:gd name="connsiteX159" fmla="*/ 4301210 w 11269336"/>
              <a:gd name="connsiteY159" fmla="*/ 2204456 h 2323145"/>
              <a:gd name="connsiteX160" fmla="*/ 4283095 w 11269336"/>
              <a:gd name="connsiteY160" fmla="*/ 2198177 h 2323145"/>
              <a:gd name="connsiteX161" fmla="*/ 4250119 w 11269336"/>
              <a:gd name="connsiteY161" fmla="*/ 2196342 h 2323145"/>
              <a:gd name="connsiteX162" fmla="*/ 4189203 w 11269336"/>
              <a:gd name="connsiteY162" fmla="*/ 2178994 h 2323145"/>
              <a:gd name="connsiteX163" fmla="*/ 4154035 w 11269336"/>
              <a:gd name="connsiteY163" fmla="*/ 2171950 h 2323145"/>
              <a:gd name="connsiteX164" fmla="*/ 4129569 w 11269336"/>
              <a:gd name="connsiteY164" fmla="*/ 2163850 h 2323145"/>
              <a:gd name="connsiteX165" fmla="*/ 4061250 w 11269336"/>
              <a:gd name="connsiteY165" fmla="*/ 2159236 h 2323145"/>
              <a:gd name="connsiteX166" fmla="*/ 3945480 w 11269336"/>
              <a:gd name="connsiteY166" fmla="*/ 2158279 h 2323145"/>
              <a:gd name="connsiteX167" fmla="*/ 3921468 w 11269336"/>
              <a:gd name="connsiteY167" fmla="*/ 2156588 h 2323145"/>
              <a:gd name="connsiteX168" fmla="*/ 3903348 w 11269336"/>
              <a:gd name="connsiteY168" fmla="*/ 2149220 h 2323145"/>
              <a:gd name="connsiteX169" fmla="*/ 3901342 w 11269336"/>
              <a:gd name="connsiteY169" fmla="*/ 2142355 h 2323145"/>
              <a:gd name="connsiteX170" fmla="*/ 3888539 w 11269336"/>
              <a:gd name="connsiteY170" fmla="*/ 2140476 h 2323145"/>
              <a:gd name="connsiteX171" fmla="*/ 3885662 w 11269336"/>
              <a:gd name="connsiteY171" fmla="*/ 2138740 h 2323145"/>
              <a:gd name="connsiteX172" fmla="*/ 3868627 w 11269336"/>
              <a:gd name="connsiteY172" fmla="*/ 2130023 h 2323145"/>
              <a:gd name="connsiteX173" fmla="*/ 3819177 w 11269336"/>
              <a:gd name="connsiteY173" fmla="*/ 2142111 h 2323145"/>
              <a:gd name="connsiteX174" fmla="*/ 3769100 w 11269336"/>
              <a:gd name="connsiteY174" fmla="*/ 2131731 h 2323145"/>
              <a:gd name="connsiteX175" fmla="*/ 3562752 w 11269336"/>
              <a:gd name="connsiteY175" fmla="*/ 2131785 h 2323145"/>
              <a:gd name="connsiteX176" fmla="*/ 3541402 w 11269336"/>
              <a:gd name="connsiteY176" fmla="*/ 2106821 h 2323145"/>
              <a:gd name="connsiteX177" fmla="*/ 3365341 w 11269336"/>
              <a:gd name="connsiteY177" fmla="*/ 2077638 h 2323145"/>
              <a:gd name="connsiteX178" fmla="*/ 3170922 w 11269336"/>
              <a:gd name="connsiteY178" fmla="*/ 2115957 h 2323145"/>
              <a:gd name="connsiteX179" fmla="*/ 3156256 w 11269336"/>
              <a:gd name="connsiteY179" fmla="*/ 2124773 h 2323145"/>
              <a:gd name="connsiteX180" fmla="*/ 3140298 w 11269336"/>
              <a:gd name="connsiteY180" fmla="*/ 2129182 h 2323145"/>
              <a:gd name="connsiteX181" fmla="*/ 3138514 w 11269336"/>
              <a:gd name="connsiteY181" fmla="*/ 2128069 h 2323145"/>
              <a:gd name="connsiteX182" fmla="*/ 3120467 w 11269336"/>
              <a:gd name="connsiteY182" fmla="*/ 2128281 h 2323145"/>
              <a:gd name="connsiteX183" fmla="*/ 3116175 w 11269336"/>
              <a:gd name="connsiteY183" fmla="*/ 2131633 h 2323145"/>
              <a:gd name="connsiteX184" fmla="*/ 3103685 w 11269336"/>
              <a:gd name="connsiteY184" fmla="*/ 2132814 h 2323145"/>
              <a:gd name="connsiteX185" fmla="*/ 3078794 w 11269336"/>
              <a:gd name="connsiteY185" fmla="*/ 2137935 h 2323145"/>
              <a:gd name="connsiteX186" fmla="*/ 3074407 w 11269336"/>
              <a:gd name="connsiteY186" fmla="*/ 2136274 h 2323145"/>
              <a:gd name="connsiteX187" fmla="*/ 3037285 w 11269336"/>
              <a:gd name="connsiteY187" fmla="*/ 2139919 h 2323145"/>
              <a:gd name="connsiteX188" fmla="*/ 3036901 w 11269336"/>
              <a:gd name="connsiteY188" fmla="*/ 2138726 h 2323145"/>
              <a:gd name="connsiteX189" fmla="*/ 3026996 w 11269336"/>
              <a:gd name="connsiteY189" fmla="*/ 2134322 h 2323145"/>
              <a:gd name="connsiteX190" fmla="*/ 3007772 w 11269336"/>
              <a:gd name="connsiteY190" fmla="*/ 2128742 h 2323145"/>
              <a:gd name="connsiteX191" fmla="*/ 2965030 w 11269336"/>
              <a:gd name="connsiteY191" fmla="*/ 2100494 h 2323145"/>
              <a:gd name="connsiteX192" fmla="*/ 2926342 w 11269336"/>
              <a:gd name="connsiteY192" fmla="*/ 2104155 h 2323145"/>
              <a:gd name="connsiteX193" fmla="*/ 2918608 w 11269336"/>
              <a:gd name="connsiteY193" fmla="*/ 2104215 h 2323145"/>
              <a:gd name="connsiteX194" fmla="*/ 2918475 w 11269336"/>
              <a:gd name="connsiteY194" fmla="*/ 2103937 h 2323145"/>
              <a:gd name="connsiteX195" fmla="*/ 2910360 w 11269336"/>
              <a:gd name="connsiteY195" fmla="*/ 2103444 h 2323145"/>
              <a:gd name="connsiteX196" fmla="*/ 2904507 w 11269336"/>
              <a:gd name="connsiteY196" fmla="*/ 2104326 h 2323145"/>
              <a:gd name="connsiteX197" fmla="*/ 2889503 w 11269336"/>
              <a:gd name="connsiteY197" fmla="*/ 2104443 h 2323145"/>
              <a:gd name="connsiteX198" fmla="*/ 2884480 w 11269336"/>
              <a:gd name="connsiteY198" fmla="*/ 2102626 h 2323145"/>
              <a:gd name="connsiteX199" fmla="*/ 2882689 w 11269336"/>
              <a:gd name="connsiteY199" fmla="*/ 2099228 h 2323145"/>
              <a:gd name="connsiteX200" fmla="*/ 2881291 w 11269336"/>
              <a:gd name="connsiteY200" fmla="*/ 2099618 h 2323145"/>
              <a:gd name="connsiteX201" fmla="*/ 2853979 w 11269336"/>
              <a:gd name="connsiteY201" fmla="*/ 2090388 h 2323145"/>
              <a:gd name="connsiteX202" fmla="*/ 2791790 w 11269336"/>
              <a:gd name="connsiteY202" fmla="*/ 2080332 h 2323145"/>
              <a:gd name="connsiteX203" fmla="*/ 2755844 w 11269336"/>
              <a:gd name="connsiteY203" fmla="*/ 2078874 h 2323145"/>
              <a:gd name="connsiteX204" fmla="*/ 2657742 w 11269336"/>
              <a:gd name="connsiteY204" fmla="*/ 2070179 h 2323145"/>
              <a:gd name="connsiteX205" fmla="*/ 2559549 w 11269336"/>
              <a:gd name="connsiteY205" fmla="*/ 2057873 h 2323145"/>
              <a:gd name="connsiteX206" fmla="*/ 2512054 w 11269336"/>
              <a:gd name="connsiteY206" fmla="*/ 2031671 h 2323145"/>
              <a:gd name="connsiteX207" fmla="*/ 2506437 w 11269336"/>
              <a:gd name="connsiteY207" fmla="*/ 2030918 h 2323145"/>
              <a:gd name="connsiteX208" fmla="*/ 2491752 w 11269336"/>
              <a:gd name="connsiteY208" fmla="*/ 2033906 h 2323145"/>
              <a:gd name="connsiteX209" fmla="*/ 2486338 w 11269336"/>
              <a:gd name="connsiteY209" fmla="*/ 2035862 h 2323145"/>
              <a:gd name="connsiteX210" fmla="*/ 2478186 w 11269336"/>
              <a:gd name="connsiteY210" fmla="*/ 2036953 h 2323145"/>
              <a:gd name="connsiteX211" fmla="*/ 2477950 w 11269336"/>
              <a:gd name="connsiteY211" fmla="*/ 2036715 h 2323145"/>
              <a:gd name="connsiteX212" fmla="*/ 2470381 w 11269336"/>
              <a:gd name="connsiteY212" fmla="*/ 2038256 h 2323145"/>
              <a:gd name="connsiteX213" fmla="*/ 2433781 w 11269336"/>
              <a:gd name="connsiteY213" fmla="*/ 2049140 h 2323145"/>
              <a:gd name="connsiteX214" fmla="*/ 2381172 w 11269336"/>
              <a:gd name="connsiteY214" fmla="*/ 2030645 h 2323145"/>
              <a:gd name="connsiteX215" fmla="*/ 2360198 w 11269336"/>
              <a:gd name="connsiteY215" fmla="*/ 2029059 h 2323145"/>
              <a:gd name="connsiteX216" fmla="*/ 2348815 w 11269336"/>
              <a:gd name="connsiteY216" fmla="*/ 2026798 h 2323145"/>
              <a:gd name="connsiteX217" fmla="*/ 2347988 w 11269336"/>
              <a:gd name="connsiteY217" fmla="*/ 2025745 h 2323145"/>
              <a:gd name="connsiteX218" fmla="*/ 2312920 w 11269336"/>
              <a:gd name="connsiteY218" fmla="*/ 2036311 h 2323145"/>
              <a:gd name="connsiteX219" fmla="*/ 2307986 w 11269336"/>
              <a:gd name="connsiteY219" fmla="*/ 2035583 h 2323145"/>
              <a:gd name="connsiteX220" fmla="*/ 2285481 w 11269336"/>
              <a:gd name="connsiteY220" fmla="*/ 2045197 h 2323145"/>
              <a:gd name="connsiteX221" fmla="*/ 2273666 w 11269336"/>
              <a:gd name="connsiteY221" fmla="*/ 2048710 h 2323145"/>
              <a:gd name="connsiteX222" fmla="*/ 2270719 w 11269336"/>
              <a:gd name="connsiteY222" fmla="*/ 2052702 h 2323145"/>
              <a:gd name="connsiteX223" fmla="*/ 2253080 w 11269336"/>
              <a:gd name="connsiteY223" fmla="*/ 2056363 h 2323145"/>
              <a:gd name="connsiteX224" fmla="*/ 2250906 w 11269336"/>
              <a:gd name="connsiteY224" fmla="*/ 2055654 h 2323145"/>
              <a:gd name="connsiteX225" fmla="*/ 2236905 w 11269336"/>
              <a:gd name="connsiteY225" fmla="*/ 2062882 h 2323145"/>
              <a:gd name="connsiteX226" fmla="*/ 2225830 w 11269336"/>
              <a:gd name="connsiteY226" fmla="*/ 2074027 h 2323145"/>
              <a:gd name="connsiteX227" fmla="*/ 2073776 w 11269336"/>
              <a:gd name="connsiteY227" fmla="*/ 2089244 h 2323145"/>
              <a:gd name="connsiteX228" fmla="*/ 1948256 w 11269336"/>
              <a:gd name="connsiteY228" fmla="*/ 2146616 h 2323145"/>
              <a:gd name="connsiteX229" fmla="*/ 1865582 w 11269336"/>
              <a:gd name="connsiteY229" fmla="*/ 2153738 h 2323145"/>
              <a:gd name="connsiteX230" fmla="*/ 1835210 w 11269336"/>
              <a:gd name="connsiteY230" fmla="*/ 2134244 h 2323145"/>
              <a:gd name="connsiteX231" fmla="*/ 1632661 w 11269336"/>
              <a:gd name="connsiteY231" fmla="*/ 2173882 h 2323145"/>
              <a:gd name="connsiteX232" fmla="*/ 1579590 w 11269336"/>
              <a:gd name="connsiteY232" fmla="*/ 2173680 h 2323145"/>
              <a:gd name="connsiteX233" fmla="*/ 1535601 w 11269336"/>
              <a:gd name="connsiteY233" fmla="*/ 2194590 h 2323145"/>
              <a:gd name="connsiteX234" fmla="*/ 1515594 w 11269336"/>
              <a:gd name="connsiteY234" fmla="*/ 2189622 h 2323145"/>
              <a:gd name="connsiteX235" fmla="*/ 1512113 w 11269336"/>
              <a:gd name="connsiteY235" fmla="*/ 2188534 h 2323145"/>
              <a:gd name="connsiteX236" fmla="*/ 1498838 w 11269336"/>
              <a:gd name="connsiteY236" fmla="*/ 2189213 h 2323145"/>
              <a:gd name="connsiteX237" fmla="*/ 1494279 w 11269336"/>
              <a:gd name="connsiteY237" fmla="*/ 2183112 h 2323145"/>
              <a:gd name="connsiteX238" fmla="*/ 1473714 w 11269336"/>
              <a:gd name="connsiteY238" fmla="*/ 2179625 h 2323145"/>
              <a:gd name="connsiteX239" fmla="*/ 1449503 w 11269336"/>
              <a:gd name="connsiteY239" fmla="*/ 2182633 h 2323145"/>
              <a:gd name="connsiteX240" fmla="*/ 1266687 w 11269336"/>
              <a:gd name="connsiteY240" fmla="*/ 2212688 h 2323145"/>
              <a:gd name="connsiteX241" fmla="*/ 1239614 w 11269336"/>
              <a:gd name="connsiteY241" fmla="*/ 2209727 h 2323145"/>
              <a:gd name="connsiteX242" fmla="*/ 1202436 w 11269336"/>
              <a:gd name="connsiteY242" fmla="*/ 2209817 h 2323145"/>
              <a:gd name="connsiteX243" fmla="*/ 1136097 w 11269336"/>
              <a:gd name="connsiteY243" fmla="*/ 2205112 h 2323145"/>
              <a:gd name="connsiteX244" fmla="*/ 988232 w 11269336"/>
              <a:gd name="connsiteY244" fmla="*/ 2235635 h 2323145"/>
              <a:gd name="connsiteX245" fmla="*/ 981959 w 11269336"/>
              <a:gd name="connsiteY245" fmla="*/ 2231607 h 2323145"/>
              <a:gd name="connsiteX246" fmla="*/ 938600 w 11269336"/>
              <a:gd name="connsiteY246" fmla="*/ 2238113 h 2323145"/>
              <a:gd name="connsiteX247" fmla="*/ 791788 w 11269336"/>
              <a:gd name="connsiteY247" fmla="*/ 2293224 h 2323145"/>
              <a:gd name="connsiteX248" fmla="*/ 706914 w 11269336"/>
              <a:gd name="connsiteY248" fmla="*/ 2305046 h 2323145"/>
              <a:gd name="connsiteX249" fmla="*/ 675971 w 11269336"/>
              <a:gd name="connsiteY249" fmla="*/ 2304030 h 2323145"/>
              <a:gd name="connsiteX250" fmla="*/ 624180 w 11269336"/>
              <a:gd name="connsiteY250" fmla="*/ 2302650 h 2323145"/>
              <a:gd name="connsiteX251" fmla="*/ 583453 w 11269336"/>
              <a:gd name="connsiteY251" fmla="*/ 2288788 h 2323145"/>
              <a:gd name="connsiteX252" fmla="*/ 540946 w 11269336"/>
              <a:gd name="connsiteY252" fmla="*/ 2292721 h 2323145"/>
              <a:gd name="connsiteX253" fmla="*/ 533680 w 11269336"/>
              <a:gd name="connsiteY253" fmla="*/ 2310233 h 2323145"/>
              <a:gd name="connsiteX254" fmla="*/ 487366 w 11269336"/>
              <a:gd name="connsiteY254" fmla="*/ 2309053 h 2323145"/>
              <a:gd name="connsiteX255" fmla="*/ 416820 w 11269336"/>
              <a:gd name="connsiteY255" fmla="*/ 2305443 h 2323145"/>
              <a:gd name="connsiteX256" fmla="*/ 376805 w 11269336"/>
              <a:gd name="connsiteY256" fmla="*/ 2307647 h 2323145"/>
              <a:gd name="connsiteX257" fmla="*/ 266777 w 11269336"/>
              <a:gd name="connsiteY257" fmla="*/ 2309012 h 2323145"/>
              <a:gd name="connsiteX258" fmla="*/ 156013 w 11269336"/>
              <a:gd name="connsiteY258" fmla="*/ 2306832 h 2323145"/>
              <a:gd name="connsiteX259" fmla="*/ 87258 w 11269336"/>
              <a:gd name="connsiteY259" fmla="*/ 2285511 h 2323145"/>
              <a:gd name="connsiteX260" fmla="*/ 23798 w 11269336"/>
              <a:gd name="connsiteY260" fmla="*/ 2281822 h 2323145"/>
              <a:gd name="connsiteX261" fmla="*/ 0 w 11269336"/>
              <a:gd name="connsiteY261" fmla="*/ 2285369 h 2323145"/>
              <a:gd name="connsiteX262" fmla="*/ 0 w 11269336"/>
              <a:gd name="connsiteY26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678455 w 11269336"/>
              <a:gd name="connsiteY142" fmla="*/ 2156131 h 2323145"/>
              <a:gd name="connsiteX143" fmla="*/ 4593061 w 11269336"/>
              <a:gd name="connsiteY143" fmla="*/ 2171597 h 2323145"/>
              <a:gd name="connsiteX144" fmla="*/ 4533444 w 11269336"/>
              <a:gd name="connsiteY144" fmla="*/ 2181200 h 2323145"/>
              <a:gd name="connsiteX145" fmla="*/ 4492832 w 11269336"/>
              <a:gd name="connsiteY145" fmla="*/ 2188033 h 2323145"/>
              <a:gd name="connsiteX146" fmla="*/ 4467257 w 11269336"/>
              <a:gd name="connsiteY146" fmla="*/ 2196121 h 2323145"/>
              <a:gd name="connsiteX147" fmla="*/ 4459937 w 11269336"/>
              <a:gd name="connsiteY147" fmla="*/ 2195182 h 2323145"/>
              <a:gd name="connsiteX148" fmla="*/ 4433312 w 11269336"/>
              <a:gd name="connsiteY148" fmla="*/ 2199004 h 2323145"/>
              <a:gd name="connsiteX149" fmla="*/ 4420601 w 11269336"/>
              <a:gd name="connsiteY149" fmla="*/ 2205158 h 2323145"/>
              <a:gd name="connsiteX150" fmla="*/ 4405765 w 11269336"/>
              <a:gd name="connsiteY150" fmla="*/ 2199902 h 2323145"/>
              <a:gd name="connsiteX151" fmla="*/ 4401354 w 11269336"/>
              <a:gd name="connsiteY151" fmla="*/ 2194745 h 2323145"/>
              <a:gd name="connsiteX152" fmla="*/ 4383151 w 11269336"/>
              <a:gd name="connsiteY152" fmla="*/ 2201140 h 2323145"/>
              <a:gd name="connsiteX153" fmla="*/ 4366646 w 11269336"/>
              <a:gd name="connsiteY153" fmla="*/ 2198564 h 2323145"/>
              <a:gd name="connsiteX154" fmla="*/ 4354009 w 11269336"/>
              <a:gd name="connsiteY154" fmla="*/ 2204984 h 2323145"/>
              <a:gd name="connsiteX155" fmla="*/ 4348284 w 11269336"/>
              <a:gd name="connsiteY155" fmla="*/ 2205270 h 2323145"/>
              <a:gd name="connsiteX156" fmla="*/ 4333906 w 11269336"/>
              <a:gd name="connsiteY156" fmla="*/ 2205251 h 2323145"/>
              <a:gd name="connsiteX157" fmla="*/ 4308819 w 11269336"/>
              <a:gd name="connsiteY157" fmla="*/ 2203822 h 2323145"/>
              <a:gd name="connsiteX158" fmla="*/ 4301210 w 11269336"/>
              <a:gd name="connsiteY158" fmla="*/ 2204456 h 2323145"/>
              <a:gd name="connsiteX159" fmla="*/ 4283095 w 11269336"/>
              <a:gd name="connsiteY159" fmla="*/ 2198177 h 2323145"/>
              <a:gd name="connsiteX160" fmla="*/ 4250119 w 11269336"/>
              <a:gd name="connsiteY160" fmla="*/ 2196342 h 2323145"/>
              <a:gd name="connsiteX161" fmla="*/ 4189203 w 11269336"/>
              <a:gd name="connsiteY161" fmla="*/ 2178994 h 2323145"/>
              <a:gd name="connsiteX162" fmla="*/ 4154035 w 11269336"/>
              <a:gd name="connsiteY162" fmla="*/ 2171950 h 2323145"/>
              <a:gd name="connsiteX163" fmla="*/ 4129569 w 11269336"/>
              <a:gd name="connsiteY163" fmla="*/ 2163850 h 2323145"/>
              <a:gd name="connsiteX164" fmla="*/ 4061250 w 11269336"/>
              <a:gd name="connsiteY164" fmla="*/ 2159236 h 2323145"/>
              <a:gd name="connsiteX165" fmla="*/ 3945480 w 11269336"/>
              <a:gd name="connsiteY165" fmla="*/ 2158279 h 2323145"/>
              <a:gd name="connsiteX166" fmla="*/ 3921468 w 11269336"/>
              <a:gd name="connsiteY166" fmla="*/ 2156588 h 2323145"/>
              <a:gd name="connsiteX167" fmla="*/ 3903348 w 11269336"/>
              <a:gd name="connsiteY167" fmla="*/ 2149220 h 2323145"/>
              <a:gd name="connsiteX168" fmla="*/ 3901342 w 11269336"/>
              <a:gd name="connsiteY168" fmla="*/ 2142355 h 2323145"/>
              <a:gd name="connsiteX169" fmla="*/ 3888539 w 11269336"/>
              <a:gd name="connsiteY169" fmla="*/ 2140476 h 2323145"/>
              <a:gd name="connsiteX170" fmla="*/ 3885662 w 11269336"/>
              <a:gd name="connsiteY170" fmla="*/ 2138740 h 2323145"/>
              <a:gd name="connsiteX171" fmla="*/ 3868627 w 11269336"/>
              <a:gd name="connsiteY171" fmla="*/ 2130023 h 2323145"/>
              <a:gd name="connsiteX172" fmla="*/ 3819177 w 11269336"/>
              <a:gd name="connsiteY172" fmla="*/ 2142111 h 2323145"/>
              <a:gd name="connsiteX173" fmla="*/ 3769100 w 11269336"/>
              <a:gd name="connsiteY173" fmla="*/ 2131731 h 2323145"/>
              <a:gd name="connsiteX174" fmla="*/ 3562752 w 11269336"/>
              <a:gd name="connsiteY174" fmla="*/ 2131785 h 2323145"/>
              <a:gd name="connsiteX175" fmla="*/ 3541402 w 11269336"/>
              <a:gd name="connsiteY175" fmla="*/ 2106821 h 2323145"/>
              <a:gd name="connsiteX176" fmla="*/ 3365341 w 11269336"/>
              <a:gd name="connsiteY176" fmla="*/ 2077638 h 2323145"/>
              <a:gd name="connsiteX177" fmla="*/ 3170922 w 11269336"/>
              <a:gd name="connsiteY177" fmla="*/ 2115957 h 2323145"/>
              <a:gd name="connsiteX178" fmla="*/ 3156256 w 11269336"/>
              <a:gd name="connsiteY178" fmla="*/ 2124773 h 2323145"/>
              <a:gd name="connsiteX179" fmla="*/ 3140298 w 11269336"/>
              <a:gd name="connsiteY179" fmla="*/ 2129182 h 2323145"/>
              <a:gd name="connsiteX180" fmla="*/ 3138514 w 11269336"/>
              <a:gd name="connsiteY180" fmla="*/ 2128069 h 2323145"/>
              <a:gd name="connsiteX181" fmla="*/ 3120467 w 11269336"/>
              <a:gd name="connsiteY181" fmla="*/ 2128281 h 2323145"/>
              <a:gd name="connsiteX182" fmla="*/ 3116175 w 11269336"/>
              <a:gd name="connsiteY182" fmla="*/ 2131633 h 2323145"/>
              <a:gd name="connsiteX183" fmla="*/ 3103685 w 11269336"/>
              <a:gd name="connsiteY183" fmla="*/ 2132814 h 2323145"/>
              <a:gd name="connsiteX184" fmla="*/ 3078794 w 11269336"/>
              <a:gd name="connsiteY184" fmla="*/ 2137935 h 2323145"/>
              <a:gd name="connsiteX185" fmla="*/ 3074407 w 11269336"/>
              <a:gd name="connsiteY185" fmla="*/ 2136274 h 2323145"/>
              <a:gd name="connsiteX186" fmla="*/ 3037285 w 11269336"/>
              <a:gd name="connsiteY186" fmla="*/ 2139919 h 2323145"/>
              <a:gd name="connsiteX187" fmla="*/ 3036901 w 11269336"/>
              <a:gd name="connsiteY187" fmla="*/ 2138726 h 2323145"/>
              <a:gd name="connsiteX188" fmla="*/ 3026996 w 11269336"/>
              <a:gd name="connsiteY188" fmla="*/ 2134322 h 2323145"/>
              <a:gd name="connsiteX189" fmla="*/ 3007772 w 11269336"/>
              <a:gd name="connsiteY189" fmla="*/ 2128742 h 2323145"/>
              <a:gd name="connsiteX190" fmla="*/ 2965030 w 11269336"/>
              <a:gd name="connsiteY190" fmla="*/ 2100494 h 2323145"/>
              <a:gd name="connsiteX191" fmla="*/ 2926342 w 11269336"/>
              <a:gd name="connsiteY191" fmla="*/ 2104155 h 2323145"/>
              <a:gd name="connsiteX192" fmla="*/ 2918608 w 11269336"/>
              <a:gd name="connsiteY192" fmla="*/ 2104215 h 2323145"/>
              <a:gd name="connsiteX193" fmla="*/ 2918475 w 11269336"/>
              <a:gd name="connsiteY193" fmla="*/ 2103937 h 2323145"/>
              <a:gd name="connsiteX194" fmla="*/ 2910360 w 11269336"/>
              <a:gd name="connsiteY194" fmla="*/ 2103444 h 2323145"/>
              <a:gd name="connsiteX195" fmla="*/ 2904507 w 11269336"/>
              <a:gd name="connsiteY195" fmla="*/ 2104326 h 2323145"/>
              <a:gd name="connsiteX196" fmla="*/ 2889503 w 11269336"/>
              <a:gd name="connsiteY196" fmla="*/ 2104443 h 2323145"/>
              <a:gd name="connsiteX197" fmla="*/ 2884480 w 11269336"/>
              <a:gd name="connsiteY197" fmla="*/ 2102626 h 2323145"/>
              <a:gd name="connsiteX198" fmla="*/ 2882689 w 11269336"/>
              <a:gd name="connsiteY198" fmla="*/ 2099228 h 2323145"/>
              <a:gd name="connsiteX199" fmla="*/ 2881291 w 11269336"/>
              <a:gd name="connsiteY199" fmla="*/ 2099618 h 2323145"/>
              <a:gd name="connsiteX200" fmla="*/ 2853979 w 11269336"/>
              <a:gd name="connsiteY200" fmla="*/ 2090388 h 2323145"/>
              <a:gd name="connsiteX201" fmla="*/ 2791790 w 11269336"/>
              <a:gd name="connsiteY201" fmla="*/ 2080332 h 2323145"/>
              <a:gd name="connsiteX202" fmla="*/ 2755844 w 11269336"/>
              <a:gd name="connsiteY202" fmla="*/ 2078874 h 2323145"/>
              <a:gd name="connsiteX203" fmla="*/ 2657742 w 11269336"/>
              <a:gd name="connsiteY203" fmla="*/ 2070179 h 2323145"/>
              <a:gd name="connsiteX204" fmla="*/ 2559549 w 11269336"/>
              <a:gd name="connsiteY204" fmla="*/ 2057873 h 2323145"/>
              <a:gd name="connsiteX205" fmla="*/ 2512054 w 11269336"/>
              <a:gd name="connsiteY205" fmla="*/ 2031671 h 2323145"/>
              <a:gd name="connsiteX206" fmla="*/ 2506437 w 11269336"/>
              <a:gd name="connsiteY206" fmla="*/ 2030918 h 2323145"/>
              <a:gd name="connsiteX207" fmla="*/ 2491752 w 11269336"/>
              <a:gd name="connsiteY207" fmla="*/ 2033906 h 2323145"/>
              <a:gd name="connsiteX208" fmla="*/ 2486338 w 11269336"/>
              <a:gd name="connsiteY208" fmla="*/ 2035862 h 2323145"/>
              <a:gd name="connsiteX209" fmla="*/ 2478186 w 11269336"/>
              <a:gd name="connsiteY209" fmla="*/ 2036953 h 2323145"/>
              <a:gd name="connsiteX210" fmla="*/ 2477950 w 11269336"/>
              <a:gd name="connsiteY210" fmla="*/ 2036715 h 2323145"/>
              <a:gd name="connsiteX211" fmla="*/ 2470381 w 11269336"/>
              <a:gd name="connsiteY211" fmla="*/ 2038256 h 2323145"/>
              <a:gd name="connsiteX212" fmla="*/ 2433781 w 11269336"/>
              <a:gd name="connsiteY212" fmla="*/ 2049140 h 2323145"/>
              <a:gd name="connsiteX213" fmla="*/ 2381172 w 11269336"/>
              <a:gd name="connsiteY213" fmla="*/ 2030645 h 2323145"/>
              <a:gd name="connsiteX214" fmla="*/ 2360198 w 11269336"/>
              <a:gd name="connsiteY214" fmla="*/ 2029059 h 2323145"/>
              <a:gd name="connsiteX215" fmla="*/ 2348815 w 11269336"/>
              <a:gd name="connsiteY215" fmla="*/ 2026798 h 2323145"/>
              <a:gd name="connsiteX216" fmla="*/ 2347988 w 11269336"/>
              <a:gd name="connsiteY216" fmla="*/ 2025745 h 2323145"/>
              <a:gd name="connsiteX217" fmla="*/ 2312920 w 11269336"/>
              <a:gd name="connsiteY217" fmla="*/ 2036311 h 2323145"/>
              <a:gd name="connsiteX218" fmla="*/ 2307986 w 11269336"/>
              <a:gd name="connsiteY218" fmla="*/ 2035583 h 2323145"/>
              <a:gd name="connsiteX219" fmla="*/ 2285481 w 11269336"/>
              <a:gd name="connsiteY219" fmla="*/ 2045197 h 2323145"/>
              <a:gd name="connsiteX220" fmla="*/ 2273666 w 11269336"/>
              <a:gd name="connsiteY220" fmla="*/ 2048710 h 2323145"/>
              <a:gd name="connsiteX221" fmla="*/ 2270719 w 11269336"/>
              <a:gd name="connsiteY221" fmla="*/ 2052702 h 2323145"/>
              <a:gd name="connsiteX222" fmla="*/ 2253080 w 11269336"/>
              <a:gd name="connsiteY222" fmla="*/ 2056363 h 2323145"/>
              <a:gd name="connsiteX223" fmla="*/ 2250906 w 11269336"/>
              <a:gd name="connsiteY223" fmla="*/ 2055654 h 2323145"/>
              <a:gd name="connsiteX224" fmla="*/ 2236905 w 11269336"/>
              <a:gd name="connsiteY224" fmla="*/ 2062882 h 2323145"/>
              <a:gd name="connsiteX225" fmla="*/ 2225830 w 11269336"/>
              <a:gd name="connsiteY225" fmla="*/ 2074027 h 2323145"/>
              <a:gd name="connsiteX226" fmla="*/ 2073776 w 11269336"/>
              <a:gd name="connsiteY226" fmla="*/ 2089244 h 2323145"/>
              <a:gd name="connsiteX227" fmla="*/ 1948256 w 11269336"/>
              <a:gd name="connsiteY227" fmla="*/ 2146616 h 2323145"/>
              <a:gd name="connsiteX228" fmla="*/ 1865582 w 11269336"/>
              <a:gd name="connsiteY228" fmla="*/ 2153738 h 2323145"/>
              <a:gd name="connsiteX229" fmla="*/ 1835210 w 11269336"/>
              <a:gd name="connsiteY229" fmla="*/ 2134244 h 2323145"/>
              <a:gd name="connsiteX230" fmla="*/ 1632661 w 11269336"/>
              <a:gd name="connsiteY230" fmla="*/ 2173882 h 2323145"/>
              <a:gd name="connsiteX231" fmla="*/ 1579590 w 11269336"/>
              <a:gd name="connsiteY231" fmla="*/ 2173680 h 2323145"/>
              <a:gd name="connsiteX232" fmla="*/ 1535601 w 11269336"/>
              <a:gd name="connsiteY232" fmla="*/ 2194590 h 2323145"/>
              <a:gd name="connsiteX233" fmla="*/ 1515594 w 11269336"/>
              <a:gd name="connsiteY233" fmla="*/ 2189622 h 2323145"/>
              <a:gd name="connsiteX234" fmla="*/ 1512113 w 11269336"/>
              <a:gd name="connsiteY234" fmla="*/ 2188534 h 2323145"/>
              <a:gd name="connsiteX235" fmla="*/ 1498838 w 11269336"/>
              <a:gd name="connsiteY235" fmla="*/ 2189213 h 2323145"/>
              <a:gd name="connsiteX236" fmla="*/ 1494279 w 11269336"/>
              <a:gd name="connsiteY236" fmla="*/ 2183112 h 2323145"/>
              <a:gd name="connsiteX237" fmla="*/ 1473714 w 11269336"/>
              <a:gd name="connsiteY237" fmla="*/ 2179625 h 2323145"/>
              <a:gd name="connsiteX238" fmla="*/ 1449503 w 11269336"/>
              <a:gd name="connsiteY238" fmla="*/ 2182633 h 2323145"/>
              <a:gd name="connsiteX239" fmla="*/ 1266687 w 11269336"/>
              <a:gd name="connsiteY239" fmla="*/ 2212688 h 2323145"/>
              <a:gd name="connsiteX240" fmla="*/ 1239614 w 11269336"/>
              <a:gd name="connsiteY240" fmla="*/ 2209727 h 2323145"/>
              <a:gd name="connsiteX241" fmla="*/ 1202436 w 11269336"/>
              <a:gd name="connsiteY241" fmla="*/ 2209817 h 2323145"/>
              <a:gd name="connsiteX242" fmla="*/ 1136097 w 11269336"/>
              <a:gd name="connsiteY242" fmla="*/ 2205112 h 2323145"/>
              <a:gd name="connsiteX243" fmla="*/ 988232 w 11269336"/>
              <a:gd name="connsiteY243" fmla="*/ 2235635 h 2323145"/>
              <a:gd name="connsiteX244" fmla="*/ 981959 w 11269336"/>
              <a:gd name="connsiteY244" fmla="*/ 2231607 h 2323145"/>
              <a:gd name="connsiteX245" fmla="*/ 938600 w 11269336"/>
              <a:gd name="connsiteY245" fmla="*/ 2238113 h 2323145"/>
              <a:gd name="connsiteX246" fmla="*/ 791788 w 11269336"/>
              <a:gd name="connsiteY246" fmla="*/ 2293224 h 2323145"/>
              <a:gd name="connsiteX247" fmla="*/ 706914 w 11269336"/>
              <a:gd name="connsiteY247" fmla="*/ 2305046 h 2323145"/>
              <a:gd name="connsiteX248" fmla="*/ 675971 w 11269336"/>
              <a:gd name="connsiteY248" fmla="*/ 2304030 h 2323145"/>
              <a:gd name="connsiteX249" fmla="*/ 624180 w 11269336"/>
              <a:gd name="connsiteY249" fmla="*/ 2302650 h 2323145"/>
              <a:gd name="connsiteX250" fmla="*/ 583453 w 11269336"/>
              <a:gd name="connsiteY250" fmla="*/ 2288788 h 2323145"/>
              <a:gd name="connsiteX251" fmla="*/ 540946 w 11269336"/>
              <a:gd name="connsiteY251" fmla="*/ 2292721 h 2323145"/>
              <a:gd name="connsiteX252" fmla="*/ 533680 w 11269336"/>
              <a:gd name="connsiteY252" fmla="*/ 2310233 h 2323145"/>
              <a:gd name="connsiteX253" fmla="*/ 487366 w 11269336"/>
              <a:gd name="connsiteY253" fmla="*/ 2309053 h 2323145"/>
              <a:gd name="connsiteX254" fmla="*/ 416820 w 11269336"/>
              <a:gd name="connsiteY254" fmla="*/ 2305443 h 2323145"/>
              <a:gd name="connsiteX255" fmla="*/ 376805 w 11269336"/>
              <a:gd name="connsiteY255" fmla="*/ 2307647 h 2323145"/>
              <a:gd name="connsiteX256" fmla="*/ 266777 w 11269336"/>
              <a:gd name="connsiteY256" fmla="*/ 2309012 h 2323145"/>
              <a:gd name="connsiteX257" fmla="*/ 156013 w 11269336"/>
              <a:gd name="connsiteY257" fmla="*/ 2306832 h 2323145"/>
              <a:gd name="connsiteX258" fmla="*/ 87258 w 11269336"/>
              <a:gd name="connsiteY258" fmla="*/ 2285511 h 2323145"/>
              <a:gd name="connsiteX259" fmla="*/ 23798 w 11269336"/>
              <a:gd name="connsiteY259" fmla="*/ 2281822 h 2323145"/>
              <a:gd name="connsiteX260" fmla="*/ 0 w 11269336"/>
              <a:gd name="connsiteY260" fmla="*/ 2285369 h 2323145"/>
              <a:gd name="connsiteX261" fmla="*/ 0 w 11269336"/>
              <a:gd name="connsiteY261"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593061 w 11269336"/>
              <a:gd name="connsiteY142" fmla="*/ 2171597 h 2323145"/>
              <a:gd name="connsiteX143" fmla="*/ 4533444 w 11269336"/>
              <a:gd name="connsiteY143" fmla="*/ 2181200 h 2323145"/>
              <a:gd name="connsiteX144" fmla="*/ 4492832 w 11269336"/>
              <a:gd name="connsiteY144" fmla="*/ 2188033 h 2323145"/>
              <a:gd name="connsiteX145" fmla="*/ 4467257 w 11269336"/>
              <a:gd name="connsiteY145" fmla="*/ 2196121 h 2323145"/>
              <a:gd name="connsiteX146" fmla="*/ 4459937 w 11269336"/>
              <a:gd name="connsiteY146" fmla="*/ 2195182 h 2323145"/>
              <a:gd name="connsiteX147" fmla="*/ 4433312 w 11269336"/>
              <a:gd name="connsiteY147" fmla="*/ 2199004 h 2323145"/>
              <a:gd name="connsiteX148" fmla="*/ 4420601 w 11269336"/>
              <a:gd name="connsiteY148" fmla="*/ 2205158 h 2323145"/>
              <a:gd name="connsiteX149" fmla="*/ 4405765 w 11269336"/>
              <a:gd name="connsiteY149" fmla="*/ 2199902 h 2323145"/>
              <a:gd name="connsiteX150" fmla="*/ 4401354 w 11269336"/>
              <a:gd name="connsiteY150" fmla="*/ 2194745 h 2323145"/>
              <a:gd name="connsiteX151" fmla="*/ 4383151 w 11269336"/>
              <a:gd name="connsiteY151" fmla="*/ 2201140 h 2323145"/>
              <a:gd name="connsiteX152" fmla="*/ 4366646 w 11269336"/>
              <a:gd name="connsiteY152" fmla="*/ 2198564 h 2323145"/>
              <a:gd name="connsiteX153" fmla="*/ 4354009 w 11269336"/>
              <a:gd name="connsiteY153" fmla="*/ 2204984 h 2323145"/>
              <a:gd name="connsiteX154" fmla="*/ 4348284 w 11269336"/>
              <a:gd name="connsiteY154" fmla="*/ 2205270 h 2323145"/>
              <a:gd name="connsiteX155" fmla="*/ 4333906 w 11269336"/>
              <a:gd name="connsiteY155" fmla="*/ 2205251 h 2323145"/>
              <a:gd name="connsiteX156" fmla="*/ 4308819 w 11269336"/>
              <a:gd name="connsiteY156" fmla="*/ 2203822 h 2323145"/>
              <a:gd name="connsiteX157" fmla="*/ 4301210 w 11269336"/>
              <a:gd name="connsiteY157" fmla="*/ 2204456 h 2323145"/>
              <a:gd name="connsiteX158" fmla="*/ 4283095 w 11269336"/>
              <a:gd name="connsiteY158" fmla="*/ 2198177 h 2323145"/>
              <a:gd name="connsiteX159" fmla="*/ 4250119 w 11269336"/>
              <a:gd name="connsiteY159" fmla="*/ 2196342 h 2323145"/>
              <a:gd name="connsiteX160" fmla="*/ 4189203 w 11269336"/>
              <a:gd name="connsiteY160" fmla="*/ 2178994 h 2323145"/>
              <a:gd name="connsiteX161" fmla="*/ 4154035 w 11269336"/>
              <a:gd name="connsiteY161" fmla="*/ 2171950 h 2323145"/>
              <a:gd name="connsiteX162" fmla="*/ 4129569 w 11269336"/>
              <a:gd name="connsiteY162" fmla="*/ 2163850 h 2323145"/>
              <a:gd name="connsiteX163" fmla="*/ 4061250 w 11269336"/>
              <a:gd name="connsiteY163" fmla="*/ 2159236 h 2323145"/>
              <a:gd name="connsiteX164" fmla="*/ 3945480 w 11269336"/>
              <a:gd name="connsiteY164" fmla="*/ 2158279 h 2323145"/>
              <a:gd name="connsiteX165" fmla="*/ 3921468 w 11269336"/>
              <a:gd name="connsiteY165" fmla="*/ 2156588 h 2323145"/>
              <a:gd name="connsiteX166" fmla="*/ 3903348 w 11269336"/>
              <a:gd name="connsiteY166" fmla="*/ 2149220 h 2323145"/>
              <a:gd name="connsiteX167" fmla="*/ 3901342 w 11269336"/>
              <a:gd name="connsiteY167" fmla="*/ 2142355 h 2323145"/>
              <a:gd name="connsiteX168" fmla="*/ 3888539 w 11269336"/>
              <a:gd name="connsiteY168" fmla="*/ 2140476 h 2323145"/>
              <a:gd name="connsiteX169" fmla="*/ 3885662 w 11269336"/>
              <a:gd name="connsiteY169" fmla="*/ 2138740 h 2323145"/>
              <a:gd name="connsiteX170" fmla="*/ 3868627 w 11269336"/>
              <a:gd name="connsiteY170" fmla="*/ 2130023 h 2323145"/>
              <a:gd name="connsiteX171" fmla="*/ 3819177 w 11269336"/>
              <a:gd name="connsiteY171" fmla="*/ 2142111 h 2323145"/>
              <a:gd name="connsiteX172" fmla="*/ 3769100 w 11269336"/>
              <a:gd name="connsiteY172" fmla="*/ 2131731 h 2323145"/>
              <a:gd name="connsiteX173" fmla="*/ 3562752 w 11269336"/>
              <a:gd name="connsiteY173" fmla="*/ 2131785 h 2323145"/>
              <a:gd name="connsiteX174" fmla="*/ 3541402 w 11269336"/>
              <a:gd name="connsiteY174" fmla="*/ 2106821 h 2323145"/>
              <a:gd name="connsiteX175" fmla="*/ 3365341 w 11269336"/>
              <a:gd name="connsiteY175" fmla="*/ 2077638 h 2323145"/>
              <a:gd name="connsiteX176" fmla="*/ 3170922 w 11269336"/>
              <a:gd name="connsiteY176" fmla="*/ 2115957 h 2323145"/>
              <a:gd name="connsiteX177" fmla="*/ 3156256 w 11269336"/>
              <a:gd name="connsiteY177" fmla="*/ 2124773 h 2323145"/>
              <a:gd name="connsiteX178" fmla="*/ 3140298 w 11269336"/>
              <a:gd name="connsiteY178" fmla="*/ 2129182 h 2323145"/>
              <a:gd name="connsiteX179" fmla="*/ 3138514 w 11269336"/>
              <a:gd name="connsiteY179" fmla="*/ 2128069 h 2323145"/>
              <a:gd name="connsiteX180" fmla="*/ 3120467 w 11269336"/>
              <a:gd name="connsiteY180" fmla="*/ 2128281 h 2323145"/>
              <a:gd name="connsiteX181" fmla="*/ 3116175 w 11269336"/>
              <a:gd name="connsiteY181" fmla="*/ 2131633 h 2323145"/>
              <a:gd name="connsiteX182" fmla="*/ 3103685 w 11269336"/>
              <a:gd name="connsiteY182" fmla="*/ 2132814 h 2323145"/>
              <a:gd name="connsiteX183" fmla="*/ 3078794 w 11269336"/>
              <a:gd name="connsiteY183" fmla="*/ 2137935 h 2323145"/>
              <a:gd name="connsiteX184" fmla="*/ 3074407 w 11269336"/>
              <a:gd name="connsiteY184" fmla="*/ 2136274 h 2323145"/>
              <a:gd name="connsiteX185" fmla="*/ 3037285 w 11269336"/>
              <a:gd name="connsiteY185" fmla="*/ 2139919 h 2323145"/>
              <a:gd name="connsiteX186" fmla="*/ 3036901 w 11269336"/>
              <a:gd name="connsiteY186" fmla="*/ 2138726 h 2323145"/>
              <a:gd name="connsiteX187" fmla="*/ 3026996 w 11269336"/>
              <a:gd name="connsiteY187" fmla="*/ 2134322 h 2323145"/>
              <a:gd name="connsiteX188" fmla="*/ 3007772 w 11269336"/>
              <a:gd name="connsiteY188" fmla="*/ 2128742 h 2323145"/>
              <a:gd name="connsiteX189" fmla="*/ 2965030 w 11269336"/>
              <a:gd name="connsiteY189" fmla="*/ 2100494 h 2323145"/>
              <a:gd name="connsiteX190" fmla="*/ 2926342 w 11269336"/>
              <a:gd name="connsiteY190" fmla="*/ 2104155 h 2323145"/>
              <a:gd name="connsiteX191" fmla="*/ 2918608 w 11269336"/>
              <a:gd name="connsiteY191" fmla="*/ 2104215 h 2323145"/>
              <a:gd name="connsiteX192" fmla="*/ 2918475 w 11269336"/>
              <a:gd name="connsiteY192" fmla="*/ 2103937 h 2323145"/>
              <a:gd name="connsiteX193" fmla="*/ 2910360 w 11269336"/>
              <a:gd name="connsiteY193" fmla="*/ 2103444 h 2323145"/>
              <a:gd name="connsiteX194" fmla="*/ 2904507 w 11269336"/>
              <a:gd name="connsiteY194" fmla="*/ 2104326 h 2323145"/>
              <a:gd name="connsiteX195" fmla="*/ 2889503 w 11269336"/>
              <a:gd name="connsiteY195" fmla="*/ 2104443 h 2323145"/>
              <a:gd name="connsiteX196" fmla="*/ 2884480 w 11269336"/>
              <a:gd name="connsiteY196" fmla="*/ 2102626 h 2323145"/>
              <a:gd name="connsiteX197" fmla="*/ 2882689 w 11269336"/>
              <a:gd name="connsiteY197" fmla="*/ 2099228 h 2323145"/>
              <a:gd name="connsiteX198" fmla="*/ 2881291 w 11269336"/>
              <a:gd name="connsiteY198" fmla="*/ 2099618 h 2323145"/>
              <a:gd name="connsiteX199" fmla="*/ 2853979 w 11269336"/>
              <a:gd name="connsiteY199" fmla="*/ 2090388 h 2323145"/>
              <a:gd name="connsiteX200" fmla="*/ 2791790 w 11269336"/>
              <a:gd name="connsiteY200" fmla="*/ 2080332 h 2323145"/>
              <a:gd name="connsiteX201" fmla="*/ 2755844 w 11269336"/>
              <a:gd name="connsiteY201" fmla="*/ 2078874 h 2323145"/>
              <a:gd name="connsiteX202" fmla="*/ 2657742 w 11269336"/>
              <a:gd name="connsiteY202" fmla="*/ 2070179 h 2323145"/>
              <a:gd name="connsiteX203" fmla="*/ 2559549 w 11269336"/>
              <a:gd name="connsiteY203" fmla="*/ 2057873 h 2323145"/>
              <a:gd name="connsiteX204" fmla="*/ 2512054 w 11269336"/>
              <a:gd name="connsiteY204" fmla="*/ 2031671 h 2323145"/>
              <a:gd name="connsiteX205" fmla="*/ 2506437 w 11269336"/>
              <a:gd name="connsiteY205" fmla="*/ 2030918 h 2323145"/>
              <a:gd name="connsiteX206" fmla="*/ 2491752 w 11269336"/>
              <a:gd name="connsiteY206" fmla="*/ 2033906 h 2323145"/>
              <a:gd name="connsiteX207" fmla="*/ 2486338 w 11269336"/>
              <a:gd name="connsiteY207" fmla="*/ 2035862 h 2323145"/>
              <a:gd name="connsiteX208" fmla="*/ 2478186 w 11269336"/>
              <a:gd name="connsiteY208" fmla="*/ 2036953 h 2323145"/>
              <a:gd name="connsiteX209" fmla="*/ 2477950 w 11269336"/>
              <a:gd name="connsiteY209" fmla="*/ 2036715 h 2323145"/>
              <a:gd name="connsiteX210" fmla="*/ 2470381 w 11269336"/>
              <a:gd name="connsiteY210" fmla="*/ 2038256 h 2323145"/>
              <a:gd name="connsiteX211" fmla="*/ 2433781 w 11269336"/>
              <a:gd name="connsiteY211" fmla="*/ 2049140 h 2323145"/>
              <a:gd name="connsiteX212" fmla="*/ 2381172 w 11269336"/>
              <a:gd name="connsiteY212" fmla="*/ 2030645 h 2323145"/>
              <a:gd name="connsiteX213" fmla="*/ 2360198 w 11269336"/>
              <a:gd name="connsiteY213" fmla="*/ 2029059 h 2323145"/>
              <a:gd name="connsiteX214" fmla="*/ 2348815 w 11269336"/>
              <a:gd name="connsiteY214" fmla="*/ 2026798 h 2323145"/>
              <a:gd name="connsiteX215" fmla="*/ 2347988 w 11269336"/>
              <a:gd name="connsiteY215" fmla="*/ 2025745 h 2323145"/>
              <a:gd name="connsiteX216" fmla="*/ 2312920 w 11269336"/>
              <a:gd name="connsiteY216" fmla="*/ 2036311 h 2323145"/>
              <a:gd name="connsiteX217" fmla="*/ 2307986 w 11269336"/>
              <a:gd name="connsiteY217" fmla="*/ 2035583 h 2323145"/>
              <a:gd name="connsiteX218" fmla="*/ 2285481 w 11269336"/>
              <a:gd name="connsiteY218" fmla="*/ 2045197 h 2323145"/>
              <a:gd name="connsiteX219" fmla="*/ 2273666 w 11269336"/>
              <a:gd name="connsiteY219" fmla="*/ 2048710 h 2323145"/>
              <a:gd name="connsiteX220" fmla="*/ 2270719 w 11269336"/>
              <a:gd name="connsiteY220" fmla="*/ 2052702 h 2323145"/>
              <a:gd name="connsiteX221" fmla="*/ 2253080 w 11269336"/>
              <a:gd name="connsiteY221" fmla="*/ 2056363 h 2323145"/>
              <a:gd name="connsiteX222" fmla="*/ 2250906 w 11269336"/>
              <a:gd name="connsiteY222" fmla="*/ 2055654 h 2323145"/>
              <a:gd name="connsiteX223" fmla="*/ 2236905 w 11269336"/>
              <a:gd name="connsiteY223" fmla="*/ 2062882 h 2323145"/>
              <a:gd name="connsiteX224" fmla="*/ 2225830 w 11269336"/>
              <a:gd name="connsiteY224" fmla="*/ 2074027 h 2323145"/>
              <a:gd name="connsiteX225" fmla="*/ 2073776 w 11269336"/>
              <a:gd name="connsiteY225" fmla="*/ 2089244 h 2323145"/>
              <a:gd name="connsiteX226" fmla="*/ 1948256 w 11269336"/>
              <a:gd name="connsiteY226" fmla="*/ 2146616 h 2323145"/>
              <a:gd name="connsiteX227" fmla="*/ 1865582 w 11269336"/>
              <a:gd name="connsiteY227" fmla="*/ 2153738 h 2323145"/>
              <a:gd name="connsiteX228" fmla="*/ 1835210 w 11269336"/>
              <a:gd name="connsiteY228" fmla="*/ 2134244 h 2323145"/>
              <a:gd name="connsiteX229" fmla="*/ 1632661 w 11269336"/>
              <a:gd name="connsiteY229" fmla="*/ 2173882 h 2323145"/>
              <a:gd name="connsiteX230" fmla="*/ 1579590 w 11269336"/>
              <a:gd name="connsiteY230" fmla="*/ 2173680 h 2323145"/>
              <a:gd name="connsiteX231" fmla="*/ 1535601 w 11269336"/>
              <a:gd name="connsiteY231" fmla="*/ 2194590 h 2323145"/>
              <a:gd name="connsiteX232" fmla="*/ 1515594 w 11269336"/>
              <a:gd name="connsiteY232" fmla="*/ 2189622 h 2323145"/>
              <a:gd name="connsiteX233" fmla="*/ 1512113 w 11269336"/>
              <a:gd name="connsiteY233" fmla="*/ 2188534 h 2323145"/>
              <a:gd name="connsiteX234" fmla="*/ 1498838 w 11269336"/>
              <a:gd name="connsiteY234" fmla="*/ 2189213 h 2323145"/>
              <a:gd name="connsiteX235" fmla="*/ 1494279 w 11269336"/>
              <a:gd name="connsiteY235" fmla="*/ 2183112 h 2323145"/>
              <a:gd name="connsiteX236" fmla="*/ 1473714 w 11269336"/>
              <a:gd name="connsiteY236" fmla="*/ 2179625 h 2323145"/>
              <a:gd name="connsiteX237" fmla="*/ 1449503 w 11269336"/>
              <a:gd name="connsiteY237" fmla="*/ 2182633 h 2323145"/>
              <a:gd name="connsiteX238" fmla="*/ 1266687 w 11269336"/>
              <a:gd name="connsiteY238" fmla="*/ 2212688 h 2323145"/>
              <a:gd name="connsiteX239" fmla="*/ 1239614 w 11269336"/>
              <a:gd name="connsiteY239" fmla="*/ 2209727 h 2323145"/>
              <a:gd name="connsiteX240" fmla="*/ 1202436 w 11269336"/>
              <a:gd name="connsiteY240" fmla="*/ 2209817 h 2323145"/>
              <a:gd name="connsiteX241" fmla="*/ 1136097 w 11269336"/>
              <a:gd name="connsiteY241" fmla="*/ 2205112 h 2323145"/>
              <a:gd name="connsiteX242" fmla="*/ 988232 w 11269336"/>
              <a:gd name="connsiteY242" fmla="*/ 2235635 h 2323145"/>
              <a:gd name="connsiteX243" fmla="*/ 981959 w 11269336"/>
              <a:gd name="connsiteY243" fmla="*/ 2231607 h 2323145"/>
              <a:gd name="connsiteX244" fmla="*/ 938600 w 11269336"/>
              <a:gd name="connsiteY244" fmla="*/ 2238113 h 2323145"/>
              <a:gd name="connsiteX245" fmla="*/ 791788 w 11269336"/>
              <a:gd name="connsiteY245" fmla="*/ 2293224 h 2323145"/>
              <a:gd name="connsiteX246" fmla="*/ 706914 w 11269336"/>
              <a:gd name="connsiteY246" fmla="*/ 2305046 h 2323145"/>
              <a:gd name="connsiteX247" fmla="*/ 675971 w 11269336"/>
              <a:gd name="connsiteY247" fmla="*/ 2304030 h 2323145"/>
              <a:gd name="connsiteX248" fmla="*/ 624180 w 11269336"/>
              <a:gd name="connsiteY248" fmla="*/ 2302650 h 2323145"/>
              <a:gd name="connsiteX249" fmla="*/ 583453 w 11269336"/>
              <a:gd name="connsiteY249" fmla="*/ 2288788 h 2323145"/>
              <a:gd name="connsiteX250" fmla="*/ 540946 w 11269336"/>
              <a:gd name="connsiteY250" fmla="*/ 2292721 h 2323145"/>
              <a:gd name="connsiteX251" fmla="*/ 533680 w 11269336"/>
              <a:gd name="connsiteY251" fmla="*/ 2310233 h 2323145"/>
              <a:gd name="connsiteX252" fmla="*/ 487366 w 11269336"/>
              <a:gd name="connsiteY252" fmla="*/ 2309053 h 2323145"/>
              <a:gd name="connsiteX253" fmla="*/ 416820 w 11269336"/>
              <a:gd name="connsiteY253" fmla="*/ 2305443 h 2323145"/>
              <a:gd name="connsiteX254" fmla="*/ 376805 w 11269336"/>
              <a:gd name="connsiteY254" fmla="*/ 2307647 h 2323145"/>
              <a:gd name="connsiteX255" fmla="*/ 266777 w 11269336"/>
              <a:gd name="connsiteY255" fmla="*/ 2309012 h 2323145"/>
              <a:gd name="connsiteX256" fmla="*/ 156013 w 11269336"/>
              <a:gd name="connsiteY256" fmla="*/ 2306832 h 2323145"/>
              <a:gd name="connsiteX257" fmla="*/ 87258 w 11269336"/>
              <a:gd name="connsiteY257" fmla="*/ 2285511 h 2323145"/>
              <a:gd name="connsiteX258" fmla="*/ 23798 w 11269336"/>
              <a:gd name="connsiteY258" fmla="*/ 2281822 h 2323145"/>
              <a:gd name="connsiteX259" fmla="*/ 0 w 11269336"/>
              <a:gd name="connsiteY259" fmla="*/ 2285369 h 2323145"/>
              <a:gd name="connsiteX260" fmla="*/ 0 w 11269336"/>
              <a:gd name="connsiteY260"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593061 w 11269336"/>
              <a:gd name="connsiteY141" fmla="*/ 2171597 h 2323145"/>
              <a:gd name="connsiteX142" fmla="*/ 4533444 w 11269336"/>
              <a:gd name="connsiteY142" fmla="*/ 2181200 h 2323145"/>
              <a:gd name="connsiteX143" fmla="*/ 4492832 w 11269336"/>
              <a:gd name="connsiteY143" fmla="*/ 2188033 h 2323145"/>
              <a:gd name="connsiteX144" fmla="*/ 4467257 w 11269336"/>
              <a:gd name="connsiteY144" fmla="*/ 2196121 h 2323145"/>
              <a:gd name="connsiteX145" fmla="*/ 4459937 w 11269336"/>
              <a:gd name="connsiteY145" fmla="*/ 2195182 h 2323145"/>
              <a:gd name="connsiteX146" fmla="*/ 4433312 w 11269336"/>
              <a:gd name="connsiteY146" fmla="*/ 2199004 h 2323145"/>
              <a:gd name="connsiteX147" fmla="*/ 4420601 w 11269336"/>
              <a:gd name="connsiteY147" fmla="*/ 2205158 h 2323145"/>
              <a:gd name="connsiteX148" fmla="*/ 4405765 w 11269336"/>
              <a:gd name="connsiteY148" fmla="*/ 2199902 h 2323145"/>
              <a:gd name="connsiteX149" fmla="*/ 4401354 w 11269336"/>
              <a:gd name="connsiteY149" fmla="*/ 2194745 h 2323145"/>
              <a:gd name="connsiteX150" fmla="*/ 4383151 w 11269336"/>
              <a:gd name="connsiteY150" fmla="*/ 2201140 h 2323145"/>
              <a:gd name="connsiteX151" fmla="*/ 4366646 w 11269336"/>
              <a:gd name="connsiteY151" fmla="*/ 2198564 h 2323145"/>
              <a:gd name="connsiteX152" fmla="*/ 4354009 w 11269336"/>
              <a:gd name="connsiteY152" fmla="*/ 2204984 h 2323145"/>
              <a:gd name="connsiteX153" fmla="*/ 4348284 w 11269336"/>
              <a:gd name="connsiteY153" fmla="*/ 2205270 h 2323145"/>
              <a:gd name="connsiteX154" fmla="*/ 4333906 w 11269336"/>
              <a:gd name="connsiteY154" fmla="*/ 2205251 h 2323145"/>
              <a:gd name="connsiteX155" fmla="*/ 4308819 w 11269336"/>
              <a:gd name="connsiteY155" fmla="*/ 2203822 h 2323145"/>
              <a:gd name="connsiteX156" fmla="*/ 4301210 w 11269336"/>
              <a:gd name="connsiteY156" fmla="*/ 2204456 h 2323145"/>
              <a:gd name="connsiteX157" fmla="*/ 4283095 w 11269336"/>
              <a:gd name="connsiteY157" fmla="*/ 2198177 h 2323145"/>
              <a:gd name="connsiteX158" fmla="*/ 4250119 w 11269336"/>
              <a:gd name="connsiteY158" fmla="*/ 2196342 h 2323145"/>
              <a:gd name="connsiteX159" fmla="*/ 4189203 w 11269336"/>
              <a:gd name="connsiteY159" fmla="*/ 2178994 h 2323145"/>
              <a:gd name="connsiteX160" fmla="*/ 4154035 w 11269336"/>
              <a:gd name="connsiteY160" fmla="*/ 2171950 h 2323145"/>
              <a:gd name="connsiteX161" fmla="*/ 4129569 w 11269336"/>
              <a:gd name="connsiteY161" fmla="*/ 2163850 h 2323145"/>
              <a:gd name="connsiteX162" fmla="*/ 4061250 w 11269336"/>
              <a:gd name="connsiteY162" fmla="*/ 2159236 h 2323145"/>
              <a:gd name="connsiteX163" fmla="*/ 3945480 w 11269336"/>
              <a:gd name="connsiteY163" fmla="*/ 2158279 h 2323145"/>
              <a:gd name="connsiteX164" fmla="*/ 3921468 w 11269336"/>
              <a:gd name="connsiteY164" fmla="*/ 2156588 h 2323145"/>
              <a:gd name="connsiteX165" fmla="*/ 3903348 w 11269336"/>
              <a:gd name="connsiteY165" fmla="*/ 2149220 h 2323145"/>
              <a:gd name="connsiteX166" fmla="*/ 3901342 w 11269336"/>
              <a:gd name="connsiteY166" fmla="*/ 2142355 h 2323145"/>
              <a:gd name="connsiteX167" fmla="*/ 3888539 w 11269336"/>
              <a:gd name="connsiteY167" fmla="*/ 2140476 h 2323145"/>
              <a:gd name="connsiteX168" fmla="*/ 3885662 w 11269336"/>
              <a:gd name="connsiteY168" fmla="*/ 2138740 h 2323145"/>
              <a:gd name="connsiteX169" fmla="*/ 3868627 w 11269336"/>
              <a:gd name="connsiteY169" fmla="*/ 2130023 h 2323145"/>
              <a:gd name="connsiteX170" fmla="*/ 3819177 w 11269336"/>
              <a:gd name="connsiteY170" fmla="*/ 2142111 h 2323145"/>
              <a:gd name="connsiteX171" fmla="*/ 3769100 w 11269336"/>
              <a:gd name="connsiteY171" fmla="*/ 2131731 h 2323145"/>
              <a:gd name="connsiteX172" fmla="*/ 3562752 w 11269336"/>
              <a:gd name="connsiteY172" fmla="*/ 2131785 h 2323145"/>
              <a:gd name="connsiteX173" fmla="*/ 3541402 w 11269336"/>
              <a:gd name="connsiteY173" fmla="*/ 2106821 h 2323145"/>
              <a:gd name="connsiteX174" fmla="*/ 3365341 w 11269336"/>
              <a:gd name="connsiteY174" fmla="*/ 2077638 h 2323145"/>
              <a:gd name="connsiteX175" fmla="*/ 3170922 w 11269336"/>
              <a:gd name="connsiteY175" fmla="*/ 2115957 h 2323145"/>
              <a:gd name="connsiteX176" fmla="*/ 3156256 w 11269336"/>
              <a:gd name="connsiteY176" fmla="*/ 2124773 h 2323145"/>
              <a:gd name="connsiteX177" fmla="*/ 3140298 w 11269336"/>
              <a:gd name="connsiteY177" fmla="*/ 2129182 h 2323145"/>
              <a:gd name="connsiteX178" fmla="*/ 3138514 w 11269336"/>
              <a:gd name="connsiteY178" fmla="*/ 2128069 h 2323145"/>
              <a:gd name="connsiteX179" fmla="*/ 3120467 w 11269336"/>
              <a:gd name="connsiteY179" fmla="*/ 2128281 h 2323145"/>
              <a:gd name="connsiteX180" fmla="*/ 3116175 w 11269336"/>
              <a:gd name="connsiteY180" fmla="*/ 2131633 h 2323145"/>
              <a:gd name="connsiteX181" fmla="*/ 3103685 w 11269336"/>
              <a:gd name="connsiteY181" fmla="*/ 2132814 h 2323145"/>
              <a:gd name="connsiteX182" fmla="*/ 3078794 w 11269336"/>
              <a:gd name="connsiteY182" fmla="*/ 2137935 h 2323145"/>
              <a:gd name="connsiteX183" fmla="*/ 3074407 w 11269336"/>
              <a:gd name="connsiteY183" fmla="*/ 2136274 h 2323145"/>
              <a:gd name="connsiteX184" fmla="*/ 3037285 w 11269336"/>
              <a:gd name="connsiteY184" fmla="*/ 2139919 h 2323145"/>
              <a:gd name="connsiteX185" fmla="*/ 3036901 w 11269336"/>
              <a:gd name="connsiteY185" fmla="*/ 2138726 h 2323145"/>
              <a:gd name="connsiteX186" fmla="*/ 3026996 w 11269336"/>
              <a:gd name="connsiteY186" fmla="*/ 2134322 h 2323145"/>
              <a:gd name="connsiteX187" fmla="*/ 3007772 w 11269336"/>
              <a:gd name="connsiteY187" fmla="*/ 2128742 h 2323145"/>
              <a:gd name="connsiteX188" fmla="*/ 2965030 w 11269336"/>
              <a:gd name="connsiteY188" fmla="*/ 2100494 h 2323145"/>
              <a:gd name="connsiteX189" fmla="*/ 2926342 w 11269336"/>
              <a:gd name="connsiteY189" fmla="*/ 2104155 h 2323145"/>
              <a:gd name="connsiteX190" fmla="*/ 2918608 w 11269336"/>
              <a:gd name="connsiteY190" fmla="*/ 2104215 h 2323145"/>
              <a:gd name="connsiteX191" fmla="*/ 2918475 w 11269336"/>
              <a:gd name="connsiteY191" fmla="*/ 2103937 h 2323145"/>
              <a:gd name="connsiteX192" fmla="*/ 2910360 w 11269336"/>
              <a:gd name="connsiteY192" fmla="*/ 2103444 h 2323145"/>
              <a:gd name="connsiteX193" fmla="*/ 2904507 w 11269336"/>
              <a:gd name="connsiteY193" fmla="*/ 2104326 h 2323145"/>
              <a:gd name="connsiteX194" fmla="*/ 2889503 w 11269336"/>
              <a:gd name="connsiteY194" fmla="*/ 2104443 h 2323145"/>
              <a:gd name="connsiteX195" fmla="*/ 2884480 w 11269336"/>
              <a:gd name="connsiteY195" fmla="*/ 2102626 h 2323145"/>
              <a:gd name="connsiteX196" fmla="*/ 2882689 w 11269336"/>
              <a:gd name="connsiteY196" fmla="*/ 2099228 h 2323145"/>
              <a:gd name="connsiteX197" fmla="*/ 2881291 w 11269336"/>
              <a:gd name="connsiteY197" fmla="*/ 2099618 h 2323145"/>
              <a:gd name="connsiteX198" fmla="*/ 2853979 w 11269336"/>
              <a:gd name="connsiteY198" fmla="*/ 2090388 h 2323145"/>
              <a:gd name="connsiteX199" fmla="*/ 2791790 w 11269336"/>
              <a:gd name="connsiteY199" fmla="*/ 2080332 h 2323145"/>
              <a:gd name="connsiteX200" fmla="*/ 2755844 w 11269336"/>
              <a:gd name="connsiteY200" fmla="*/ 2078874 h 2323145"/>
              <a:gd name="connsiteX201" fmla="*/ 2657742 w 11269336"/>
              <a:gd name="connsiteY201" fmla="*/ 2070179 h 2323145"/>
              <a:gd name="connsiteX202" fmla="*/ 2559549 w 11269336"/>
              <a:gd name="connsiteY202" fmla="*/ 2057873 h 2323145"/>
              <a:gd name="connsiteX203" fmla="*/ 2512054 w 11269336"/>
              <a:gd name="connsiteY203" fmla="*/ 2031671 h 2323145"/>
              <a:gd name="connsiteX204" fmla="*/ 2506437 w 11269336"/>
              <a:gd name="connsiteY204" fmla="*/ 2030918 h 2323145"/>
              <a:gd name="connsiteX205" fmla="*/ 2491752 w 11269336"/>
              <a:gd name="connsiteY205" fmla="*/ 2033906 h 2323145"/>
              <a:gd name="connsiteX206" fmla="*/ 2486338 w 11269336"/>
              <a:gd name="connsiteY206" fmla="*/ 2035862 h 2323145"/>
              <a:gd name="connsiteX207" fmla="*/ 2478186 w 11269336"/>
              <a:gd name="connsiteY207" fmla="*/ 2036953 h 2323145"/>
              <a:gd name="connsiteX208" fmla="*/ 2477950 w 11269336"/>
              <a:gd name="connsiteY208" fmla="*/ 2036715 h 2323145"/>
              <a:gd name="connsiteX209" fmla="*/ 2470381 w 11269336"/>
              <a:gd name="connsiteY209" fmla="*/ 2038256 h 2323145"/>
              <a:gd name="connsiteX210" fmla="*/ 2433781 w 11269336"/>
              <a:gd name="connsiteY210" fmla="*/ 2049140 h 2323145"/>
              <a:gd name="connsiteX211" fmla="*/ 2381172 w 11269336"/>
              <a:gd name="connsiteY211" fmla="*/ 2030645 h 2323145"/>
              <a:gd name="connsiteX212" fmla="*/ 2360198 w 11269336"/>
              <a:gd name="connsiteY212" fmla="*/ 2029059 h 2323145"/>
              <a:gd name="connsiteX213" fmla="*/ 2348815 w 11269336"/>
              <a:gd name="connsiteY213" fmla="*/ 2026798 h 2323145"/>
              <a:gd name="connsiteX214" fmla="*/ 2347988 w 11269336"/>
              <a:gd name="connsiteY214" fmla="*/ 2025745 h 2323145"/>
              <a:gd name="connsiteX215" fmla="*/ 2312920 w 11269336"/>
              <a:gd name="connsiteY215" fmla="*/ 2036311 h 2323145"/>
              <a:gd name="connsiteX216" fmla="*/ 2307986 w 11269336"/>
              <a:gd name="connsiteY216" fmla="*/ 2035583 h 2323145"/>
              <a:gd name="connsiteX217" fmla="*/ 2285481 w 11269336"/>
              <a:gd name="connsiteY217" fmla="*/ 2045197 h 2323145"/>
              <a:gd name="connsiteX218" fmla="*/ 2273666 w 11269336"/>
              <a:gd name="connsiteY218" fmla="*/ 2048710 h 2323145"/>
              <a:gd name="connsiteX219" fmla="*/ 2270719 w 11269336"/>
              <a:gd name="connsiteY219" fmla="*/ 2052702 h 2323145"/>
              <a:gd name="connsiteX220" fmla="*/ 2253080 w 11269336"/>
              <a:gd name="connsiteY220" fmla="*/ 2056363 h 2323145"/>
              <a:gd name="connsiteX221" fmla="*/ 2250906 w 11269336"/>
              <a:gd name="connsiteY221" fmla="*/ 2055654 h 2323145"/>
              <a:gd name="connsiteX222" fmla="*/ 2236905 w 11269336"/>
              <a:gd name="connsiteY222" fmla="*/ 2062882 h 2323145"/>
              <a:gd name="connsiteX223" fmla="*/ 2225830 w 11269336"/>
              <a:gd name="connsiteY223" fmla="*/ 2074027 h 2323145"/>
              <a:gd name="connsiteX224" fmla="*/ 2073776 w 11269336"/>
              <a:gd name="connsiteY224" fmla="*/ 2089244 h 2323145"/>
              <a:gd name="connsiteX225" fmla="*/ 1948256 w 11269336"/>
              <a:gd name="connsiteY225" fmla="*/ 2146616 h 2323145"/>
              <a:gd name="connsiteX226" fmla="*/ 1865582 w 11269336"/>
              <a:gd name="connsiteY226" fmla="*/ 2153738 h 2323145"/>
              <a:gd name="connsiteX227" fmla="*/ 1835210 w 11269336"/>
              <a:gd name="connsiteY227" fmla="*/ 2134244 h 2323145"/>
              <a:gd name="connsiteX228" fmla="*/ 1632661 w 11269336"/>
              <a:gd name="connsiteY228" fmla="*/ 2173882 h 2323145"/>
              <a:gd name="connsiteX229" fmla="*/ 1579590 w 11269336"/>
              <a:gd name="connsiteY229" fmla="*/ 2173680 h 2323145"/>
              <a:gd name="connsiteX230" fmla="*/ 1535601 w 11269336"/>
              <a:gd name="connsiteY230" fmla="*/ 2194590 h 2323145"/>
              <a:gd name="connsiteX231" fmla="*/ 1515594 w 11269336"/>
              <a:gd name="connsiteY231" fmla="*/ 2189622 h 2323145"/>
              <a:gd name="connsiteX232" fmla="*/ 1512113 w 11269336"/>
              <a:gd name="connsiteY232" fmla="*/ 2188534 h 2323145"/>
              <a:gd name="connsiteX233" fmla="*/ 1498838 w 11269336"/>
              <a:gd name="connsiteY233" fmla="*/ 2189213 h 2323145"/>
              <a:gd name="connsiteX234" fmla="*/ 1494279 w 11269336"/>
              <a:gd name="connsiteY234" fmla="*/ 2183112 h 2323145"/>
              <a:gd name="connsiteX235" fmla="*/ 1473714 w 11269336"/>
              <a:gd name="connsiteY235" fmla="*/ 2179625 h 2323145"/>
              <a:gd name="connsiteX236" fmla="*/ 1449503 w 11269336"/>
              <a:gd name="connsiteY236" fmla="*/ 2182633 h 2323145"/>
              <a:gd name="connsiteX237" fmla="*/ 1266687 w 11269336"/>
              <a:gd name="connsiteY237" fmla="*/ 2212688 h 2323145"/>
              <a:gd name="connsiteX238" fmla="*/ 1239614 w 11269336"/>
              <a:gd name="connsiteY238" fmla="*/ 2209727 h 2323145"/>
              <a:gd name="connsiteX239" fmla="*/ 1202436 w 11269336"/>
              <a:gd name="connsiteY239" fmla="*/ 2209817 h 2323145"/>
              <a:gd name="connsiteX240" fmla="*/ 1136097 w 11269336"/>
              <a:gd name="connsiteY240" fmla="*/ 2205112 h 2323145"/>
              <a:gd name="connsiteX241" fmla="*/ 988232 w 11269336"/>
              <a:gd name="connsiteY241" fmla="*/ 2235635 h 2323145"/>
              <a:gd name="connsiteX242" fmla="*/ 981959 w 11269336"/>
              <a:gd name="connsiteY242" fmla="*/ 2231607 h 2323145"/>
              <a:gd name="connsiteX243" fmla="*/ 938600 w 11269336"/>
              <a:gd name="connsiteY243" fmla="*/ 2238113 h 2323145"/>
              <a:gd name="connsiteX244" fmla="*/ 791788 w 11269336"/>
              <a:gd name="connsiteY244" fmla="*/ 2293224 h 2323145"/>
              <a:gd name="connsiteX245" fmla="*/ 706914 w 11269336"/>
              <a:gd name="connsiteY245" fmla="*/ 2305046 h 2323145"/>
              <a:gd name="connsiteX246" fmla="*/ 675971 w 11269336"/>
              <a:gd name="connsiteY246" fmla="*/ 2304030 h 2323145"/>
              <a:gd name="connsiteX247" fmla="*/ 624180 w 11269336"/>
              <a:gd name="connsiteY247" fmla="*/ 2302650 h 2323145"/>
              <a:gd name="connsiteX248" fmla="*/ 583453 w 11269336"/>
              <a:gd name="connsiteY248" fmla="*/ 2288788 h 2323145"/>
              <a:gd name="connsiteX249" fmla="*/ 540946 w 11269336"/>
              <a:gd name="connsiteY249" fmla="*/ 2292721 h 2323145"/>
              <a:gd name="connsiteX250" fmla="*/ 533680 w 11269336"/>
              <a:gd name="connsiteY250" fmla="*/ 2310233 h 2323145"/>
              <a:gd name="connsiteX251" fmla="*/ 487366 w 11269336"/>
              <a:gd name="connsiteY251" fmla="*/ 2309053 h 2323145"/>
              <a:gd name="connsiteX252" fmla="*/ 416820 w 11269336"/>
              <a:gd name="connsiteY252" fmla="*/ 2305443 h 2323145"/>
              <a:gd name="connsiteX253" fmla="*/ 376805 w 11269336"/>
              <a:gd name="connsiteY253" fmla="*/ 2307647 h 2323145"/>
              <a:gd name="connsiteX254" fmla="*/ 266777 w 11269336"/>
              <a:gd name="connsiteY254" fmla="*/ 2309012 h 2323145"/>
              <a:gd name="connsiteX255" fmla="*/ 156013 w 11269336"/>
              <a:gd name="connsiteY255" fmla="*/ 2306832 h 2323145"/>
              <a:gd name="connsiteX256" fmla="*/ 87258 w 11269336"/>
              <a:gd name="connsiteY256" fmla="*/ 2285511 h 2323145"/>
              <a:gd name="connsiteX257" fmla="*/ 23798 w 11269336"/>
              <a:gd name="connsiteY257" fmla="*/ 2281822 h 2323145"/>
              <a:gd name="connsiteX258" fmla="*/ 0 w 11269336"/>
              <a:gd name="connsiteY258" fmla="*/ 2285369 h 2323145"/>
              <a:gd name="connsiteX259" fmla="*/ 0 w 11269336"/>
              <a:gd name="connsiteY259"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59937 w 11269336"/>
              <a:gd name="connsiteY144" fmla="*/ 2195182 h 2323145"/>
              <a:gd name="connsiteX145" fmla="*/ 4433312 w 11269336"/>
              <a:gd name="connsiteY145" fmla="*/ 2199004 h 2323145"/>
              <a:gd name="connsiteX146" fmla="*/ 4420601 w 11269336"/>
              <a:gd name="connsiteY146" fmla="*/ 2205158 h 2323145"/>
              <a:gd name="connsiteX147" fmla="*/ 4405765 w 11269336"/>
              <a:gd name="connsiteY147" fmla="*/ 2199902 h 2323145"/>
              <a:gd name="connsiteX148" fmla="*/ 4401354 w 11269336"/>
              <a:gd name="connsiteY148" fmla="*/ 2194745 h 2323145"/>
              <a:gd name="connsiteX149" fmla="*/ 4383151 w 11269336"/>
              <a:gd name="connsiteY149" fmla="*/ 2201140 h 2323145"/>
              <a:gd name="connsiteX150" fmla="*/ 4366646 w 11269336"/>
              <a:gd name="connsiteY150" fmla="*/ 2198564 h 2323145"/>
              <a:gd name="connsiteX151" fmla="*/ 4354009 w 11269336"/>
              <a:gd name="connsiteY151" fmla="*/ 2204984 h 2323145"/>
              <a:gd name="connsiteX152" fmla="*/ 4348284 w 11269336"/>
              <a:gd name="connsiteY152" fmla="*/ 2205270 h 2323145"/>
              <a:gd name="connsiteX153" fmla="*/ 4333906 w 11269336"/>
              <a:gd name="connsiteY153" fmla="*/ 2205251 h 2323145"/>
              <a:gd name="connsiteX154" fmla="*/ 4308819 w 11269336"/>
              <a:gd name="connsiteY154" fmla="*/ 2203822 h 2323145"/>
              <a:gd name="connsiteX155" fmla="*/ 4301210 w 11269336"/>
              <a:gd name="connsiteY155" fmla="*/ 2204456 h 2323145"/>
              <a:gd name="connsiteX156" fmla="*/ 4283095 w 11269336"/>
              <a:gd name="connsiteY156" fmla="*/ 2198177 h 2323145"/>
              <a:gd name="connsiteX157" fmla="*/ 4250119 w 11269336"/>
              <a:gd name="connsiteY157" fmla="*/ 2196342 h 2323145"/>
              <a:gd name="connsiteX158" fmla="*/ 4189203 w 11269336"/>
              <a:gd name="connsiteY158" fmla="*/ 2178994 h 2323145"/>
              <a:gd name="connsiteX159" fmla="*/ 4154035 w 11269336"/>
              <a:gd name="connsiteY159" fmla="*/ 2171950 h 2323145"/>
              <a:gd name="connsiteX160" fmla="*/ 4129569 w 11269336"/>
              <a:gd name="connsiteY160" fmla="*/ 2163850 h 2323145"/>
              <a:gd name="connsiteX161" fmla="*/ 4061250 w 11269336"/>
              <a:gd name="connsiteY161" fmla="*/ 2159236 h 2323145"/>
              <a:gd name="connsiteX162" fmla="*/ 3945480 w 11269336"/>
              <a:gd name="connsiteY162" fmla="*/ 2158279 h 2323145"/>
              <a:gd name="connsiteX163" fmla="*/ 3921468 w 11269336"/>
              <a:gd name="connsiteY163" fmla="*/ 2156588 h 2323145"/>
              <a:gd name="connsiteX164" fmla="*/ 3903348 w 11269336"/>
              <a:gd name="connsiteY164" fmla="*/ 2149220 h 2323145"/>
              <a:gd name="connsiteX165" fmla="*/ 3901342 w 11269336"/>
              <a:gd name="connsiteY165" fmla="*/ 2142355 h 2323145"/>
              <a:gd name="connsiteX166" fmla="*/ 3888539 w 11269336"/>
              <a:gd name="connsiteY166" fmla="*/ 2140476 h 2323145"/>
              <a:gd name="connsiteX167" fmla="*/ 3885662 w 11269336"/>
              <a:gd name="connsiteY167" fmla="*/ 2138740 h 2323145"/>
              <a:gd name="connsiteX168" fmla="*/ 3868627 w 11269336"/>
              <a:gd name="connsiteY168" fmla="*/ 2130023 h 2323145"/>
              <a:gd name="connsiteX169" fmla="*/ 3819177 w 11269336"/>
              <a:gd name="connsiteY169" fmla="*/ 2142111 h 2323145"/>
              <a:gd name="connsiteX170" fmla="*/ 3769100 w 11269336"/>
              <a:gd name="connsiteY170" fmla="*/ 2131731 h 2323145"/>
              <a:gd name="connsiteX171" fmla="*/ 3562752 w 11269336"/>
              <a:gd name="connsiteY171" fmla="*/ 2131785 h 2323145"/>
              <a:gd name="connsiteX172" fmla="*/ 3541402 w 11269336"/>
              <a:gd name="connsiteY172" fmla="*/ 2106821 h 2323145"/>
              <a:gd name="connsiteX173" fmla="*/ 3365341 w 11269336"/>
              <a:gd name="connsiteY173" fmla="*/ 2077638 h 2323145"/>
              <a:gd name="connsiteX174" fmla="*/ 3170922 w 11269336"/>
              <a:gd name="connsiteY174" fmla="*/ 2115957 h 2323145"/>
              <a:gd name="connsiteX175" fmla="*/ 3156256 w 11269336"/>
              <a:gd name="connsiteY175" fmla="*/ 2124773 h 2323145"/>
              <a:gd name="connsiteX176" fmla="*/ 3140298 w 11269336"/>
              <a:gd name="connsiteY176" fmla="*/ 2129182 h 2323145"/>
              <a:gd name="connsiteX177" fmla="*/ 3138514 w 11269336"/>
              <a:gd name="connsiteY177" fmla="*/ 2128069 h 2323145"/>
              <a:gd name="connsiteX178" fmla="*/ 3120467 w 11269336"/>
              <a:gd name="connsiteY178" fmla="*/ 2128281 h 2323145"/>
              <a:gd name="connsiteX179" fmla="*/ 3116175 w 11269336"/>
              <a:gd name="connsiteY179" fmla="*/ 2131633 h 2323145"/>
              <a:gd name="connsiteX180" fmla="*/ 3103685 w 11269336"/>
              <a:gd name="connsiteY180" fmla="*/ 2132814 h 2323145"/>
              <a:gd name="connsiteX181" fmla="*/ 3078794 w 11269336"/>
              <a:gd name="connsiteY181" fmla="*/ 2137935 h 2323145"/>
              <a:gd name="connsiteX182" fmla="*/ 3074407 w 11269336"/>
              <a:gd name="connsiteY182" fmla="*/ 2136274 h 2323145"/>
              <a:gd name="connsiteX183" fmla="*/ 3037285 w 11269336"/>
              <a:gd name="connsiteY183" fmla="*/ 2139919 h 2323145"/>
              <a:gd name="connsiteX184" fmla="*/ 3036901 w 11269336"/>
              <a:gd name="connsiteY184" fmla="*/ 2138726 h 2323145"/>
              <a:gd name="connsiteX185" fmla="*/ 3026996 w 11269336"/>
              <a:gd name="connsiteY185" fmla="*/ 2134322 h 2323145"/>
              <a:gd name="connsiteX186" fmla="*/ 3007772 w 11269336"/>
              <a:gd name="connsiteY186" fmla="*/ 2128742 h 2323145"/>
              <a:gd name="connsiteX187" fmla="*/ 2965030 w 11269336"/>
              <a:gd name="connsiteY187" fmla="*/ 2100494 h 2323145"/>
              <a:gd name="connsiteX188" fmla="*/ 2926342 w 11269336"/>
              <a:gd name="connsiteY188" fmla="*/ 2104155 h 2323145"/>
              <a:gd name="connsiteX189" fmla="*/ 2918608 w 11269336"/>
              <a:gd name="connsiteY189" fmla="*/ 2104215 h 2323145"/>
              <a:gd name="connsiteX190" fmla="*/ 2918475 w 11269336"/>
              <a:gd name="connsiteY190" fmla="*/ 2103937 h 2323145"/>
              <a:gd name="connsiteX191" fmla="*/ 2910360 w 11269336"/>
              <a:gd name="connsiteY191" fmla="*/ 2103444 h 2323145"/>
              <a:gd name="connsiteX192" fmla="*/ 2904507 w 11269336"/>
              <a:gd name="connsiteY192" fmla="*/ 2104326 h 2323145"/>
              <a:gd name="connsiteX193" fmla="*/ 2889503 w 11269336"/>
              <a:gd name="connsiteY193" fmla="*/ 2104443 h 2323145"/>
              <a:gd name="connsiteX194" fmla="*/ 2884480 w 11269336"/>
              <a:gd name="connsiteY194" fmla="*/ 2102626 h 2323145"/>
              <a:gd name="connsiteX195" fmla="*/ 2882689 w 11269336"/>
              <a:gd name="connsiteY195" fmla="*/ 2099228 h 2323145"/>
              <a:gd name="connsiteX196" fmla="*/ 2881291 w 11269336"/>
              <a:gd name="connsiteY196" fmla="*/ 2099618 h 2323145"/>
              <a:gd name="connsiteX197" fmla="*/ 2853979 w 11269336"/>
              <a:gd name="connsiteY197" fmla="*/ 2090388 h 2323145"/>
              <a:gd name="connsiteX198" fmla="*/ 2791790 w 11269336"/>
              <a:gd name="connsiteY198" fmla="*/ 2080332 h 2323145"/>
              <a:gd name="connsiteX199" fmla="*/ 2755844 w 11269336"/>
              <a:gd name="connsiteY199" fmla="*/ 2078874 h 2323145"/>
              <a:gd name="connsiteX200" fmla="*/ 2657742 w 11269336"/>
              <a:gd name="connsiteY200" fmla="*/ 2070179 h 2323145"/>
              <a:gd name="connsiteX201" fmla="*/ 2559549 w 11269336"/>
              <a:gd name="connsiteY201" fmla="*/ 2057873 h 2323145"/>
              <a:gd name="connsiteX202" fmla="*/ 2512054 w 11269336"/>
              <a:gd name="connsiteY202" fmla="*/ 2031671 h 2323145"/>
              <a:gd name="connsiteX203" fmla="*/ 2506437 w 11269336"/>
              <a:gd name="connsiteY203" fmla="*/ 2030918 h 2323145"/>
              <a:gd name="connsiteX204" fmla="*/ 2491752 w 11269336"/>
              <a:gd name="connsiteY204" fmla="*/ 2033906 h 2323145"/>
              <a:gd name="connsiteX205" fmla="*/ 2486338 w 11269336"/>
              <a:gd name="connsiteY205" fmla="*/ 2035862 h 2323145"/>
              <a:gd name="connsiteX206" fmla="*/ 2478186 w 11269336"/>
              <a:gd name="connsiteY206" fmla="*/ 2036953 h 2323145"/>
              <a:gd name="connsiteX207" fmla="*/ 2477950 w 11269336"/>
              <a:gd name="connsiteY207" fmla="*/ 2036715 h 2323145"/>
              <a:gd name="connsiteX208" fmla="*/ 2470381 w 11269336"/>
              <a:gd name="connsiteY208" fmla="*/ 2038256 h 2323145"/>
              <a:gd name="connsiteX209" fmla="*/ 2433781 w 11269336"/>
              <a:gd name="connsiteY209" fmla="*/ 2049140 h 2323145"/>
              <a:gd name="connsiteX210" fmla="*/ 2381172 w 11269336"/>
              <a:gd name="connsiteY210" fmla="*/ 2030645 h 2323145"/>
              <a:gd name="connsiteX211" fmla="*/ 2360198 w 11269336"/>
              <a:gd name="connsiteY211" fmla="*/ 2029059 h 2323145"/>
              <a:gd name="connsiteX212" fmla="*/ 2348815 w 11269336"/>
              <a:gd name="connsiteY212" fmla="*/ 2026798 h 2323145"/>
              <a:gd name="connsiteX213" fmla="*/ 2347988 w 11269336"/>
              <a:gd name="connsiteY213" fmla="*/ 2025745 h 2323145"/>
              <a:gd name="connsiteX214" fmla="*/ 2312920 w 11269336"/>
              <a:gd name="connsiteY214" fmla="*/ 2036311 h 2323145"/>
              <a:gd name="connsiteX215" fmla="*/ 2307986 w 11269336"/>
              <a:gd name="connsiteY215" fmla="*/ 2035583 h 2323145"/>
              <a:gd name="connsiteX216" fmla="*/ 2285481 w 11269336"/>
              <a:gd name="connsiteY216" fmla="*/ 2045197 h 2323145"/>
              <a:gd name="connsiteX217" fmla="*/ 2273666 w 11269336"/>
              <a:gd name="connsiteY217" fmla="*/ 2048710 h 2323145"/>
              <a:gd name="connsiteX218" fmla="*/ 2270719 w 11269336"/>
              <a:gd name="connsiteY218" fmla="*/ 2052702 h 2323145"/>
              <a:gd name="connsiteX219" fmla="*/ 2253080 w 11269336"/>
              <a:gd name="connsiteY219" fmla="*/ 2056363 h 2323145"/>
              <a:gd name="connsiteX220" fmla="*/ 2250906 w 11269336"/>
              <a:gd name="connsiteY220" fmla="*/ 2055654 h 2323145"/>
              <a:gd name="connsiteX221" fmla="*/ 2236905 w 11269336"/>
              <a:gd name="connsiteY221" fmla="*/ 2062882 h 2323145"/>
              <a:gd name="connsiteX222" fmla="*/ 2225830 w 11269336"/>
              <a:gd name="connsiteY222" fmla="*/ 2074027 h 2323145"/>
              <a:gd name="connsiteX223" fmla="*/ 2073776 w 11269336"/>
              <a:gd name="connsiteY223" fmla="*/ 2089244 h 2323145"/>
              <a:gd name="connsiteX224" fmla="*/ 1948256 w 11269336"/>
              <a:gd name="connsiteY224" fmla="*/ 2146616 h 2323145"/>
              <a:gd name="connsiteX225" fmla="*/ 1865582 w 11269336"/>
              <a:gd name="connsiteY225" fmla="*/ 2153738 h 2323145"/>
              <a:gd name="connsiteX226" fmla="*/ 1835210 w 11269336"/>
              <a:gd name="connsiteY226" fmla="*/ 2134244 h 2323145"/>
              <a:gd name="connsiteX227" fmla="*/ 1632661 w 11269336"/>
              <a:gd name="connsiteY227" fmla="*/ 2173882 h 2323145"/>
              <a:gd name="connsiteX228" fmla="*/ 1579590 w 11269336"/>
              <a:gd name="connsiteY228" fmla="*/ 2173680 h 2323145"/>
              <a:gd name="connsiteX229" fmla="*/ 1535601 w 11269336"/>
              <a:gd name="connsiteY229" fmla="*/ 2194590 h 2323145"/>
              <a:gd name="connsiteX230" fmla="*/ 1515594 w 11269336"/>
              <a:gd name="connsiteY230" fmla="*/ 2189622 h 2323145"/>
              <a:gd name="connsiteX231" fmla="*/ 1512113 w 11269336"/>
              <a:gd name="connsiteY231" fmla="*/ 2188534 h 2323145"/>
              <a:gd name="connsiteX232" fmla="*/ 1498838 w 11269336"/>
              <a:gd name="connsiteY232" fmla="*/ 2189213 h 2323145"/>
              <a:gd name="connsiteX233" fmla="*/ 1494279 w 11269336"/>
              <a:gd name="connsiteY233" fmla="*/ 2183112 h 2323145"/>
              <a:gd name="connsiteX234" fmla="*/ 1473714 w 11269336"/>
              <a:gd name="connsiteY234" fmla="*/ 2179625 h 2323145"/>
              <a:gd name="connsiteX235" fmla="*/ 1449503 w 11269336"/>
              <a:gd name="connsiteY235" fmla="*/ 2182633 h 2323145"/>
              <a:gd name="connsiteX236" fmla="*/ 1266687 w 11269336"/>
              <a:gd name="connsiteY236" fmla="*/ 2212688 h 2323145"/>
              <a:gd name="connsiteX237" fmla="*/ 1239614 w 11269336"/>
              <a:gd name="connsiteY237" fmla="*/ 2209727 h 2323145"/>
              <a:gd name="connsiteX238" fmla="*/ 1202436 w 11269336"/>
              <a:gd name="connsiteY238" fmla="*/ 2209817 h 2323145"/>
              <a:gd name="connsiteX239" fmla="*/ 1136097 w 11269336"/>
              <a:gd name="connsiteY239" fmla="*/ 2205112 h 2323145"/>
              <a:gd name="connsiteX240" fmla="*/ 988232 w 11269336"/>
              <a:gd name="connsiteY240" fmla="*/ 2235635 h 2323145"/>
              <a:gd name="connsiteX241" fmla="*/ 981959 w 11269336"/>
              <a:gd name="connsiteY241" fmla="*/ 2231607 h 2323145"/>
              <a:gd name="connsiteX242" fmla="*/ 938600 w 11269336"/>
              <a:gd name="connsiteY242" fmla="*/ 2238113 h 2323145"/>
              <a:gd name="connsiteX243" fmla="*/ 791788 w 11269336"/>
              <a:gd name="connsiteY243" fmla="*/ 2293224 h 2323145"/>
              <a:gd name="connsiteX244" fmla="*/ 706914 w 11269336"/>
              <a:gd name="connsiteY244" fmla="*/ 2305046 h 2323145"/>
              <a:gd name="connsiteX245" fmla="*/ 675971 w 11269336"/>
              <a:gd name="connsiteY245" fmla="*/ 2304030 h 2323145"/>
              <a:gd name="connsiteX246" fmla="*/ 624180 w 11269336"/>
              <a:gd name="connsiteY246" fmla="*/ 2302650 h 2323145"/>
              <a:gd name="connsiteX247" fmla="*/ 583453 w 11269336"/>
              <a:gd name="connsiteY247" fmla="*/ 2288788 h 2323145"/>
              <a:gd name="connsiteX248" fmla="*/ 540946 w 11269336"/>
              <a:gd name="connsiteY248" fmla="*/ 2292721 h 2323145"/>
              <a:gd name="connsiteX249" fmla="*/ 533680 w 11269336"/>
              <a:gd name="connsiteY249" fmla="*/ 2310233 h 2323145"/>
              <a:gd name="connsiteX250" fmla="*/ 487366 w 11269336"/>
              <a:gd name="connsiteY250" fmla="*/ 2309053 h 2323145"/>
              <a:gd name="connsiteX251" fmla="*/ 416820 w 11269336"/>
              <a:gd name="connsiteY251" fmla="*/ 2305443 h 2323145"/>
              <a:gd name="connsiteX252" fmla="*/ 376805 w 11269336"/>
              <a:gd name="connsiteY252" fmla="*/ 2307647 h 2323145"/>
              <a:gd name="connsiteX253" fmla="*/ 266777 w 11269336"/>
              <a:gd name="connsiteY253" fmla="*/ 2309012 h 2323145"/>
              <a:gd name="connsiteX254" fmla="*/ 156013 w 11269336"/>
              <a:gd name="connsiteY254" fmla="*/ 2306832 h 2323145"/>
              <a:gd name="connsiteX255" fmla="*/ 87258 w 11269336"/>
              <a:gd name="connsiteY255" fmla="*/ 2285511 h 2323145"/>
              <a:gd name="connsiteX256" fmla="*/ 23798 w 11269336"/>
              <a:gd name="connsiteY256" fmla="*/ 2281822 h 2323145"/>
              <a:gd name="connsiteX257" fmla="*/ 0 w 11269336"/>
              <a:gd name="connsiteY257" fmla="*/ 2285369 h 2323145"/>
              <a:gd name="connsiteX258" fmla="*/ 0 w 11269336"/>
              <a:gd name="connsiteY258"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59937 w 11269336"/>
              <a:gd name="connsiteY144" fmla="*/ 2195182 h 2323145"/>
              <a:gd name="connsiteX145" fmla="*/ 4433312 w 11269336"/>
              <a:gd name="connsiteY145" fmla="*/ 2199004 h 2323145"/>
              <a:gd name="connsiteX146" fmla="*/ 4420601 w 11269336"/>
              <a:gd name="connsiteY146" fmla="*/ 2205158 h 2323145"/>
              <a:gd name="connsiteX147" fmla="*/ 4405765 w 11269336"/>
              <a:gd name="connsiteY147" fmla="*/ 2199902 h 2323145"/>
              <a:gd name="connsiteX148" fmla="*/ 4401354 w 11269336"/>
              <a:gd name="connsiteY148" fmla="*/ 2194745 h 2323145"/>
              <a:gd name="connsiteX149" fmla="*/ 4366646 w 11269336"/>
              <a:gd name="connsiteY149" fmla="*/ 2198564 h 2323145"/>
              <a:gd name="connsiteX150" fmla="*/ 4354009 w 11269336"/>
              <a:gd name="connsiteY150" fmla="*/ 2204984 h 2323145"/>
              <a:gd name="connsiteX151" fmla="*/ 4348284 w 11269336"/>
              <a:gd name="connsiteY151" fmla="*/ 2205270 h 2323145"/>
              <a:gd name="connsiteX152" fmla="*/ 4333906 w 11269336"/>
              <a:gd name="connsiteY152" fmla="*/ 2205251 h 2323145"/>
              <a:gd name="connsiteX153" fmla="*/ 4308819 w 11269336"/>
              <a:gd name="connsiteY153" fmla="*/ 2203822 h 2323145"/>
              <a:gd name="connsiteX154" fmla="*/ 4301210 w 11269336"/>
              <a:gd name="connsiteY154" fmla="*/ 2204456 h 2323145"/>
              <a:gd name="connsiteX155" fmla="*/ 4283095 w 11269336"/>
              <a:gd name="connsiteY155" fmla="*/ 2198177 h 2323145"/>
              <a:gd name="connsiteX156" fmla="*/ 4250119 w 11269336"/>
              <a:gd name="connsiteY156" fmla="*/ 2196342 h 2323145"/>
              <a:gd name="connsiteX157" fmla="*/ 4189203 w 11269336"/>
              <a:gd name="connsiteY157" fmla="*/ 2178994 h 2323145"/>
              <a:gd name="connsiteX158" fmla="*/ 4154035 w 11269336"/>
              <a:gd name="connsiteY158" fmla="*/ 2171950 h 2323145"/>
              <a:gd name="connsiteX159" fmla="*/ 4129569 w 11269336"/>
              <a:gd name="connsiteY159" fmla="*/ 2163850 h 2323145"/>
              <a:gd name="connsiteX160" fmla="*/ 4061250 w 11269336"/>
              <a:gd name="connsiteY160" fmla="*/ 2159236 h 2323145"/>
              <a:gd name="connsiteX161" fmla="*/ 3945480 w 11269336"/>
              <a:gd name="connsiteY161" fmla="*/ 2158279 h 2323145"/>
              <a:gd name="connsiteX162" fmla="*/ 3921468 w 11269336"/>
              <a:gd name="connsiteY162" fmla="*/ 2156588 h 2323145"/>
              <a:gd name="connsiteX163" fmla="*/ 3903348 w 11269336"/>
              <a:gd name="connsiteY163" fmla="*/ 2149220 h 2323145"/>
              <a:gd name="connsiteX164" fmla="*/ 3901342 w 11269336"/>
              <a:gd name="connsiteY164" fmla="*/ 2142355 h 2323145"/>
              <a:gd name="connsiteX165" fmla="*/ 3888539 w 11269336"/>
              <a:gd name="connsiteY165" fmla="*/ 2140476 h 2323145"/>
              <a:gd name="connsiteX166" fmla="*/ 3885662 w 11269336"/>
              <a:gd name="connsiteY166" fmla="*/ 2138740 h 2323145"/>
              <a:gd name="connsiteX167" fmla="*/ 3868627 w 11269336"/>
              <a:gd name="connsiteY167" fmla="*/ 2130023 h 2323145"/>
              <a:gd name="connsiteX168" fmla="*/ 3819177 w 11269336"/>
              <a:gd name="connsiteY168" fmla="*/ 2142111 h 2323145"/>
              <a:gd name="connsiteX169" fmla="*/ 3769100 w 11269336"/>
              <a:gd name="connsiteY169" fmla="*/ 2131731 h 2323145"/>
              <a:gd name="connsiteX170" fmla="*/ 3562752 w 11269336"/>
              <a:gd name="connsiteY170" fmla="*/ 2131785 h 2323145"/>
              <a:gd name="connsiteX171" fmla="*/ 3541402 w 11269336"/>
              <a:gd name="connsiteY171" fmla="*/ 2106821 h 2323145"/>
              <a:gd name="connsiteX172" fmla="*/ 3365341 w 11269336"/>
              <a:gd name="connsiteY172" fmla="*/ 2077638 h 2323145"/>
              <a:gd name="connsiteX173" fmla="*/ 3170922 w 11269336"/>
              <a:gd name="connsiteY173" fmla="*/ 2115957 h 2323145"/>
              <a:gd name="connsiteX174" fmla="*/ 3156256 w 11269336"/>
              <a:gd name="connsiteY174" fmla="*/ 2124773 h 2323145"/>
              <a:gd name="connsiteX175" fmla="*/ 3140298 w 11269336"/>
              <a:gd name="connsiteY175" fmla="*/ 2129182 h 2323145"/>
              <a:gd name="connsiteX176" fmla="*/ 3138514 w 11269336"/>
              <a:gd name="connsiteY176" fmla="*/ 2128069 h 2323145"/>
              <a:gd name="connsiteX177" fmla="*/ 3120467 w 11269336"/>
              <a:gd name="connsiteY177" fmla="*/ 2128281 h 2323145"/>
              <a:gd name="connsiteX178" fmla="*/ 3116175 w 11269336"/>
              <a:gd name="connsiteY178" fmla="*/ 2131633 h 2323145"/>
              <a:gd name="connsiteX179" fmla="*/ 3103685 w 11269336"/>
              <a:gd name="connsiteY179" fmla="*/ 2132814 h 2323145"/>
              <a:gd name="connsiteX180" fmla="*/ 3078794 w 11269336"/>
              <a:gd name="connsiteY180" fmla="*/ 2137935 h 2323145"/>
              <a:gd name="connsiteX181" fmla="*/ 3074407 w 11269336"/>
              <a:gd name="connsiteY181" fmla="*/ 2136274 h 2323145"/>
              <a:gd name="connsiteX182" fmla="*/ 3037285 w 11269336"/>
              <a:gd name="connsiteY182" fmla="*/ 2139919 h 2323145"/>
              <a:gd name="connsiteX183" fmla="*/ 3036901 w 11269336"/>
              <a:gd name="connsiteY183" fmla="*/ 2138726 h 2323145"/>
              <a:gd name="connsiteX184" fmla="*/ 3026996 w 11269336"/>
              <a:gd name="connsiteY184" fmla="*/ 2134322 h 2323145"/>
              <a:gd name="connsiteX185" fmla="*/ 3007772 w 11269336"/>
              <a:gd name="connsiteY185" fmla="*/ 2128742 h 2323145"/>
              <a:gd name="connsiteX186" fmla="*/ 2965030 w 11269336"/>
              <a:gd name="connsiteY186" fmla="*/ 2100494 h 2323145"/>
              <a:gd name="connsiteX187" fmla="*/ 2926342 w 11269336"/>
              <a:gd name="connsiteY187" fmla="*/ 2104155 h 2323145"/>
              <a:gd name="connsiteX188" fmla="*/ 2918608 w 11269336"/>
              <a:gd name="connsiteY188" fmla="*/ 2104215 h 2323145"/>
              <a:gd name="connsiteX189" fmla="*/ 2918475 w 11269336"/>
              <a:gd name="connsiteY189" fmla="*/ 2103937 h 2323145"/>
              <a:gd name="connsiteX190" fmla="*/ 2910360 w 11269336"/>
              <a:gd name="connsiteY190" fmla="*/ 2103444 h 2323145"/>
              <a:gd name="connsiteX191" fmla="*/ 2904507 w 11269336"/>
              <a:gd name="connsiteY191" fmla="*/ 2104326 h 2323145"/>
              <a:gd name="connsiteX192" fmla="*/ 2889503 w 11269336"/>
              <a:gd name="connsiteY192" fmla="*/ 2104443 h 2323145"/>
              <a:gd name="connsiteX193" fmla="*/ 2884480 w 11269336"/>
              <a:gd name="connsiteY193" fmla="*/ 2102626 h 2323145"/>
              <a:gd name="connsiteX194" fmla="*/ 2882689 w 11269336"/>
              <a:gd name="connsiteY194" fmla="*/ 2099228 h 2323145"/>
              <a:gd name="connsiteX195" fmla="*/ 2881291 w 11269336"/>
              <a:gd name="connsiteY195" fmla="*/ 2099618 h 2323145"/>
              <a:gd name="connsiteX196" fmla="*/ 2853979 w 11269336"/>
              <a:gd name="connsiteY196" fmla="*/ 2090388 h 2323145"/>
              <a:gd name="connsiteX197" fmla="*/ 2791790 w 11269336"/>
              <a:gd name="connsiteY197" fmla="*/ 2080332 h 2323145"/>
              <a:gd name="connsiteX198" fmla="*/ 2755844 w 11269336"/>
              <a:gd name="connsiteY198" fmla="*/ 2078874 h 2323145"/>
              <a:gd name="connsiteX199" fmla="*/ 2657742 w 11269336"/>
              <a:gd name="connsiteY199" fmla="*/ 2070179 h 2323145"/>
              <a:gd name="connsiteX200" fmla="*/ 2559549 w 11269336"/>
              <a:gd name="connsiteY200" fmla="*/ 2057873 h 2323145"/>
              <a:gd name="connsiteX201" fmla="*/ 2512054 w 11269336"/>
              <a:gd name="connsiteY201" fmla="*/ 2031671 h 2323145"/>
              <a:gd name="connsiteX202" fmla="*/ 2506437 w 11269336"/>
              <a:gd name="connsiteY202" fmla="*/ 2030918 h 2323145"/>
              <a:gd name="connsiteX203" fmla="*/ 2491752 w 11269336"/>
              <a:gd name="connsiteY203" fmla="*/ 2033906 h 2323145"/>
              <a:gd name="connsiteX204" fmla="*/ 2486338 w 11269336"/>
              <a:gd name="connsiteY204" fmla="*/ 2035862 h 2323145"/>
              <a:gd name="connsiteX205" fmla="*/ 2478186 w 11269336"/>
              <a:gd name="connsiteY205" fmla="*/ 2036953 h 2323145"/>
              <a:gd name="connsiteX206" fmla="*/ 2477950 w 11269336"/>
              <a:gd name="connsiteY206" fmla="*/ 2036715 h 2323145"/>
              <a:gd name="connsiteX207" fmla="*/ 2470381 w 11269336"/>
              <a:gd name="connsiteY207" fmla="*/ 2038256 h 2323145"/>
              <a:gd name="connsiteX208" fmla="*/ 2433781 w 11269336"/>
              <a:gd name="connsiteY208" fmla="*/ 2049140 h 2323145"/>
              <a:gd name="connsiteX209" fmla="*/ 2381172 w 11269336"/>
              <a:gd name="connsiteY209" fmla="*/ 2030645 h 2323145"/>
              <a:gd name="connsiteX210" fmla="*/ 2360198 w 11269336"/>
              <a:gd name="connsiteY210" fmla="*/ 2029059 h 2323145"/>
              <a:gd name="connsiteX211" fmla="*/ 2348815 w 11269336"/>
              <a:gd name="connsiteY211" fmla="*/ 2026798 h 2323145"/>
              <a:gd name="connsiteX212" fmla="*/ 2347988 w 11269336"/>
              <a:gd name="connsiteY212" fmla="*/ 2025745 h 2323145"/>
              <a:gd name="connsiteX213" fmla="*/ 2312920 w 11269336"/>
              <a:gd name="connsiteY213" fmla="*/ 2036311 h 2323145"/>
              <a:gd name="connsiteX214" fmla="*/ 2307986 w 11269336"/>
              <a:gd name="connsiteY214" fmla="*/ 2035583 h 2323145"/>
              <a:gd name="connsiteX215" fmla="*/ 2285481 w 11269336"/>
              <a:gd name="connsiteY215" fmla="*/ 2045197 h 2323145"/>
              <a:gd name="connsiteX216" fmla="*/ 2273666 w 11269336"/>
              <a:gd name="connsiteY216" fmla="*/ 2048710 h 2323145"/>
              <a:gd name="connsiteX217" fmla="*/ 2270719 w 11269336"/>
              <a:gd name="connsiteY217" fmla="*/ 2052702 h 2323145"/>
              <a:gd name="connsiteX218" fmla="*/ 2253080 w 11269336"/>
              <a:gd name="connsiteY218" fmla="*/ 2056363 h 2323145"/>
              <a:gd name="connsiteX219" fmla="*/ 2250906 w 11269336"/>
              <a:gd name="connsiteY219" fmla="*/ 2055654 h 2323145"/>
              <a:gd name="connsiteX220" fmla="*/ 2236905 w 11269336"/>
              <a:gd name="connsiteY220" fmla="*/ 2062882 h 2323145"/>
              <a:gd name="connsiteX221" fmla="*/ 2225830 w 11269336"/>
              <a:gd name="connsiteY221" fmla="*/ 2074027 h 2323145"/>
              <a:gd name="connsiteX222" fmla="*/ 2073776 w 11269336"/>
              <a:gd name="connsiteY222" fmla="*/ 2089244 h 2323145"/>
              <a:gd name="connsiteX223" fmla="*/ 1948256 w 11269336"/>
              <a:gd name="connsiteY223" fmla="*/ 2146616 h 2323145"/>
              <a:gd name="connsiteX224" fmla="*/ 1865582 w 11269336"/>
              <a:gd name="connsiteY224" fmla="*/ 2153738 h 2323145"/>
              <a:gd name="connsiteX225" fmla="*/ 1835210 w 11269336"/>
              <a:gd name="connsiteY225" fmla="*/ 2134244 h 2323145"/>
              <a:gd name="connsiteX226" fmla="*/ 1632661 w 11269336"/>
              <a:gd name="connsiteY226" fmla="*/ 2173882 h 2323145"/>
              <a:gd name="connsiteX227" fmla="*/ 1579590 w 11269336"/>
              <a:gd name="connsiteY227" fmla="*/ 2173680 h 2323145"/>
              <a:gd name="connsiteX228" fmla="*/ 1535601 w 11269336"/>
              <a:gd name="connsiteY228" fmla="*/ 2194590 h 2323145"/>
              <a:gd name="connsiteX229" fmla="*/ 1515594 w 11269336"/>
              <a:gd name="connsiteY229" fmla="*/ 2189622 h 2323145"/>
              <a:gd name="connsiteX230" fmla="*/ 1512113 w 11269336"/>
              <a:gd name="connsiteY230" fmla="*/ 2188534 h 2323145"/>
              <a:gd name="connsiteX231" fmla="*/ 1498838 w 11269336"/>
              <a:gd name="connsiteY231" fmla="*/ 2189213 h 2323145"/>
              <a:gd name="connsiteX232" fmla="*/ 1494279 w 11269336"/>
              <a:gd name="connsiteY232" fmla="*/ 2183112 h 2323145"/>
              <a:gd name="connsiteX233" fmla="*/ 1473714 w 11269336"/>
              <a:gd name="connsiteY233" fmla="*/ 2179625 h 2323145"/>
              <a:gd name="connsiteX234" fmla="*/ 1449503 w 11269336"/>
              <a:gd name="connsiteY234" fmla="*/ 2182633 h 2323145"/>
              <a:gd name="connsiteX235" fmla="*/ 1266687 w 11269336"/>
              <a:gd name="connsiteY235" fmla="*/ 2212688 h 2323145"/>
              <a:gd name="connsiteX236" fmla="*/ 1239614 w 11269336"/>
              <a:gd name="connsiteY236" fmla="*/ 2209727 h 2323145"/>
              <a:gd name="connsiteX237" fmla="*/ 1202436 w 11269336"/>
              <a:gd name="connsiteY237" fmla="*/ 2209817 h 2323145"/>
              <a:gd name="connsiteX238" fmla="*/ 1136097 w 11269336"/>
              <a:gd name="connsiteY238" fmla="*/ 2205112 h 2323145"/>
              <a:gd name="connsiteX239" fmla="*/ 988232 w 11269336"/>
              <a:gd name="connsiteY239" fmla="*/ 2235635 h 2323145"/>
              <a:gd name="connsiteX240" fmla="*/ 981959 w 11269336"/>
              <a:gd name="connsiteY240" fmla="*/ 2231607 h 2323145"/>
              <a:gd name="connsiteX241" fmla="*/ 938600 w 11269336"/>
              <a:gd name="connsiteY241" fmla="*/ 2238113 h 2323145"/>
              <a:gd name="connsiteX242" fmla="*/ 791788 w 11269336"/>
              <a:gd name="connsiteY242" fmla="*/ 2293224 h 2323145"/>
              <a:gd name="connsiteX243" fmla="*/ 706914 w 11269336"/>
              <a:gd name="connsiteY243" fmla="*/ 2305046 h 2323145"/>
              <a:gd name="connsiteX244" fmla="*/ 675971 w 11269336"/>
              <a:gd name="connsiteY244" fmla="*/ 2304030 h 2323145"/>
              <a:gd name="connsiteX245" fmla="*/ 624180 w 11269336"/>
              <a:gd name="connsiteY245" fmla="*/ 2302650 h 2323145"/>
              <a:gd name="connsiteX246" fmla="*/ 583453 w 11269336"/>
              <a:gd name="connsiteY246" fmla="*/ 2288788 h 2323145"/>
              <a:gd name="connsiteX247" fmla="*/ 540946 w 11269336"/>
              <a:gd name="connsiteY247" fmla="*/ 2292721 h 2323145"/>
              <a:gd name="connsiteX248" fmla="*/ 533680 w 11269336"/>
              <a:gd name="connsiteY248" fmla="*/ 2310233 h 2323145"/>
              <a:gd name="connsiteX249" fmla="*/ 487366 w 11269336"/>
              <a:gd name="connsiteY249" fmla="*/ 2309053 h 2323145"/>
              <a:gd name="connsiteX250" fmla="*/ 416820 w 11269336"/>
              <a:gd name="connsiteY250" fmla="*/ 2305443 h 2323145"/>
              <a:gd name="connsiteX251" fmla="*/ 376805 w 11269336"/>
              <a:gd name="connsiteY251" fmla="*/ 2307647 h 2323145"/>
              <a:gd name="connsiteX252" fmla="*/ 266777 w 11269336"/>
              <a:gd name="connsiteY252" fmla="*/ 2309012 h 2323145"/>
              <a:gd name="connsiteX253" fmla="*/ 156013 w 11269336"/>
              <a:gd name="connsiteY253" fmla="*/ 2306832 h 2323145"/>
              <a:gd name="connsiteX254" fmla="*/ 87258 w 11269336"/>
              <a:gd name="connsiteY254" fmla="*/ 2285511 h 2323145"/>
              <a:gd name="connsiteX255" fmla="*/ 23798 w 11269336"/>
              <a:gd name="connsiteY255" fmla="*/ 2281822 h 2323145"/>
              <a:gd name="connsiteX256" fmla="*/ 0 w 11269336"/>
              <a:gd name="connsiteY256" fmla="*/ 2285369 h 2323145"/>
              <a:gd name="connsiteX257" fmla="*/ 0 w 11269336"/>
              <a:gd name="connsiteY257"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59937 w 11269336"/>
              <a:gd name="connsiteY144" fmla="*/ 2195182 h 2323145"/>
              <a:gd name="connsiteX145" fmla="*/ 4433312 w 11269336"/>
              <a:gd name="connsiteY145" fmla="*/ 2199004 h 2323145"/>
              <a:gd name="connsiteX146" fmla="*/ 4405765 w 11269336"/>
              <a:gd name="connsiteY146" fmla="*/ 2199902 h 2323145"/>
              <a:gd name="connsiteX147" fmla="*/ 4401354 w 11269336"/>
              <a:gd name="connsiteY147" fmla="*/ 2194745 h 2323145"/>
              <a:gd name="connsiteX148" fmla="*/ 4366646 w 11269336"/>
              <a:gd name="connsiteY148" fmla="*/ 2198564 h 2323145"/>
              <a:gd name="connsiteX149" fmla="*/ 4354009 w 11269336"/>
              <a:gd name="connsiteY149" fmla="*/ 2204984 h 2323145"/>
              <a:gd name="connsiteX150" fmla="*/ 4348284 w 11269336"/>
              <a:gd name="connsiteY150" fmla="*/ 2205270 h 2323145"/>
              <a:gd name="connsiteX151" fmla="*/ 4333906 w 11269336"/>
              <a:gd name="connsiteY151" fmla="*/ 2205251 h 2323145"/>
              <a:gd name="connsiteX152" fmla="*/ 4308819 w 11269336"/>
              <a:gd name="connsiteY152" fmla="*/ 2203822 h 2323145"/>
              <a:gd name="connsiteX153" fmla="*/ 4301210 w 11269336"/>
              <a:gd name="connsiteY153" fmla="*/ 2204456 h 2323145"/>
              <a:gd name="connsiteX154" fmla="*/ 4283095 w 11269336"/>
              <a:gd name="connsiteY154" fmla="*/ 2198177 h 2323145"/>
              <a:gd name="connsiteX155" fmla="*/ 4250119 w 11269336"/>
              <a:gd name="connsiteY155" fmla="*/ 2196342 h 2323145"/>
              <a:gd name="connsiteX156" fmla="*/ 4189203 w 11269336"/>
              <a:gd name="connsiteY156" fmla="*/ 2178994 h 2323145"/>
              <a:gd name="connsiteX157" fmla="*/ 4154035 w 11269336"/>
              <a:gd name="connsiteY157" fmla="*/ 2171950 h 2323145"/>
              <a:gd name="connsiteX158" fmla="*/ 4129569 w 11269336"/>
              <a:gd name="connsiteY158" fmla="*/ 2163850 h 2323145"/>
              <a:gd name="connsiteX159" fmla="*/ 4061250 w 11269336"/>
              <a:gd name="connsiteY159" fmla="*/ 2159236 h 2323145"/>
              <a:gd name="connsiteX160" fmla="*/ 3945480 w 11269336"/>
              <a:gd name="connsiteY160" fmla="*/ 2158279 h 2323145"/>
              <a:gd name="connsiteX161" fmla="*/ 3921468 w 11269336"/>
              <a:gd name="connsiteY161" fmla="*/ 2156588 h 2323145"/>
              <a:gd name="connsiteX162" fmla="*/ 3903348 w 11269336"/>
              <a:gd name="connsiteY162" fmla="*/ 2149220 h 2323145"/>
              <a:gd name="connsiteX163" fmla="*/ 3901342 w 11269336"/>
              <a:gd name="connsiteY163" fmla="*/ 2142355 h 2323145"/>
              <a:gd name="connsiteX164" fmla="*/ 3888539 w 11269336"/>
              <a:gd name="connsiteY164" fmla="*/ 2140476 h 2323145"/>
              <a:gd name="connsiteX165" fmla="*/ 3885662 w 11269336"/>
              <a:gd name="connsiteY165" fmla="*/ 2138740 h 2323145"/>
              <a:gd name="connsiteX166" fmla="*/ 3868627 w 11269336"/>
              <a:gd name="connsiteY166" fmla="*/ 2130023 h 2323145"/>
              <a:gd name="connsiteX167" fmla="*/ 3819177 w 11269336"/>
              <a:gd name="connsiteY167" fmla="*/ 2142111 h 2323145"/>
              <a:gd name="connsiteX168" fmla="*/ 3769100 w 11269336"/>
              <a:gd name="connsiteY168" fmla="*/ 2131731 h 2323145"/>
              <a:gd name="connsiteX169" fmla="*/ 3562752 w 11269336"/>
              <a:gd name="connsiteY169" fmla="*/ 2131785 h 2323145"/>
              <a:gd name="connsiteX170" fmla="*/ 3541402 w 11269336"/>
              <a:gd name="connsiteY170" fmla="*/ 2106821 h 2323145"/>
              <a:gd name="connsiteX171" fmla="*/ 3365341 w 11269336"/>
              <a:gd name="connsiteY171" fmla="*/ 2077638 h 2323145"/>
              <a:gd name="connsiteX172" fmla="*/ 3170922 w 11269336"/>
              <a:gd name="connsiteY172" fmla="*/ 2115957 h 2323145"/>
              <a:gd name="connsiteX173" fmla="*/ 3156256 w 11269336"/>
              <a:gd name="connsiteY173" fmla="*/ 2124773 h 2323145"/>
              <a:gd name="connsiteX174" fmla="*/ 3140298 w 11269336"/>
              <a:gd name="connsiteY174" fmla="*/ 2129182 h 2323145"/>
              <a:gd name="connsiteX175" fmla="*/ 3138514 w 11269336"/>
              <a:gd name="connsiteY175" fmla="*/ 2128069 h 2323145"/>
              <a:gd name="connsiteX176" fmla="*/ 3120467 w 11269336"/>
              <a:gd name="connsiteY176" fmla="*/ 2128281 h 2323145"/>
              <a:gd name="connsiteX177" fmla="*/ 3116175 w 11269336"/>
              <a:gd name="connsiteY177" fmla="*/ 2131633 h 2323145"/>
              <a:gd name="connsiteX178" fmla="*/ 3103685 w 11269336"/>
              <a:gd name="connsiteY178" fmla="*/ 2132814 h 2323145"/>
              <a:gd name="connsiteX179" fmla="*/ 3078794 w 11269336"/>
              <a:gd name="connsiteY179" fmla="*/ 2137935 h 2323145"/>
              <a:gd name="connsiteX180" fmla="*/ 3074407 w 11269336"/>
              <a:gd name="connsiteY180" fmla="*/ 2136274 h 2323145"/>
              <a:gd name="connsiteX181" fmla="*/ 3037285 w 11269336"/>
              <a:gd name="connsiteY181" fmla="*/ 2139919 h 2323145"/>
              <a:gd name="connsiteX182" fmla="*/ 3036901 w 11269336"/>
              <a:gd name="connsiteY182" fmla="*/ 2138726 h 2323145"/>
              <a:gd name="connsiteX183" fmla="*/ 3026996 w 11269336"/>
              <a:gd name="connsiteY183" fmla="*/ 2134322 h 2323145"/>
              <a:gd name="connsiteX184" fmla="*/ 3007772 w 11269336"/>
              <a:gd name="connsiteY184" fmla="*/ 2128742 h 2323145"/>
              <a:gd name="connsiteX185" fmla="*/ 2965030 w 11269336"/>
              <a:gd name="connsiteY185" fmla="*/ 2100494 h 2323145"/>
              <a:gd name="connsiteX186" fmla="*/ 2926342 w 11269336"/>
              <a:gd name="connsiteY186" fmla="*/ 2104155 h 2323145"/>
              <a:gd name="connsiteX187" fmla="*/ 2918608 w 11269336"/>
              <a:gd name="connsiteY187" fmla="*/ 2104215 h 2323145"/>
              <a:gd name="connsiteX188" fmla="*/ 2918475 w 11269336"/>
              <a:gd name="connsiteY188" fmla="*/ 2103937 h 2323145"/>
              <a:gd name="connsiteX189" fmla="*/ 2910360 w 11269336"/>
              <a:gd name="connsiteY189" fmla="*/ 2103444 h 2323145"/>
              <a:gd name="connsiteX190" fmla="*/ 2904507 w 11269336"/>
              <a:gd name="connsiteY190" fmla="*/ 2104326 h 2323145"/>
              <a:gd name="connsiteX191" fmla="*/ 2889503 w 11269336"/>
              <a:gd name="connsiteY191" fmla="*/ 2104443 h 2323145"/>
              <a:gd name="connsiteX192" fmla="*/ 2884480 w 11269336"/>
              <a:gd name="connsiteY192" fmla="*/ 2102626 h 2323145"/>
              <a:gd name="connsiteX193" fmla="*/ 2882689 w 11269336"/>
              <a:gd name="connsiteY193" fmla="*/ 2099228 h 2323145"/>
              <a:gd name="connsiteX194" fmla="*/ 2881291 w 11269336"/>
              <a:gd name="connsiteY194" fmla="*/ 2099618 h 2323145"/>
              <a:gd name="connsiteX195" fmla="*/ 2853979 w 11269336"/>
              <a:gd name="connsiteY195" fmla="*/ 2090388 h 2323145"/>
              <a:gd name="connsiteX196" fmla="*/ 2791790 w 11269336"/>
              <a:gd name="connsiteY196" fmla="*/ 2080332 h 2323145"/>
              <a:gd name="connsiteX197" fmla="*/ 2755844 w 11269336"/>
              <a:gd name="connsiteY197" fmla="*/ 2078874 h 2323145"/>
              <a:gd name="connsiteX198" fmla="*/ 2657742 w 11269336"/>
              <a:gd name="connsiteY198" fmla="*/ 2070179 h 2323145"/>
              <a:gd name="connsiteX199" fmla="*/ 2559549 w 11269336"/>
              <a:gd name="connsiteY199" fmla="*/ 2057873 h 2323145"/>
              <a:gd name="connsiteX200" fmla="*/ 2512054 w 11269336"/>
              <a:gd name="connsiteY200" fmla="*/ 2031671 h 2323145"/>
              <a:gd name="connsiteX201" fmla="*/ 2506437 w 11269336"/>
              <a:gd name="connsiteY201" fmla="*/ 2030918 h 2323145"/>
              <a:gd name="connsiteX202" fmla="*/ 2491752 w 11269336"/>
              <a:gd name="connsiteY202" fmla="*/ 2033906 h 2323145"/>
              <a:gd name="connsiteX203" fmla="*/ 2486338 w 11269336"/>
              <a:gd name="connsiteY203" fmla="*/ 2035862 h 2323145"/>
              <a:gd name="connsiteX204" fmla="*/ 2478186 w 11269336"/>
              <a:gd name="connsiteY204" fmla="*/ 2036953 h 2323145"/>
              <a:gd name="connsiteX205" fmla="*/ 2477950 w 11269336"/>
              <a:gd name="connsiteY205" fmla="*/ 2036715 h 2323145"/>
              <a:gd name="connsiteX206" fmla="*/ 2470381 w 11269336"/>
              <a:gd name="connsiteY206" fmla="*/ 2038256 h 2323145"/>
              <a:gd name="connsiteX207" fmla="*/ 2433781 w 11269336"/>
              <a:gd name="connsiteY207" fmla="*/ 2049140 h 2323145"/>
              <a:gd name="connsiteX208" fmla="*/ 2381172 w 11269336"/>
              <a:gd name="connsiteY208" fmla="*/ 2030645 h 2323145"/>
              <a:gd name="connsiteX209" fmla="*/ 2360198 w 11269336"/>
              <a:gd name="connsiteY209" fmla="*/ 2029059 h 2323145"/>
              <a:gd name="connsiteX210" fmla="*/ 2348815 w 11269336"/>
              <a:gd name="connsiteY210" fmla="*/ 2026798 h 2323145"/>
              <a:gd name="connsiteX211" fmla="*/ 2347988 w 11269336"/>
              <a:gd name="connsiteY211" fmla="*/ 2025745 h 2323145"/>
              <a:gd name="connsiteX212" fmla="*/ 2312920 w 11269336"/>
              <a:gd name="connsiteY212" fmla="*/ 2036311 h 2323145"/>
              <a:gd name="connsiteX213" fmla="*/ 2307986 w 11269336"/>
              <a:gd name="connsiteY213" fmla="*/ 2035583 h 2323145"/>
              <a:gd name="connsiteX214" fmla="*/ 2285481 w 11269336"/>
              <a:gd name="connsiteY214" fmla="*/ 2045197 h 2323145"/>
              <a:gd name="connsiteX215" fmla="*/ 2273666 w 11269336"/>
              <a:gd name="connsiteY215" fmla="*/ 2048710 h 2323145"/>
              <a:gd name="connsiteX216" fmla="*/ 2270719 w 11269336"/>
              <a:gd name="connsiteY216" fmla="*/ 2052702 h 2323145"/>
              <a:gd name="connsiteX217" fmla="*/ 2253080 w 11269336"/>
              <a:gd name="connsiteY217" fmla="*/ 2056363 h 2323145"/>
              <a:gd name="connsiteX218" fmla="*/ 2250906 w 11269336"/>
              <a:gd name="connsiteY218" fmla="*/ 2055654 h 2323145"/>
              <a:gd name="connsiteX219" fmla="*/ 2236905 w 11269336"/>
              <a:gd name="connsiteY219" fmla="*/ 2062882 h 2323145"/>
              <a:gd name="connsiteX220" fmla="*/ 2225830 w 11269336"/>
              <a:gd name="connsiteY220" fmla="*/ 2074027 h 2323145"/>
              <a:gd name="connsiteX221" fmla="*/ 2073776 w 11269336"/>
              <a:gd name="connsiteY221" fmla="*/ 2089244 h 2323145"/>
              <a:gd name="connsiteX222" fmla="*/ 1948256 w 11269336"/>
              <a:gd name="connsiteY222" fmla="*/ 2146616 h 2323145"/>
              <a:gd name="connsiteX223" fmla="*/ 1865582 w 11269336"/>
              <a:gd name="connsiteY223" fmla="*/ 2153738 h 2323145"/>
              <a:gd name="connsiteX224" fmla="*/ 1835210 w 11269336"/>
              <a:gd name="connsiteY224" fmla="*/ 2134244 h 2323145"/>
              <a:gd name="connsiteX225" fmla="*/ 1632661 w 11269336"/>
              <a:gd name="connsiteY225" fmla="*/ 2173882 h 2323145"/>
              <a:gd name="connsiteX226" fmla="*/ 1579590 w 11269336"/>
              <a:gd name="connsiteY226" fmla="*/ 2173680 h 2323145"/>
              <a:gd name="connsiteX227" fmla="*/ 1535601 w 11269336"/>
              <a:gd name="connsiteY227" fmla="*/ 2194590 h 2323145"/>
              <a:gd name="connsiteX228" fmla="*/ 1515594 w 11269336"/>
              <a:gd name="connsiteY228" fmla="*/ 2189622 h 2323145"/>
              <a:gd name="connsiteX229" fmla="*/ 1512113 w 11269336"/>
              <a:gd name="connsiteY229" fmla="*/ 2188534 h 2323145"/>
              <a:gd name="connsiteX230" fmla="*/ 1498838 w 11269336"/>
              <a:gd name="connsiteY230" fmla="*/ 2189213 h 2323145"/>
              <a:gd name="connsiteX231" fmla="*/ 1494279 w 11269336"/>
              <a:gd name="connsiteY231" fmla="*/ 2183112 h 2323145"/>
              <a:gd name="connsiteX232" fmla="*/ 1473714 w 11269336"/>
              <a:gd name="connsiteY232" fmla="*/ 2179625 h 2323145"/>
              <a:gd name="connsiteX233" fmla="*/ 1449503 w 11269336"/>
              <a:gd name="connsiteY233" fmla="*/ 2182633 h 2323145"/>
              <a:gd name="connsiteX234" fmla="*/ 1266687 w 11269336"/>
              <a:gd name="connsiteY234" fmla="*/ 2212688 h 2323145"/>
              <a:gd name="connsiteX235" fmla="*/ 1239614 w 11269336"/>
              <a:gd name="connsiteY235" fmla="*/ 2209727 h 2323145"/>
              <a:gd name="connsiteX236" fmla="*/ 1202436 w 11269336"/>
              <a:gd name="connsiteY236" fmla="*/ 2209817 h 2323145"/>
              <a:gd name="connsiteX237" fmla="*/ 1136097 w 11269336"/>
              <a:gd name="connsiteY237" fmla="*/ 2205112 h 2323145"/>
              <a:gd name="connsiteX238" fmla="*/ 988232 w 11269336"/>
              <a:gd name="connsiteY238" fmla="*/ 2235635 h 2323145"/>
              <a:gd name="connsiteX239" fmla="*/ 981959 w 11269336"/>
              <a:gd name="connsiteY239" fmla="*/ 2231607 h 2323145"/>
              <a:gd name="connsiteX240" fmla="*/ 938600 w 11269336"/>
              <a:gd name="connsiteY240" fmla="*/ 2238113 h 2323145"/>
              <a:gd name="connsiteX241" fmla="*/ 791788 w 11269336"/>
              <a:gd name="connsiteY241" fmla="*/ 2293224 h 2323145"/>
              <a:gd name="connsiteX242" fmla="*/ 706914 w 11269336"/>
              <a:gd name="connsiteY242" fmla="*/ 2305046 h 2323145"/>
              <a:gd name="connsiteX243" fmla="*/ 675971 w 11269336"/>
              <a:gd name="connsiteY243" fmla="*/ 2304030 h 2323145"/>
              <a:gd name="connsiteX244" fmla="*/ 624180 w 11269336"/>
              <a:gd name="connsiteY244" fmla="*/ 2302650 h 2323145"/>
              <a:gd name="connsiteX245" fmla="*/ 583453 w 11269336"/>
              <a:gd name="connsiteY245" fmla="*/ 2288788 h 2323145"/>
              <a:gd name="connsiteX246" fmla="*/ 540946 w 11269336"/>
              <a:gd name="connsiteY246" fmla="*/ 2292721 h 2323145"/>
              <a:gd name="connsiteX247" fmla="*/ 533680 w 11269336"/>
              <a:gd name="connsiteY247" fmla="*/ 2310233 h 2323145"/>
              <a:gd name="connsiteX248" fmla="*/ 487366 w 11269336"/>
              <a:gd name="connsiteY248" fmla="*/ 2309053 h 2323145"/>
              <a:gd name="connsiteX249" fmla="*/ 416820 w 11269336"/>
              <a:gd name="connsiteY249" fmla="*/ 2305443 h 2323145"/>
              <a:gd name="connsiteX250" fmla="*/ 376805 w 11269336"/>
              <a:gd name="connsiteY250" fmla="*/ 2307647 h 2323145"/>
              <a:gd name="connsiteX251" fmla="*/ 266777 w 11269336"/>
              <a:gd name="connsiteY251" fmla="*/ 2309012 h 2323145"/>
              <a:gd name="connsiteX252" fmla="*/ 156013 w 11269336"/>
              <a:gd name="connsiteY252" fmla="*/ 2306832 h 2323145"/>
              <a:gd name="connsiteX253" fmla="*/ 87258 w 11269336"/>
              <a:gd name="connsiteY253" fmla="*/ 2285511 h 2323145"/>
              <a:gd name="connsiteX254" fmla="*/ 23798 w 11269336"/>
              <a:gd name="connsiteY254" fmla="*/ 2281822 h 2323145"/>
              <a:gd name="connsiteX255" fmla="*/ 0 w 11269336"/>
              <a:gd name="connsiteY255" fmla="*/ 2285369 h 2323145"/>
              <a:gd name="connsiteX256" fmla="*/ 0 w 11269336"/>
              <a:gd name="connsiteY256"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59937 w 11269336"/>
              <a:gd name="connsiteY144" fmla="*/ 2195182 h 2323145"/>
              <a:gd name="connsiteX145" fmla="*/ 4405765 w 11269336"/>
              <a:gd name="connsiteY145" fmla="*/ 2199902 h 2323145"/>
              <a:gd name="connsiteX146" fmla="*/ 4401354 w 11269336"/>
              <a:gd name="connsiteY146" fmla="*/ 2194745 h 2323145"/>
              <a:gd name="connsiteX147" fmla="*/ 4366646 w 11269336"/>
              <a:gd name="connsiteY147" fmla="*/ 2198564 h 2323145"/>
              <a:gd name="connsiteX148" fmla="*/ 4354009 w 11269336"/>
              <a:gd name="connsiteY148" fmla="*/ 2204984 h 2323145"/>
              <a:gd name="connsiteX149" fmla="*/ 4348284 w 11269336"/>
              <a:gd name="connsiteY149" fmla="*/ 2205270 h 2323145"/>
              <a:gd name="connsiteX150" fmla="*/ 4333906 w 11269336"/>
              <a:gd name="connsiteY150" fmla="*/ 2205251 h 2323145"/>
              <a:gd name="connsiteX151" fmla="*/ 4308819 w 11269336"/>
              <a:gd name="connsiteY151" fmla="*/ 2203822 h 2323145"/>
              <a:gd name="connsiteX152" fmla="*/ 4301210 w 11269336"/>
              <a:gd name="connsiteY152" fmla="*/ 2204456 h 2323145"/>
              <a:gd name="connsiteX153" fmla="*/ 4283095 w 11269336"/>
              <a:gd name="connsiteY153" fmla="*/ 2198177 h 2323145"/>
              <a:gd name="connsiteX154" fmla="*/ 4250119 w 11269336"/>
              <a:gd name="connsiteY154" fmla="*/ 2196342 h 2323145"/>
              <a:gd name="connsiteX155" fmla="*/ 4189203 w 11269336"/>
              <a:gd name="connsiteY155" fmla="*/ 2178994 h 2323145"/>
              <a:gd name="connsiteX156" fmla="*/ 4154035 w 11269336"/>
              <a:gd name="connsiteY156" fmla="*/ 2171950 h 2323145"/>
              <a:gd name="connsiteX157" fmla="*/ 4129569 w 11269336"/>
              <a:gd name="connsiteY157" fmla="*/ 2163850 h 2323145"/>
              <a:gd name="connsiteX158" fmla="*/ 4061250 w 11269336"/>
              <a:gd name="connsiteY158" fmla="*/ 2159236 h 2323145"/>
              <a:gd name="connsiteX159" fmla="*/ 3945480 w 11269336"/>
              <a:gd name="connsiteY159" fmla="*/ 2158279 h 2323145"/>
              <a:gd name="connsiteX160" fmla="*/ 3921468 w 11269336"/>
              <a:gd name="connsiteY160" fmla="*/ 2156588 h 2323145"/>
              <a:gd name="connsiteX161" fmla="*/ 3903348 w 11269336"/>
              <a:gd name="connsiteY161" fmla="*/ 2149220 h 2323145"/>
              <a:gd name="connsiteX162" fmla="*/ 3901342 w 11269336"/>
              <a:gd name="connsiteY162" fmla="*/ 2142355 h 2323145"/>
              <a:gd name="connsiteX163" fmla="*/ 3888539 w 11269336"/>
              <a:gd name="connsiteY163" fmla="*/ 2140476 h 2323145"/>
              <a:gd name="connsiteX164" fmla="*/ 3885662 w 11269336"/>
              <a:gd name="connsiteY164" fmla="*/ 2138740 h 2323145"/>
              <a:gd name="connsiteX165" fmla="*/ 3868627 w 11269336"/>
              <a:gd name="connsiteY165" fmla="*/ 2130023 h 2323145"/>
              <a:gd name="connsiteX166" fmla="*/ 3819177 w 11269336"/>
              <a:gd name="connsiteY166" fmla="*/ 2142111 h 2323145"/>
              <a:gd name="connsiteX167" fmla="*/ 3769100 w 11269336"/>
              <a:gd name="connsiteY167" fmla="*/ 2131731 h 2323145"/>
              <a:gd name="connsiteX168" fmla="*/ 3562752 w 11269336"/>
              <a:gd name="connsiteY168" fmla="*/ 2131785 h 2323145"/>
              <a:gd name="connsiteX169" fmla="*/ 3541402 w 11269336"/>
              <a:gd name="connsiteY169" fmla="*/ 2106821 h 2323145"/>
              <a:gd name="connsiteX170" fmla="*/ 3365341 w 11269336"/>
              <a:gd name="connsiteY170" fmla="*/ 2077638 h 2323145"/>
              <a:gd name="connsiteX171" fmla="*/ 3170922 w 11269336"/>
              <a:gd name="connsiteY171" fmla="*/ 2115957 h 2323145"/>
              <a:gd name="connsiteX172" fmla="*/ 3156256 w 11269336"/>
              <a:gd name="connsiteY172" fmla="*/ 2124773 h 2323145"/>
              <a:gd name="connsiteX173" fmla="*/ 3140298 w 11269336"/>
              <a:gd name="connsiteY173" fmla="*/ 2129182 h 2323145"/>
              <a:gd name="connsiteX174" fmla="*/ 3138514 w 11269336"/>
              <a:gd name="connsiteY174" fmla="*/ 2128069 h 2323145"/>
              <a:gd name="connsiteX175" fmla="*/ 3120467 w 11269336"/>
              <a:gd name="connsiteY175" fmla="*/ 2128281 h 2323145"/>
              <a:gd name="connsiteX176" fmla="*/ 3116175 w 11269336"/>
              <a:gd name="connsiteY176" fmla="*/ 2131633 h 2323145"/>
              <a:gd name="connsiteX177" fmla="*/ 3103685 w 11269336"/>
              <a:gd name="connsiteY177" fmla="*/ 2132814 h 2323145"/>
              <a:gd name="connsiteX178" fmla="*/ 3078794 w 11269336"/>
              <a:gd name="connsiteY178" fmla="*/ 2137935 h 2323145"/>
              <a:gd name="connsiteX179" fmla="*/ 3074407 w 11269336"/>
              <a:gd name="connsiteY179" fmla="*/ 2136274 h 2323145"/>
              <a:gd name="connsiteX180" fmla="*/ 3037285 w 11269336"/>
              <a:gd name="connsiteY180" fmla="*/ 2139919 h 2323145"/>
              <a:gd name="connsiteX181" fmla="*/ 3036901 w 11269336"/>
              <a:gd name="connsiteY181" fmla="*/ 2138726 h 2323145"/>
              <a:gd name="connsiteX182" fmla="*/ 3026996 w 11269336"/>
              <a:gd name="connsiteY182" fmla="*/ 2134322 h 2323145"/>
              <a:gd name="connsiteX183" fmla="*/ 3007772 w 11269336"/>
              <a:gd name="connsiteY183" fmla="*/ 2128742 h 2323145"/>
              <a:gd name="connsiteX184" fmla="*/ 2965030 w 11269336"/>
              <a:gd name="connsiteY184" fmla="*/ 2100494 h 2323145"/>
              <a:gd name="connsiteX185" fmla="*/ 2926342 w 11269336"/>
              <a:gd name="connsiteY185" fmla="*/ 2104155 h 2323145"/>
              <a:gd name="connsiteX186" fmla="*/ 2918608 w 11269336"/>
              <a:gd name="connsiteY186" fmla="*/ 2104215 h 2323145"/>
              <a:gd name="connsiteX187" fmla="*/ 2918475 w 11269336"/>
              <a:gd name="connsiteY187" fmla="*/ 2103937 h 2323145"/>
              <a:gd name="connsiteX188" fmla="*/ 2910360 w 11269336"/>
              <a:gd name="connsiteY188" fmla="*/ 2103444 h 2323145"/>
              <a:gd name="connsiteX189" fmla="*/ 2904507 w 11269336"/>
              <a:gd name="connsiteY189" fmla="*/ 2104326 h 2323145"/>
              <a:gd name="connsiteX190" fmla="*/ 2889503 w 11269336"/>
              <a:gd name="connsiteY190" fmla="*/ 2104443 h 2323145"/>
              <a:gd name="connsiteX191" fmla="*/ 2884480 w 11269336"/>
              <a:gd name="connsiteY191" fmla="*/ 2102626 h 2323145"/>
              <a:gd name="connsiteX192" fmla="*/ 2882689 w 11269336"/>
              <a:gd name="connsiteY192" fmla="*/ 2099228 h 2323145"/>
              <a:gd name="connsiteX193" fmla="*/ 2881291 w 11269336"/>
              <a:gd name="connsiteY193" fmla="*/ 2099618 h 2323145"/>
              <a:gd name="connsiteX194" fmla="*/ 2853979 w 11269336"/>
              <a:gd name="connsiteY194" fmla="*/ 2090388 h 2323145"/>
              <a:gd name="connsiteX195" fmla="*/ 2791790 w 11269336"/>
              <a:gd name="connsiteY195" fmla="*/ 2080332 h 2323145"/>
              <a:gd name="connsiteX196" fmla="*/ 2755844 w 11269336"/>
              <a:gd name="connsiteY196" fmla="*/ 2078874 h 2323145"/>
              <a:gd name="connsiteX197" fmla="*/ 2657742 w 11269336"/>
              <a:gd name="connsiteY197" fmla="*/ 2070179 h 2323145"/>
              <a:gd name="connsiteX198" fmla="*/ 2559549 w 11269336"/>
              <a:gd name="connsiteY198" fmla="*/ 2057873 h 2323145"/>
              <a:gd name="connsiteX199" fmla="*/ 2512054 w 11269336"/>
              <a:gd name="connsiteY199" fmla="*/ 2031671 h 2323145"/>
              <a:gd name="connsiteX200" fmla="*/ 2506437 w 11269336"/>
              <a:gd name="connsiteY200" fmla="*/ 2030918 h 2323145"/>
              <a:gd name="connsiteX201" fmla="*/ 2491752 w 11269336"/>
              <a:gd name="connsiteY201" fmla="*/ 2033906 h 2323145"/>
              <a:gd name="connsiteX202" fmla="*/ 2486338 w 11269336"/>
              <a:gd name="connsiteY202" fmla="*/ 2035862 h 2323145"/>
              <a:gd name="connsiteX203" fmla="*/ 2478186 w 11269336"/>
              <a:gd name="connsiteY203" fmla="*/ 2036953 h 2323145"/>
              <a:gd name="connsiteX204" fmla="*/ 2477950 w 11269336"/>
              <a:gd name="connsiteY204" fmla="*/ 2036715 h 2323145"/>
              <a:gd name="connsiteX205" fmla="*/ 2470381 w 11269336"/>
              <a:gd name="connsiteY205" fmla="*/ 2038256 h 2323145"/>
              <a:gd name="connsiteX206" fmla="*/ 2433781 w 11269336"/>
              <a:gd name="connsiteY206" fmla="*/ 2049140 h 2323145"/>
              <a:gd name="connsiteX207" fmla="*/ 2381172 w 11269336"/>
              <a:gd name="connsiteY207" fmla="*/ 2030645 h 2323145"/>
              <a:gd name="connsiteX208" fmla="*/ 2360198 w 11269336"/>
              <a:gd name="connsiteY208" fmla="*/ 2029059 h 2323145"/>
              <a:gd name="connsiteX209" fmla="*/ 2348815 w 11269336"/>
              <a:gd name="connsiteY209" fmla="*/ 2026798 h 2323145"/>
              <a:gd name="connsiteX210" fmla="*/ 2347988 w 11269336"/>
              <a:gd name="connsiteY210" fmla="*/ 2025745 h 2323145"/>
              <a:gd name="connsiteX211" fmla="*/ 2312920 w 11269336"/>
              <a:gd name="connsiteY211" fmla="*/ 2036311 h 2323145"/>
              <a:gd name="connsiteX212" fmla="*/ 2307986 w 11269336"/>
              <a:gd name="connsiteY212" fmla="*/ 2035583 h 2323145"/>
              <a:gd name="connsiteX213" fmla="*/ 2285481 w 11269336"/>
              <a:gd name="connsiteY213" fmla="*/ 2045197 h 2323145"/>
              <a:gd name="connsiteX214" fmla="*/ 2273666 w 11269336"/>
              <a:gd name="connsiteY214" fmla="*/ 2048710 h 2323145"/>
              <a:gd name="connsiteX215" fmla="*/ 2270719 w 11269336"/>
              <a:gd name="connsiteY215" fmla="*/ 2052702 h 2323145"/>
              <a:gd name="connsiteX216" fmla="*/ 2253080 w 11269336"/>
              <a:gd name="connsiteY216" fmla="*/ 2056363 h 2323145"/>
              <a:gd name="connsiteX217" fmla="*/ 2250906 w 11269336"/>
              <a:gd name="connsiteY217" fmla="*/ 2055654 h 2323145"/>
              <a:gd name="connsiteX218" fmla="*/ 2236905 w 11269336"/>
              <a:gd name="connsiteY218" fmla="*/ 2062882 h 2323145"/>
              <a:gd name="connsiteX219" fmla="*/ 2225830 w 11269336"/>
              <a:gd name="connsiteY219" fmla="*/ 2074027 h 2323145"/>
              <a:gd name="connsiteX220" fmla="*/ 2073776 w 11269336"/>
              <a:gd name="connsiteY220" fmla="*/ 2089244 h 2323145"/>
              <a:gd name="connsiteX221" fmla="*/ 1948256 w 11269336"/>
              <a:gd name="connsiteY221" fmla="*/ 2146616 h 2323145"/>
              <a:gd name="connsiteX222" fmla="*/ 1865582 w 11269336"/>
              <a:gd name="connsiteY222" fmla="*/ 2153738 h 2323145"/>
              <a:gd name="connsiteX223" fmla="*/ 1835210 w 11269336"/>
              <a:gd name="connsiteY223" fmla="*/ 2134244 h 2323145"/>
              <a:gd name="connsiteX224" fmla="*/ 1632661 w 11269336"/>
              <a:gd name="connsiteY224" fmla="*/ 2173882 h 2323145"/>
              <a:gd name="connsiteX225" fmla="*/ 1579590 w 11269336"/>
              <a:gd name="connsiteY225" fmla="*/ 2173680 h 2323145"/>
              <a:gd name="connsiteX226" fmla="*/ 1535601 w 11269336"/>
              <a:gd name="connsiteY226" fmla="*/ 2194590 h 2323145"/>
              <a:gd name="connsiteX227" fmla="*/ 1515594 w 11269336"/>
              <a:gd name="connsiteY227" fmla="*/ 2189622 h 2323145"/>
              <a:gd name="connsiteX228" fmla="*/ 1512113 w 11269336"/>
              <a:gd name="connsiteY228" fmla="*/ 2188534 h 2323145"/>
              <a:gd name="connsiteX229" fmla="*/ 1498838 w 11269336"/>
              <a:gd name="connsiteY229" fmla="*/ 2189213 h 2323145"/>
              <a:gd name="connsiteX230" fmla="*/ 1494279 w 11269336"/>
              <a:gd name="connsiteY230" fmla="*/ 2183112 h 2323145"/>
              <a:gd name="connsiteX231" fmla="*/ 1473714 w 11269336"/>
              <a:gd name="connsiteY231" fmla="*/ 2179625 h 2323145"/>
              <a:gd name="connsiteX232" fmla="*/ 1449503 w 11269336"/>
              <a:gd name="connsiteY232" fmla="*/ 2182633 h 2323145"/>
              <a:gd name="connsiteX233" fmla="*/ 1266687 w 11269336"/>
              <a:gd name="connsiteY233" fmla="*/ 2212688 h 2323145"/>
              <a:gd name="connsiteX234" fmla="*/ 1239614 w 11269336"/>
              <a:gd name="connsiteY234" fmla="*/ 2209727 h 2323145"/>
              <a:gd name="connsiteX235" fmla="*/ 1202436 w 11269336"/>
              <a:gd name="connsiteY235" fmla="*/ 2209817 h 2323145"/>
              <a:gd name="connsiteX236" fmla="*/ 1136097 w 11269336"/>
              <a:gd name="connsiteY236" fmla="*/ 2205112 h 2323145"/>
              <a:gd name="connsiteX237" fmla="*/ 988232 w 11269336"/>
              <a:gd name="connsiteY237" fmla="*/ 2235635 h 2323145"/>
              <a:gd name="connsiteX238" fmla="*/ 981959 w 11269336"/>
              <a:gd name="connsiteY238" fmla="*/ 2231607 h 2323145"/>
              <a:gd name="connsiteX239" fmla="*/ 938600 w 11269336"/>
              <a:gd name="connsiteY239" fmla="*/ 2238113 h 2323145"/>
              <a:gd name="connsiteX240" fmla="*/ 791788 w 11269336"/>
              <a:gd name="connsiteY240" fmla="*/ 2293224 h 2323145"/>
              <a:gd name="connsiteX241" fmla="*/ 706914 w 11269336"/>
              <a:gd name="connsiteY241" fmla="*/ 2305046 h 2323145"/>
              <a:gd name="connsiteX242" fmla="*/ 675971 w 11269336"/>
              <a:gd name="connsiteY242" fmla="*/ 2304030 h 2323145"/>
              <a:gd name="connsiteX243" fmla="*/ 624180 w 11269336"/>
              <a:gd name="connsiteY243" fmla="*/ 2302650 h 2323145"/>
              <a:gd name="connsiteX244" fmla="*/ 583453 w 11269336"/>
              <a:gd name="connsiteY244" fmla="*/ 2288788 h 2323145"/>
              <a:gd name="connsiteX245" fmla="*/ 540946 w 11269336"/>
              <a:gd name="connsiteY245" fmla="*/ 2292721 h 2323145"/>
              <a:gd name="connsiteX246" fmla="*/ 533680 w 11269336"/>
              <a:gd name="connsiteY246" fmla="*/ 2310233 h 2323145"/>
              <a:gd name="connsiteX247" fmla="*/ 487366 w 11269336"/>
              <a:gd name="connsiteY247" fmla="*/ 2309053 h 2323145"/>
              <a:gd name="connsiteX248" fmla="*/ 416820 w 11269336"/>
              <a:gd name="connsiteY248" fmla="*/ 2305443 h 2323145"/>
              <a:gd name="connsiteX249" fmla="*/ 376805 w 11269336"/>
              <a:gd name="connsiteY249" fmla="*/ 2307647 h 2323145"/>
              <a:gd name="connsiteX250" fmla="*/ 266777 w 11269336"/>
              <a:gd name="connsiteY250" fmla="*/ 2309012 h 2323145"/>
              <a:gd name="connsiteX251" fmla="*/ 156013 w 11269336"/>
              <a:gd name="connsiteY251" fmla="*/ 2306832 h 2323145"/>
              <a:gd name="connsiteX252" fmla="*/ 87258 w 11269336"/>
              <a:gd name="connsiteY252" fmla="*/ 2285511 h 2323145"/>
              <a:gd name="connsiteX253" fmla="*/ 23798 w 11269336"/>
              <a:gd name="connsiteY253" fmla="*/ 2281822 h 2323145"/>
              <a:gd name="connsiteX254" fmla="*/ 0 w 11269336"/>
              <a:gd name="connsiteY254" fmla="*/ 2285369 h 2323145"/>
              <a:gd name="connsiteX255" fmla="*/ 0 w 11269336"/>
              <a:gd name="connsiteY25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05765 w 11269336"/>
              <a:gd name="connsiteY144" fmla="*/ 2199902 h 2323145"/>
              <a:gd name="connsiteX145" fmla="*/ 4401354 w 11269336"/>
              <a:gd name="connsiteY145" fmla="*/ 2194745 h 2323145"/>
              <a:gd name="connsiteX146" fmla="*/ 4366646 w 11269336"/>
              <a:gd name="connsiteY146" fmla="*/ 2198564 h 2323145"/>
              <a:gd name="connsiteX147" fmla="*/ 4354009 w 11269336"/>
              <a:gd name="connsiteY147" fmla="*/ 2204984 h 2323145"/>
              <a:gd name="connsiteX148" fmla="*/ 4348284 w 11269336"/>
              <a:gd name="connsiteY148" fmla="*/ 2205270 h 2323145"/>
              <a:gd name="connsiteX149" fmla="*/ 4333906 w 11269336"/>
              <a:gd name="connsiteY149" fmla="*/ 2205251 h 2323145"/>
              <a:gd name="connsiteX150" fmla="*/ 4308819 w 11269336"/>
              <a:gd name="connsiteY150" fmla="*/ 2203822 h 2323145"/>
              <a:gd name="connsiteX151" fmla="*/ 4301210 w 11269336"/>
              <a:gd name="connsiteY151" fmla="*/ 2204456 h 2323145"/>
              <a:gd name="connsiteX152" fmla="*/ 4283095 w 11269336"/>
              <a:gd name="connsiteY152" fmla="*/ 2198177 h 2323145"/>
              <a:gd name="connsiteX153" fmla="*/ 4250119 w 11269336"/>
              <a:gd name="connsiteY153" fmla="*/ 2196342 h 2323145"/>
              <a:gd name="connsiteX154" fmla="*/ 4189203 w 11269336"/>
              <a:gd name="connsiteY154" fmla="*/ 2178994 h 2323145"/>
              <a:gd name="connsiteX155" fmla="*/ 4154035 w 11269336"/>
              <a:gd name="connsiteY155" fmla="*/ 2171950 h 2323145"/>
              <a:gd name="connsiteX156" fmla="*/ 4129569 w 11269336"/>
              <a:gd name="connsiteY156" fmla="*/ 2163850 h 2323145"/>
              <a:gd name="connsiteX157" fmla="*/ 4061250 w 11269336"/>
              <a:gd name="connsiteY157" fmla="*/ 2159236 h 2323145"/>
              <a:gd name="connsiteX158" fmla="*/ 3945480 w 11269336"/>
              <a:gd name="connsiteY158" fmla="*/ 2158279 h 2323145"/>
              <a:gd name="connsiteX159" fmla="*/ 3921468 w 11269336"/>
              <a:gd name="connsiteY159" fmla="*/ 2156588 h 2323145"/>
              <a:gd name="connsiteX160" fmla="*/ 3903348 w 11269336"/>
              <a:gd name="connsiteY160" fmla="*/ 2149220 h 2323145"/>
              <a:gd name="connsiteX161" fmla="*/ 3901342 w 11269336"/>
              <a:gd name="connsiteY161" fmla="*/ 2142355 h 2323145"/>
              <a:gd name="connsiteX162" fmla="*/ 3888539 w 11269336"/>
              <a:gd name="connsiteY162" fmla="*/ 2140476 h 2323145"/>
              <a:gd name="connsiteX163" fmla="*/ 3885662 w 11269336"/>
              <a:gd name="connsiteY163" fmla="*/ 2138740 h 2323145"/>
              <a:gd name="connsiteX164" fmla="*/ 3868627 w 11269336"/>
              <a:gd name="connsiteY164" fmla="*/ 2130023 h 2323145"/>
              <a:gd name="connsiteX165" fmla="*/ 3819177 w 11269336"/>
              <a:gd name="connsiteY165" fmla="*/ 2142111 h 2323145"/>
              <a:gd name="connsiteX166" fmla="*/ 3769100 w 11269336"/>
              <a:gd name="connsiteY166" fmla="*/ 2131731 h 2323145"/>
              <a:gd name="connsiteX167" fmla="*/ 3562752 w 11269336"/>
              <a:gd name="connsiteY167" fmla="*/ 2131785 h 2323145"/>
              <a:gd name="connsiteX168" fmla="*/ 3541402 w 11269336"/>
              <a:gd name="connsiteY168" fmla="*/ 2106821 h 2323145"/>
              <a:gd name="connsiteX169" fmla="*/ 3365341 w 11269336"/>
              <a:gd name="connsiteY169" fmla="*/ 2077638 h 2323145"/>
              <a:gd name="connsiteX170" fmla="*/ 3170922 w 11269336"/>
              <a:gd name="connsiteY170" fmla="*/ 2115957 h 2323145"/>
              <a:gd name="connsiteX171" fmla="*/ 3156256 w 11269336"/>
              <a:gd name="connsiteY171" fmla="*/ 2124773 h 2323145"/>
              <a:gd name="connsiteX172" fmla="*/ 3140298 w 11269336"/>
              <a:gd name="connsiteY172" fmla="*/ 2129182 h 2323145"/>
              <a:gd name="connsiteX173" fmla="*/ 3138514 w 11269336"/>
              <a:gd name="connsiteY173" fmla="*/ 2128069 h 2323145"/>
              <a:gd name="connsiteX174" fmla="*/ 3120467 w 11269336"/>
              <a:gd name="connsiteY174" fmla="*/ 2128281 h 2323145"/>
              <a:gd name="connsiteX175" fmla="*/ 3116175 w 11269336"/>
              <a:gd name="connsiteY175" fmla="*/ 2131633 h 2323145"/>
              <a:gd name="connsiteX176" fmla="*/ 3103685 w 11269336"/>
              <a:gd name="connsiteY176" fmla="*/ 2132814 h 2323145"/>
              <a:gd name="connsiteX177" fmla="*/ 3078794 w 11269336"/>
              <a:gd name="connsiteY177" fmla="*/ 2137935 h 2323145"/>
              <a:gd name="connsiteX178" fmla="*/ 3074407 w 11269336"/>
              <a:gd name="connsiteY178" fmla="*/ 2136274 h 2323145"/>
              <a:gd name="connsiteX179" fmla="*/ 3037285 w 11269336"/>
              <a:gd name="connsiteY179" fmla="*/ 2139919 h 2323145"/>
              <a:gd name="connsiteX180" fmla="*/ 3036901 w 11269336"/>
              <a:gd name="connsiteY180" fmla="*/ 2138726 h 2323145"/>
              <a:gd name="connsiteX181" fmla="*/ 3026996 w 11269336"/>
              <a:gd name="connsiteY181" fmla="*/ 2134322 h 2323145"/>
              <a:gd name="connsiteX182" fmla="*/ 3007772 w 11269336"/>
              <a:gd name="connsiteY182" fmla="*/ 2128742 h 2323145"/>
              <a:gd name="connsiteX183" fmla="*/ 2965030 w 11269336"/>
              <a:gd name="connsiteY183" fmla="*/ 2100494 h 2323145"/>
              <a:gd name="connsiteX184" fmla="*/ 2926342 w 11269336"/>
              <a:gd name="connsiteY184" fmla="*/ 2104155 h 2323145"/>
              <a:gd name="connsiteX185" fmla="*/ 2918608 w 11269336"/>
              <a:gd name="connsiteY185" fmla="*/ 2104215 h 2323145"/>
              <a:gd name="connsiteX186" fmla="*/ 2918475 w 11269336"/>
              <a:gd name="connsiteY186" fmla="*/ 2103937 h 2323145"/>
              <a:gd name="connsiteX187" fmla="*/ 2910360 w 11269336"/>
              <a:gd name="connsiteY187" fmla="*/ 2103444 h 2323145"/>
              <a:gd name="connsiteX188" fmla="*/ 2904507 w 11269336"/>
              <a:gd name="connsiteY188" fmla="*/ 2104326 h 2323145"/>
              <a:gd name="connsiteX189" fmla="*/ 2889503 w 11269336"/>
              <a:gd name="connsiteY189" fmla="*/ 2104443 h 2323145"/>
              <a:gd name="connsiteX190" fmla="*/ 2884480 w 11269336"/>
              <a:gd name="connsiteY190" fmla="*/ 2102626 h 2323145"/>
              <a:gd name="connsiteX191" fmla="*/ 2882689 w 11269336"/>
              <a:gd name="connsiteY191" fmla="*/ 2099228 h 2323145"/>
              <a:gd name="connsiteX192" fmla="*/ 2881291 w 11269336"/>
              <a:gd name="connsiteY192" fmla="*/ 2099618 h 2323145"/>
              <a:gd name="connsiteX193" fmla="*/ 2853979 w 11269336"/>
              <a:gd name="connsiteY193" fmla="*/ 2090388 h 2323145"/>
              <a:gd name="connsiteX194" fmla="*/ 2791790 w 11269336"/>
              <a:gd name="connsiteY194" fmla="*/ 2080332 h 2323145"/>
              <a:gd name="connsiteX195" fmla="*/ 2755844 w 11269336"/>
              <a:gd name="connsiteY195" fmla="*/ 2078874 h 2323145"/>
              <a:gd name="connsiteX196" fmla="*/ 2657742 w 11269336"/>
              <a:gd name="connsiteY196" fmla="*/ 2070179 h 2323145"/>
              <a:gd name="connsiteX197" fmla="*/ 2559549 w 11269336"/>
              <a:gd name="connsiteY197" fmla="*/ 2057873 h 2323145"/>
              <a:gd name="connsiteX198" fmla="*/ 2512054 w 11269336"/>
              <a:gd name="connsiteY198" fmla="*/ 2031671 h 2323145"/>
              <a:gd name="connsiteX199" fmla="*/ 2506437 w 11269336"/>
              <a:gd name="connsiteY199" fmla="*/ 2030918 h 2323145"/>
              <a:gd name="connsiteX200" fmla="*/ 2491752 w 11269336"/>
              <a:gd name="connsiteY200" fmla="*/ 2033906 h 2323145"/>
              <a:gd name="connsiteX201" fmla="*/ 2486338 w 11269336"/>
              <a:gd name="connsiteY201" fmla="*/ 2035862 h 2323145"/>
              <a:gd name="connsiteX202" fmla="*/ 2478186 w 11269336"/>
              <a:gd name="connsiteY202" fmla="*/ 2036953 h 2323145"/>
              <a:gd name="connsiteX203" fmla="*/ 2477950 w 11269336"/>
              <a:gd name="connsiteY203" fmla="*/ 2036715 h 2323145"/>
              <a:gd name="connsiteX204" fmla="*/ 2470381 w 11269336"/>
              <a:gd name="connsiteY204" fmla="*/ 2038256 h 2323145"/>
              <a:gd name="connsiteX205" fmla="*/ 2433781 w 11269336"/>
              <a:gd name="connsiteY205" fmla="*/ 2049140 h 2323145"/>
              <a:gd name="connsiteX206" fmla="*/ 2381172 w 11269336"/>
              <a:gd name="connsiteY206" fmla="*/ 2030645 h 2323145"/>
              <a:gd name="connsiteX207" fmla="*/ 2360198 w 11269336"/>
              <a:gd name="connsiteY207" fmla="*/ 2029059 h 2323145"/>
              <a:gd name="connsiteX208" fmla="*/ 2348815 w 11269336"/>
              <a:gd name="connsiteY208" fmla="*/ 2026798 h 2323145"/>
              <a:gd name="connsiteX209" fmla="*/ 2347988 w 11269336"/>
              <a:gd name="connsiteY209" fmla="*/ 2025745 h 2323145"/>
              <a:gd name="connsiteX210" fmla="*/ 2312920 w 11269336"/>
              <a:gd name="connsiteY210" fmla="*/ 2036311 h 2323145"/>
              <a:gd name="connsiteX211" fmla="*/ 2307986 w 11269336"/>
              <a:gd name="connsiteY211" fmla="*/ 2035583 h 2323145"/>
              <a:gd name="connsiteX212" fmla="*/ 2285481 w 11269336"/>
              <a:gd name="connsiteY212" fmla="*/ 2045197 h 2323145"/>
              <a:gd name="connsiteX213" fmla="*/ 2273666 w 11269336"/>
              <a:gd name="connsiteY213" fmla="*/ 2048710 h 2323145"/>
              <a:gd name="connsiteX214" fmla="*/ 2270719 w 11269336"/>
              <a:gd name="connsiteY214" fmla="*/ 2052702 h 2323145"/>
              <a:gd name="connsiteX215" fmla="*/ 2253080 w 11269336"/>
              <a:gd name="connsiteY215" fmla="*/ 2056363 h 2323145"/>
              <a:gd name="connsiteX216" fmla="*/ 2250906 w 11269336"/>
              <a:gd name="connsiteY216" fmla="*/ 2055654 h 2323145"/>
              <a:gd name="connsiteX217" fmla="*/ 2236905 w 11269336"/>
              <a:gd name="connsiteY217" fmla="*/ 2062882 h 2323145"/>
              <a:gd name="connsiteX218" fmla="*/ 2225830 w 11269336"/>
              <a:gd name="connsiteY218" fmla="*/ 2074027 h 2323145"/>
              <a:gd name="connsiteX219" fmla="*/ 2073776 w 11269336"/>
              <a:gd name="connsiteY219" fmla="*/ 2089244 h 2323145"/>
              <a:gd name="connsiteX220" fmla="*/ 1948256 w 11269336"/>
              <a:gd name="connsiteY220" fmla="*/ 2146616 h 2323145"/>
              <a:gd name="connsiteX221" fmla="*/ 1865582 w 11269336"/>
              <a:gd name="connsiteY221" fmla="*/ 2153738 h 2323145"/>
              <a:gd name="connsiteX222" fmla="*/ 1835210 w 11269336"/>
              <a:gd name="connsiteY222" fmla="*/ 2134244 h 2323145"/>
              <a:gd name="connsiteX223" fmla="*/ 1632661 w 11269336"/>
              <a:gd name="connsiteY223" fmla="*/ 2173882 h 2323145"/>
              <a:gd name="connsiteX224" fmla="*/ 1579590 w 11269336"/>
              <a:gd name="connsiteY224" fmla="*/ 2173680 h 2323145"/>
              <a:gd name="connsiteX225" fmla="*/ 1535601 w 11269336"/>
              <a:gd name="connsiteY225" fmla="*/ 2194590 h 2323145"/>
              <a:gd name="connsiteX226" fmla="*/ 1515594 w 11269336"/>
              <a:gd name="connsiteY226" fmla="*/ 2189622 h 2323145"/>
              <a:gd name="connsiteX227" fmla="*/ 1512113 w 11269336"/>
              <a:gd name="connsiteY227" fmla="*/ 2188534 h 2323145"/>
              <a:gd name="connsiteX228" fmla="*/ 1498838 w 11269336"/>
              <a:gd name="connsiteY228" fmla="*/ 2189213 h 2323145"/>
              <a:gd name="connsiteX229" fmla="*/ 1494279 w 11269336"/>
              <a:gd name="connsiteY229" fmla="*/ 2183112 h 2323145"/>
              <a:gd name="connsiteX230" fmla="*/ 1473714 w 11269336"/>
              <a:gd name="connsiteY230" fmla="*/ 2179625 h 2323145"/>
              <a:gd name="connsiteX231" fmla="*/ 1449503 w 11269336"/>
              <a:gd name="connsiteY231" fmla="*/ 2182633 h 2323145"/>
              <a:gd name="connsiteX232" fmla="*/ 1266687 w 11269336"/>
              <a:gd name="connsiteY232" fmla="*/ 2212688 h 2323145"/>
              <a:gd name="connsiteX233" fmla="*/ 1239614 w 11269336"/>
              <a:gd name="connsiteY233" fmla="*/ 2209727 h 2323145"/>
              <a:gd name="connsiteX234" fmla="*/ 1202436 w 11269336"/>
              <a:gd name="connsiteY234" fmla="*/ 2209817 h 2323145"/>
              <a:gd name="connsiteX235" fmla="*/ 1136097 w 11269336"/>
              <a:gd name="connsiteY235" fmla="*/ 2205112 h 2323145"/>
              <a:gd name="connsiteX236" fmla="*/ 988232 w 11269336"/>
              <a:gd name="connsiteY236" fmla="*/ 2235635 h 2323145"/>
              <a:gd name="connsiteX237" fmla="*/ 981959 w 11269336"/>
              <a:gd name="connsiteY237" fmla="*/ 2231607 h 2323145"/>
              <a:gd name="connsiteX238" fmla="*/ 938600 w 11269336"/>
              <a:gd name="connsiteY238" fmla="*/ 2238113 h 2323145"/>
              <a:gd name="connsiteX239" fmla="*/ 791788 w 11269336"/>
              <a:gd name="connsiteY239" fmla="*/ 2293224 h 2323145"/>
              <a:gd name="connsiteX240" fmla="*/ 706914 w 11269336"/>
              <a:gd name="connsiteY240" fmla="*/ 2305046 h 2323145"/>
              <a:gd name="connsiteX241" fmla="*/ 675971 w 11269336"/>
              <a:gd name="connsiteY241" fmla="*/ 2304030 h 2323145"/>
              <a:gd name="connsiteX242" fmla="*/ 624180 w 11269336"/>
              <a:gd name="connsiteY242" fmla="*/ 2302650 h 2323145"/>
              <a:gd name="connsiteX243" fmla="*/ 583453 w 11269336"/>
              <a:gd name="connsiteY243" fmla="*/ 2288788 h 2323145"/>
              <a:gd name="connsiteX244" fmla="*/ 540946 w 11269336"/>
              <a:gd name="connsiteY244" fmla="*/ 2292721 h 2323145"/>
              <a:gd name="connsiteX245" fmla="*/ 533680 w 11269336"/>
              <a:gd name="connsiteY245" fmla="*/ 2310233 h 2323145"/>
              <a:gd name="connsiteX246" fmla="*/ 487366 w 11269336"/>
              <a:gd name="connsiteY246" fmla="*/ 2309053 h 2323145"/>
              <a:gd name="connsiteX247" fmla="*/ 416820 w 11269336"/>
              <a:gd name="connsiteY247" fmla="*/ 2305443 h 2323145"/>
              <a:gd name="connsiteX248" fmla="*/ 376805 w 11269336"/>
              <a:gd name="connsiteY248" fmla="*/ 2307647 h 2323145"/>
              <a:gd name="connsiteX249" fmla="*/ 266777 w 11269336"/>
              <a:gd name="connsiteY249" fmla="*/ 2309012 h 2323145"/>
              <a:gd name="connsiteX250" fmla="*/ 156013 w 11269336"/>
              <a:gd name="connsiteY250" fmla="*/ 2306832 h 2323145"/>
              <a:gd name="connsiteX251" fmla="*/ 87258 w 11269336"/>
              <a:gd name="connsiteY251" fmla="*/ 2285511 h 2323145"/>
              <a:gd name="connsiteX252" fmla="*/ 23798 w 11269336"/>
              <a:gd name="connsiteY252" fmla="*/ 2281822 h 2323145"/>
              <a:gd name="connsiteX253" fmla="*/ 0 w 11269336"/>
              <a:gd name="connsiteY253" fmla="*/ 2285369 h 2323145"/>
              <a:gd name="connsiteX254" fmla="*/ 0 w 11269336"/>
              <a:gd name="connsiteY254"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67257 w 11269336"/>
              <a:gd name="connsiteY142" fmla="*/ 2196121 h 2323145"/>
              <a:gd name="connsiteX143" fmla="*/ 4405765 w 11269336"/>
              <a:gd name="connsiteY143" fmla="*/ 2199902 h 2323145"/>
              <a:gd name="connsiteX144" fmla="*/ 4401354 w 11269336"/>
              <a:gd name="connsiteY144" fmla="*/ 2194745 h 2323145"/>
              <a:gd name="connsiteX145" fmla="*/ 4366646 w 11269336"/>
              <a:gd name="connsiteY145" fmla="*/ 2198564 h 2323145"/>
              <a:gd name="connsiteX146" fmla="*/ 4354009 w 11269336"/>
              <a:gd name="connsiteY146" fmla="*/ 2204984 h 2323145"/>
              <a:gd name="connsiteX147" fmla="*/ 4348284 w 11269336"/>
              <a:gd name="connsiteY147" fmla="*/ 2205270 h 2323145"/>
              <a:gd name="connsiteX148" fmla="*/ 4333906 w 11269336"/>
              <a:gd name="connsiteY148" fmla="*/ 2205251 h 2323145"/>
              <a:gd name="connsiteX149" fmla="*/ 4308819 w 11269336"/>
              <a:gd name="connsiteY149" fmla="*/ 2203822 h 2323145"/>
              <a:gd name="connsiteX150" fmla="*/ 4301210 w 11269336"/>
              <a:gd name="connsiteY150" fmla="*/ 2204456 h 2323145"/>
              <a:gd name="connsiteX151" fmla="*/ 4283095 w 11269336"/>
              <a:gd name="connsiteY151" fmla="*/ 2198177 h 2323145"/>
              <a:gd name="connsiteX152" fmla="*/ 4250119 w 11269336"/>
              <a:gd name="connsiteY152" fmla="*/ 2196342 h 2323145"/>
              <a:gd name="connsiteX153" fmla="*/ 4189203 w 11269336"/>
              <a:gd name="connsiteY153" fmla="*/ 2178994 h 2323145"/>
              <a:gd name="connsiteX154" fmla="*/ 4154035 w 11269336"/>
              <a:gd name="connsiteY154" fmla="*/ 2171950 h 2323145"/>
              <a:gd name="connsiteX155" fmla="*/ 4129569 w 11269336"/>
              <a:gd name="connsiteY155" fmla="*/ 2163850 h 2323145"/>
              <a:gd name="connsiteX156" fmla="*/ 4061250 w 11269336"/>
              <a:gd name="connsiteY156" fmla="*/ 2159236 h 2323145"/>
              <a:gd name="connsiteX157" fmla="*/ 3945480 w 11269336"/>
              <a:gd name="connsiteY157" fmla="*/ 2158279 h 2323145"/>
              <a:gd name="connsiteX158" fmla="*/ 3921468 w 11269336"/>
              <a:gd name="connsiteY158" fmla="*/ 2156588 h 2323145"/>
              <a:gd name="connsiteX159" fmla="*/ 3903348 w 11269336"/>
              <a:gd name="connsiteY159" fmla="*/ 2149220 h 2323145"/>
              <a:gd name="connsiteX160" fmla="*/ 3901342 w 11269336"/>
              <a:gd name="connsiteY160" fmla="*/ 2142355 h 2323145"/>
              <a:gd name="connsiteX161" fmla="*/ 3888539 w 11269336"/>
              <a:gd name="connsiteY161" fmla="*/ 2140476 h 2323145"/>
              <a:gd name="connsiteX162" fmla="*/ 3885662 w 11269336"/>
              <a:gd name="connsiteY162" fmla="*/ 2138740 h 2323145"/>
              <a:gd name="connsiteX163" fmla="*/ 3868627 w 11269336"/>
              <a:gd name="connsiteY163" fmla="*/ 2130023 h 2323145"/>
              <a:gd name="connsiteX164" fmla="*/ 3819177 w 11269336"/>
              <a:gd name="connsiteY164" fmla="*/ 2142111 h 2323145"/>
              <a:gd name="connsiteX165" fmla="*/ 3769100 w 11269336"/>
              <a:gd name="connsiteY165" fmla="*/ 2131731 h 2323145"/>
              <a:gd name="connsiteX166" fmla="*/ 3562752 w 11269336"/>
              <a:gd name="connsiteY166" fmla="*/ 2131785 h 2323145"/>
              <a:gd name="connsiteX167" fmla="*/ 3541402 w 11269336"/>
              <a:gd name="connsiteY167" fmla="*/ 2106821 h 2323145"/>
              <a:gd name="connsiteX168" fmla="*/ 3365341 w 11269336"/>
              <a:gd name="connsiteY168" fmla="*/ 2077638 h 2323145"/>
              <a:gd name="connsiteX169" fmla="*/ 3170922 w 11269336"/>
              <a:gd name="connsiteY169" fmla="*/ 2115957 h 2323145"/>
              <a:gd name="connsiteX170" fmla="*/ 3156256 w 11269336"/>
              <a:gd name="connsiteY170" fmla="*/ 2124773 h 2323145"/>
              <a:gd name="connsiteX171" fmla="*/ 3140298 w 11269336"/>
              <a:gd name="connsiteY171" fmla="*/ 2129182 h 2323145"/>
              <a:gd name="connsiteX172" fmla="*/ 3138514 w 11269336"/>
              <a:gd name="connsiteY172" fmla="*/ 2128069 h 2323145"/>
              <a:gd name="connsiteX173" fmla="*/ 3120467 w 11269336"/>
              <a:gd name="connsiteY173" fmla="*/ 2128281 h 2323145"/>
              <a:gd name="connsiteX174" fmla="*/ 3116175 w 11269336"/>
              <a:gd name="connsiteY174" fmla="*/ 2131633 h 2323145"/>
              <a:gd name="connsiteX175" fmla="*/ 3103685 w 11269336"/>
              <a:gd name="connsiteY175" fmla="*/ 2132814 h 2323145"/>
              <a:gd name="connsiteX176" fmla="*/ 3078794 w 11269336"/>
              <a:gd name="connsiteY176" fmla="*/ 2137935 h 2323145"/>
              <a:gd name="connsiteX177" fmla="*/ 3074407 w 11269336"/>
              <a:gd name="connsiteY177" fmla="*/ 2136274 h 2323145"/>
              <a:gd name="connsiteX178" fmla="*/ 3037285 w 11269336"/>
              <a:gd name="connsiteY178" fmla="*/ 2139919 h 2323145"/>
              <a:gd name="connsiteX179" fmla="*/ 3036901 w 11269336"/>
              <a:gd name="connsiteY179" fmla="*/ 2138726 h 2323145"/>
              <a:gd name="connsiteX180" fmla="*/ 3026996 w 11269336"/>
              <a:gd name="connsiteY180" fmla="*/ 2134322 h 2323145"/>
              <a:gd name="connsiteX181" fmla="*/ 3007772 w 11269336"/>
              <a:gd name="connsiteY181" fmla="*/ 2128742 h 2323145"/>
              <a:gd name="connsiteX182" fmla="*/ 2965030 w 11269336"/>
              <a:gd name="connsiteY182" fmla="*/ 2100494 h 2323145"/>
              <a:gd name="connsiteX183" fmla="*/ 2926342 w 11269336"/>
              <a:gd name="connsiteY183" fmla="*/ 2104155 h 2323145"/>
              <a:gd name="connsiteX184" fmla="*/ 2918608 w 11269336"/>
              <a:gd name="connsiteY184" fmla="*/ 2104215 h 2323145"/>
              <a:gd name="connsiteX185" fmla="*/ 2918475 w 11269336"/>
              <a:gd name="connsiteY185" fmla="*/ 2103937 h 2323145"/>
              <a:gd name="connsiteX186" fmla="*/ 2910360 w 11269336"/>
              <a:gd name="connsiteY186" fmla="*/ 2103444 h 2323145"/>
              <a:gd name="connsiteX187" fmla="*/ 2904507 w 11269336"/>
              <a:gd name="connsiteY187" fmla="*/ 2104326 h 2323145"/>
              <a:gd name="connsiteX188" fmla="*/ 2889503 w 11269336"/>
              <a:gd name="connsiteY188" fmla="*/ 2104443 h 2323145"/>
              <a:gd name="connsiteX189" fmla="*/ 2884480 w 11269336"/>
              <a:gd name="connsiteY189" fmla="*/ 2102626 h 2323145"/>
              <a:gd name="connsiteX190" fmla="*/ 2882689 w 11269336"/>
              <a:gd name="connsiteY190" fmla="*/ 2099228 h 2323145"/>
              <a:gd name="connsiteX191" fmla="*/ 2881291 w 11269336"/>
              <a:gd name="connsiteY191" fmla="*/ 2099618 h 2323145"/>
              <a:gd name="connsiteX192" fmla="*/ 2853979 w 11269336"/>
              <a:gd name="connsiteY192" fmla="*/ 2090388 h 2323145"/>
              <a:gd name="connsiteX193" fmla="*/ 2791790 w 11269336"/>
              <a:gd name="connsiteY193" fmla="*/ 2080332 h 2323145"/>
              <a:gd name="connsiteX194" fmla="*/ 2755844 w 11269336"/>
              <a:gd name="connsiteY194" fmla="*/ 2078874 h 2323145"/>
              <a:gd name="connsiteX195" fmla="*/ 2657742 w 11269336"/>
              <a:gd name="connsiteY195" fmla="*/ 2070179 h 2323145"/>
              <a:gd name="connsiteX196" fmla="*/ 2559549 w 11269336"/>
              <a:gd name="connsiteY196" fmla="*/ 2057873 h 2323145"/>
              <a:gd name="connsiteX197" fmla="*/ 2512054 w 11269336"/>
              <a:gd name="connsiteY197" fmla="*/ 2031671 h 2323145"/>
              <a:gd name="connsiteX198" fmla="*/ 2506437 w 11269336"/>
              <a:gd name="connsiteY198" fmla="*/ 2030918 h 2323145"/>
              <a:gd name="connsiteX199" fmla="*/ 2491752 w 11269336"/>
              <a:gd name="connsiteY199" fmla="*/ 2033906 h 2323145"/>
              <a:gd name="connsiteX200" fmla="*/ 2486338 w 11269336"/>
              <a:gd name="connsiteY200" fmla="*/ 2035862 h 2323145"/>
              <a:gd name="connsiteX201" fmla="*/ 2478186 w 11269336"/>
              <a:gd name="connsiteY201" fmla="*/ 2036953 h 2323145"/>
              <a:gd name="connsiteX202" fmla="*/ 2477950 w 11269336"/>
              <a:gd name="connsiteY202" fmla="*/ 2036715 h 2323145"/>
              <a:gd name="connsiteX203" fmla="*/ 2470381 w 11269336"/>
              <a:gd name="connsiteY203" fmla="*/ 2038256 h 2323145"/>
              <a:gd name="connsiteX204" fmla="*/ 2433781 w 11269336"/>
              <a:gd name="connsiteY204" fmla="*/ 2049140 h 2323145"/>
              <a:gd name="connsiteX205" fmla="*/ 2381172 w 11269336"/>
              <a:gd name="connsiteY205" fmla="*/ 2030645 h 2323145"/>
              <a:gd name="connsiteX206" fmla="*/ 2360198 w 11269336"/>
              <a:gd name="connsiteY206" fmla="*/ 2029059 h 2323145"/>
              <a:gd name="connsiteX207" fmla="*/ 2348815 w 11269336"/>
              <a:gd name="connsiteY207" fmla="*/ 2026798 h 2323145"/>
              <a:gd name="connsiteX208" fmla="*/ 2347988 w 11269336"/>
              <a:gd name="connsiteY208" fmla="*/ 2025745 h 2323145"/>
              <a:gd name="connsiteX209" fmla="*/ 2312920 w 11269336"/>
              <a:gd name="connsiteY209" fmla="*/ 2036311 h 2323145"/>
              <a:gd name="connsiteX210" fmla="*/ 2307986 w 11269336"/>
              <a:gd name="connsiteY210" fmla="*/ 2035583 h 2323145"/>
              <a:gd name="connsiteX211" fmla="*/ 2285481 w 11269336"/>
              <a:gd name="connsiteY211" fmla="*/ 2045197 h 2323145"/>
              <a:gd name="connsiteX212" fmla="*/ 2273666 w 11269336"/>
              <a:gd name="connsiteY212" fmla="*/ 2048710 h 2323145"/>
              <a:gd name="connsiteX213" fmla="*/ 2270719 w 11269336"/>
              <a:gd name="connsiteY213" fmla="*/ 2052702 h 2323145"/>
              <a:gd name="connsiteX214" fmla="*/ 2253080 w 11269336"/>
              <a:gd name="connsiteY214" fmla="*/ 2056363 h 2323145"/>
              <a:gd name="connsiteX215" fmla="*/ 2250906 w 11269336"/>
              <a:gd name="connsiteY215" fmla="*/ 2055654 h 2323145"/>
              <a:gd name="connsiteX216" fmla="*/ 2236905 w 11269336"/>
              <a:gd name="connsiteY216" fmla="*/ 2062882 h 2323145"/>
              <a:gd name="connsiteX217" fmla="*/ 2225830 w 11269336"/>
              <a:gd name="connsiteY217" fmla="*/ 2074027 h 2323145"/>
              <a:gd name="connsiteX218" fmla="*/ 2073776 w 11269336"/>
              <a:gd name="connsiteY218" fmla="*/ 2089244 h 2323145"/>
              <a:gd name="connsiteX219" fmla="*/ 1948256 w 11269336"/>
              <a:gd name="connsiteY219" fmla="*/ 2146616 h 2323145"/>
              <a:gd name="connsiteX220" fmla="*/ 1865582 w 11269336"/>
              <a:gd name="connsiteY220" fmla="*/ 2153738 h 2323145"/>
              <a:gd name="connsiteX221" fmla="*/ 1835210 w 11269336"/>
              <a:gd name="connsiteY221" fmla="*/ 2134244 h 2323145"/>
              <a:gd name="connsiteX222" fmla="*/ 1632661 w 11269336"/>
              <a:gd name="connsiteY222" fmla="*/ 2173882 h 2323145"/>
              <a:gd name="connsiteX223" fmla="*/ 1579590 w 11269336"/>
              <a:gd name="connsiteY223" fmla="*/ 2173680 h 2323145"/>
              <a:gd name="connsiteX224" fmla="*/ 1535601 w 11269336"/>
              <a:gd name="connsiteY224" fmla="*/ 2194590 h 2323145"/>
              <a:gd name="connsiteX225" fmla="*/ 1515594 w 11269336"/>
              <a:gd name="connsiteY225" fmla="*/ 2189622 h 2323145"/>
              <a:gd name="connsiteX226" fmla="*/ 1512113 w 11269336"/>
              <a:gd name="connsiteY226" fmla="*/ 2188534 h 2323145"/>
              <a:gd name="connsiteX227" fmla="*/ 1498838 w 11269336"/>
              <a:gd name="connsiteY227" fmla="*/ 2189213 h 2323145"/>
              <a:gd name="connsiteX228" fmla="*/ 1494279 w 11269336"/>
              <a:gd name="connsiteY228" fmla="*/ 2183112 h 2323145"/>
              <a:gd name="connsiteX229" fmla="*/ 1473714 w 11269336"/>
              <a:gd name="connsiteY229" fmla="*/ 2179625 h 2323145"/>
              <a:gd name="connsiteX230" fmla="*/ 1449503 w 11269336"/>
              <a:gd name="connsiteY230" fmla="*/ 2182633 h 2323145"/>
              <a:gd name="connsiteX231" fmla="*/ 1266687 w 11269336"/>
              <a:gd name="connsiteY231" fmla="*/ 2212688 h 2323145"/>
              <a:gd name="connsiteX232" fmla="*/ 1239614 w 11269336"/>
              <a:gd name="connsiteY232" fmla="*/ 2209727 h 2323145"/>
              <a:gd name="connsiteX233" fmla="*/ 1202436 w 11269336"/>
              <a:gd name="connsiteY233" fmla="*/ 2209817 h 2323145"/>
              <a:gd name="connsiteX234" fmla="*/ 1136097 w 11269336"/>
              <a:gd name="connsiteY234" fmla="*/ 2205112 h 2323145"/>
              <a:gd name="connsiteX235" fmla="*/ 988232 w 11269336"/>
              <a:gd name="connsiteY235" fmla="*/ 2235635 h 2323145"/>
              <a:gd name="connsiteX236" fmla="*/ 981959 w 11269336"/>
              <a:gd name="connsiteY236" fmla="*/ 2231607 h 2323145"/>
              <a:gd name="connsiteX237" fmla="*/ 938600 w 11269336"/>
              <a:gd name="connsiteY237" fmla="*/ 2238113 h 2323145"/>
              <a:gd name="connsiteX238" fmla="*/ 791788 w 11269336"/>
              <a:gd name="connsiteY238" fmla="*/ 2293224 h 2323145"/>
              <a:gd name="connsiteX239" fmla="*/ 706914 w 11269336"/>
              <a:gd name="connsiteY239" fmla="*/ 2305046 h 2323145"/>
              <a:gd name="connsiteX240" fmla="*/ 675971 w 11269336"/>
              <a:gd name="connsiteY240" fmla="*/ 2304030 h 2323145"/>
              <a:gd name="connsiteX241" fmla="*/ 624180 w 11269336"/>
              <a:gd name="connsiteY241" fmla="*/ 2302650 h 2323145"/>
              <a:gd name="connsiteX242" fmla="*/ 583453 w 11269336"/>
              <a:gd name="connsiteY242" fmla="*/ 2288788 h 2323145"/>
              <a:gd name="connsiteX243" fmla="*/ 540946 w 11269336"/>
              <a:gd name="connsiteY243" fmla="*/ 2292721 h 2323145"/>
              <a:gd name="connsiteX244" fmla="*/ 533680 w 11269336"/>
              <a:gd name="connsiteY244" fmla="*/ 2310233 h 2323145"/>
              <a:gd name="connsiteX245" fmla="*/ 487366 w 11269336"/>
              <a:gd name="connsiteY245" fmla="*/ 2309053 h 2323145"/>
              <a:gd name="connsiteX246" fmla="*/ 416820 w 11269336"/>
              <a:gd name="connsiteY246" fmla="*/ 2305443 h 2323145"/>
              <a:gd name="connsiteX247" fmla="*/ 376805 w 11269336"/>
              <a:gd name="connsiteY247" fmla="*/ 2307647 h 2323145"/>
              <a:gd name="connsiteX248" fmla="*/ 266777 w 11269336"/>
              <a:gd name="connsiteY248" fmla="*/ 2309012 h 2323145"/>
              <a:gd name="connsiteX249" fmla="*/ 156013 w 11269336"/>
              <a:gd name="connsiteY249" fmla="*/ 2306832 h 2323145"/>
              <a:gd name="connsiteX250" fmla="*/ 87258 w 11269336"/>
              <a:gd name="connsiteY250" fmla="*/ 2285511 h 2323145"/>
              <a:gd name="connsiteX251" fmla="*/ 23798 w 11269336"/>
              <a:gd name="connsiteY251" fmla="*/ 2281822 h 2323145"/>
              <a:gd name="connsiteX252" fmla="*/ 0 w 11269336"/>
              <a:gd name="connsiteY252" fmla="*/ 2285369 h 2323145"/>
              <a:gd name="connsiteX253" fmla="*/ 0 w 11269336"/>
              <a:gd name="connsiteY253"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467257 w 11269336"/>
              <a:gd name="connsiteY141" fmla="*/ 2196121 h 2323145"/>
              <a:gd name="connsiteX142" fmla="*/ 4405765 w 11269336"/>
              <a:gd name="connsiteY142" fmla="*/ 2199902 h 2323145"/>
              <a:gd name="connsiteX143" fmla="*/ 4401354 w 11269336"/>
              <a:gd name="connsiteY143" fmla="*/ 2194745 h 2323145"/>
              <a:gd name="connsiteX144" fmla="*/ 4366646 w 11269336"/>
              <a:gd name="connsiteY144" fmla="*/ 2198564 h 2323145"/>
              <a:gd name="connsiteX145" fmla="*/ 4354009 w 11269336"/>
              <a:gd name="connsiteY145" fmla="*/ 2204984 h 2323145"/>
              <a:gd name="connsiteX146" fmla="*/ 4348284 w 11269336"/>
              <a:gd name="connsiteY146" fmla="*/ 2205270 h 2323145"/>
              <a:gd name="connsiteX147" fmla="*/ 4333906 w 11269336"/>
              <a:gd name="connsiteY147" fmla="*/ 2205251 h 2323145"/>
              <a:gd name="connsiteX148" fmla="*/ 4308819 w 11269336"/>
              <a:gd name="connsiteY148" fmla="*/ 2203822 h 2323145"/>
              <a:gd name="connsiteX149" fmla="*/ 4301210 w 11269336"/>
              <a:gd name="connsiteY149" fmla="*/ 2204456 h 2323145"/>
              <a:gd name="connsiteX150" fmla="*/ 4283095 w 11269336"/>
              <a:gd name="connsiteY150" fmla="*/ 2198177 h 2323145"/>
              <a:gd name="connsiteX151" fmla="*/ 4250119 w 11269336"/>
              <a:gd name="connsiteY151" fmla="*/ 2196342 h 2323145"/>
              <a:gd name="connsiteX152" fmla="*/ 4189203 w 11269336"/>
              <a:gd name="connsiteY152" fmla="*/ 2178994 h 2323145"/>
              <a:gd name="connsiteX153" fmla="*/ 4154035 w 11269336"/>
              <a:gd name="connsiteY153" fmla="*/ 2171950 h 2323145"/>
              <a:gd name="connsiteX154" fmla="*/ 4129569 w 11269336"/>
              <a:gd name="connsiteY154" fmla="*/ 2163850 h 2323145"/>
              <a:gd name="connsiteX155" fmla="*/ 4061250 w 11269336"/>
              <a:gd name="connsiteY155" fmla="*/ 2159236 h 2323145"/>
              <a:gd name="connsiteX156" fmla="*/ 3945480 w 11269336"/>
              <a:gd name="connsiteY156" fmla="*/ 2158279 h 2323145"/>
              <a:gd name="connsiteX157" fmla="*/ 3921468 w 11269336"/>
              <a:gd name="connsiteY157" fmla="*/ 2156588 h 2323145"/>
              <a:gd name="connsiteX158" fmla="*/ 3903348 w 11269336"/>
              <a:gd name="connsiteY158" fmla="*/ 2149220 h 2323145"/>
              <a:gd name="connsiteX159" fmla="*/ 3901342 w 11269336"/>
              <a:gd name="connsiteY159" fmla="*/ 2142355 h 2323145"/>
              <a:gd name="connsiteX160" fmla="*/ 3888539 w 11269336"/>
              <a:gd name="connsiteY160" fmla="*/ 2140476 h 2323145"/>
              <a:gd name="connsiteX161" fmla="*/ 3885662 w 11269336"/>
              <a:gd name="connsiteY161" fmla="*/ 2138740 h 2323145"/>
              <a:gd name="connsiteX162" fmla="*/ 3868627 w 11269336"/>
              <a:gd name="connsiteY162" fmla="*/ 2130023 h 2323145"/>
              <a:gd name="connsiteX163" fmla="*/ 3819177 w 11269336"/>
              <a:gd name="connsiteY163" fmla="*/ 2142111 h 2323145"/>
              <a:gd name="connsiteX164" fmla="*/ 3769100 w 11269336"/>
              <a:gd name="connsiteY164" fmla="*/ 2131731 h 2323145"/>
              <a:gd name="connsiteX165" fmla="*/ 3562752 w 11269336"/>
              <a:gd name="connsiteY165" fmla="*/ 2131785 h 2323145"/>
              <a:gd name="connsiteX166" fmla="*/ 3541402 w 11269336"/>
              <a:gd name="connsiteY166" fmla="*/ 2106821 h 2323145"/>
              <a:gd name="connsiteX167" fmla="*/ 3365341 w 11269336"/>
              <a:gd name="connsiteY167" fmla="*/ 2077638 h 2323145"/>
              <a:gd name="connsiteX168" fmla="*/ 3170922 w 11269336"/>
              <a:gd name="connsiteY168" fmla="*/ 2115957 h 2323145"/>
              <a:gd name="connsiteX169" fmla="*/ 3156256 w 11269336"/>
              <a:gd name="connsiteY169" fmla="*/ 2124773 h 2323145"/>
              <a:gd name="connsiteX170" fmla="*/ 3140298 w 11269336"/>
              <a:gd name="connsiteY170" fmla="*/ 2129182 h 2323145"/>
              <a:gd name="connsiteX171" fmla="*/ 3138514 w 11269336"/>
              <a:gd name="connsiteY171" fmla="*/ 2128069 h 2323145"/>
              <a:gd name="connsiteX172" fmla="*/ 3120467 w 11269336"/>
              <a:gd name="connsiteY172" fmla="*/ 2128281 h 2323145"/>
              <a:gd name="connsiteX173" fmla="*/ 3116175 w 11269336"/>
              <a:gd name="connsiteY173" fmla="*/ 2131633 h 2323145"/>
              <a:gd name="connsiteX174" fmla="*/ 3103685 w 11269336"/>
              <a:gd name="connsiteY174" fmla="*/ 2132814 h 2323145"/>
              <a:gd name="connsiteX175" fmla="*/ 3078794 w 11269336"/>
              <a:gd name="connsiteY175" fmla="*/ 2137935 h 2323145"/>
              <a:gd name="connsiteX176" fmla="*/ 3074407 w 11269336"/>
              <a:gd name="connsiteY176" fmla="*/ 2136274 h 2323145"/>
              <a:gd name="connsiteX177" fmla="*/ 3037285 w 11269336"/>
              <a:gd name="connsiteY177" fmla="*/ 2139919 h 2323145"/>
              <a:gd name="connsiteX178" fmla="*/ 3036901 w 11269336"/>
              <a:gd name="connsiteY178" fmla="*/ 2138726 h 2323145"/>
              <a:gd name="connsiteX179" fmla="*/ 3026996 w 11269336"/>
              <a:gd name="connsiteY179" fmla="*/ 2134322 h 2323145"/>
              <a:gd name="connsiteX180" fmla="*/ 3007772 w 11269336"/>
              <a:gd name="connsiteY180" fmla="*/ 2128742 h 2323145"/>
              <a:gd name="connsiteX181" fmla="*/ 2965030 w 11269336"/>
              <a:gd name="connsiteY181" fmla="*/ 2100494 h 2323145"/>
              <a:gd name="connsiteX182" fmla="*/ 2926342 w 11269336"/>
              <a:gd name="connsiteY182" fmla="*/ 2104155 h 2323145"/>
              <a:gd name="connsiteX183" fmla="*/ 2918608 w 11269336"/>
              <a:gd name="connsiteY183" fmla="*/ 2104215 h 2323145"/>
              <a:gd name="connsiteX184" fmla="*/ 2918475 w 11269336"/>
              <a:gd name="connsiteY184" fmla="*/ 2103937 h 2323145"/>
              <a:gd name="connsiteX185" fmla="*/ 2910360 w 11269336"/>
              <a:gd name="connsiteY185" fmla="*/ 2103444 h 2323145"/>
              <a:gd name="connsiteX186" fmla="*/ 2904507 w 11269336"/>
              <a:gd name="connsiteY186" fmla="*/ 2104326 h 2323145"/>
              <a:gd name="connsiteX187" fmla="*/ 2889503 w 11269336"/>
              <a:gd name="connsiteY187" fmla="*/ 2104443 h 2323145"/>
              <a:gd name="connsiteX188" fmla="*/ 2884480 w 11269336"/>
              <a:gd name="connsiteY188" fmla="*/ 2102626 h 2323145"/>
              <a:gd name="connsiteX189" fmla="*/ 2882689 w 11269336"/>
              <a:gd name="connsiteY189" fmla="*/ 2099228 h 2323145"/>
              <a:gd name="connsiteX190" fmla="*/ 2881291 w 11269336"/>
              <a:gd name="connsiteY190" fmla="*/ 2099618 h 2323145"/>
              <a:gd name="connsiteX191" fmla="*/ 2853979 w 11269336"/>
              <a:gd name="connsiteY191" fmla="*/ 2090388 h 2323145"/>
              <a:gd name="connsiteX192" fmla="*/ 2791790 w 11269336"/>
              <a:gd name="connsiteY192" fmla="*/ 2080332 h 2323145"/>
              <a:gd name="connsiteX193" fmla="*/ 2755844 w 11269336"/>
              <a:gd name="connsiteY193" fmla="*/ 2078874 h 2323145"/>
              <a:gd name="connsiteX194" fmla="*/ 2657742 w 11269336"/>
              <a:gd name="connsiteY194" fmla="*/ 2070179 h 2323145"/>
              <a:gd name="connsiteX195" fmla="*/ 2559549 w 11269336"/>
              <a:gd name="connsiteY195" fmla="*/ 2057873 h 2323145"/>
              <a:gd name="connsiteX196" fmla="*/ 2512054 w 11269336"/>
              <a:gd name="connsiteY196" fmla="*/ 2031671 h 2323145"/>
              <a:gd name="connsiteX197" fmla="*/ 2506437 w 11269336"/>
              <a:gd name="connsiteY197" fmla="*/ 2030918 h 2323145"/>
              <a:gd name="connsiteX198" fmla="*/ 2491752 w 11269336"/>
              <a:gd name="connsiteY198" fmla="*/ 2033906 h 2323145"/>
              <a:gd name="connsiteX199" fmla="*/ 2486338 w 11269336"/>
              <a:gd name="connsiteY199" fmla="*/ 2035862 h 2323145"/>
              <a:gd name="connsiteX200" fmla="*/ 2478186 w 11269336"/>
              <a:gd name="connsiteY200" fmla="*/ 2036953 h 2323145"/>
              <a:gd name="connsiteX201" fmla="*/ 2477950 w 11269336"/>
              <a:gd name="connsiteY201" fmla="*/ 2036715 h 2323145"/>
              <a:gd name="connsiteX202" fmla="*/ 2470381 w 11269336"/>
              <a:gd name="connsiteY202" fmla="*/ 2038256 h 2323145"/>
              <a:gd name="connsiteX203" fmla="*/ 2433781 w 11269336"/>
              <a:gd name="connsiteY203" fmla="*/ 2049140 h 2323145"/>
              <a:gd name="connsiteX204" fmla="*/ 2381172 w 11269336"/>
              <a:gd name="connsiteY204" fmla="*/ 2030645 h 2323145"/>
              <a:gd name="connsiteX205" fmla="*/ 2360198 w 11269336"/>
              <a:gd name="connsiteY205" fmla="*/ 2029059 h 2323145"/>
              <a:gd name="connsiteX206" fmla="*/ 2348815 w 11269336"/>
              <a:gd name="connsiteY206" fmla="*/ 2026798 h 2323145"/>
              <a:gd name="connsiteX207" fmla="*/ 2347988 w 11269336"/>
              <a:gd name="connsiteY207" fmla="*/ 2025745 h 2323145"/>
              <a:gd name="connsiteX208" fmla="*/ 2312920 w 11269336"/>
              <a:gd name="connsiteY208" fmla="*/ 2036311 h 2323145"/>
              <a:gd name="connsiteX209" fmla="*/ 2307986 w 11269336"/>
              <a:gd name="connsiteY209" fmla="*/ 2035583 h 2323145"/>
              <a:gd name="connsiteX210" fmla="*/ 2285481 w 11269336"/>
              <a:gd name="connsiteY210" fmla="*/ 2045197 h 2323145"/>
              <a:gd name="connsiteX211" fmla="*/ 2273666 w 11269336"/>
              <a:gd name="connsiteY211" fmla="*/ 2048710 h 2323145"/>
              <a:gd name="connsiteX212" fmla="*/ 2270719 w 11269336"/>
              <a:gd name="connsiteY212" fmla="*/ 2052702 h 2323145"/>
              <a:gd name="connsiteX213" fmla="*/ 2253080 w 11269336"/>
              <a:gd name="connsiteY213" fmla="*/ 2056363 h 2323145"/>
              <a:gd name="connsiteX214" fmla="*/ 2250906 w 11269336"/>
              <a:gd name="connsiteY214" fmla="*/ 2055654 h 2323145"/>
              <a:gd name="connsiteX215" fmla="*/ 2236905 w 11269336"/>
              <a:gd name="connsiteY215" fmla="*/ 2062882 h 2323145"/>
              <a:gd name="connsiteX216" fmla="*/ 2225830 w 11269336"/>
              <a:gd name="connsiteY216" fmla="*/ 2074027 h 2323145"/>
              <a:gd name="connsiteX217" fmla="*/ 2073776 w 11269336"/>
              <a:gd name="connsiteY217" fmla="*/ 2089244 h 2323145"/>
              <a:gd name="connsiteX218" fmla="*/ 1948256 w 11269336"/>
              <a:gd name="connsiteY218" fmla="*/ 2146616 h 2323145"/>
              <a:gd name="connsiteX219" fmla="*/ 1865582 w 11269336"/>
              <a:gd name="connsiteY219" fmla="*/ 2153738 h 2323145"/>
              <a:gd name="connsiteX220" fmla="*/ 1835210 w 11269336"/>
              <a:gd name="connsiteY220" fmla="*/ 2134244 h 2323145"/>
              <a:gd name="connsiteX221" fmla="*/ 1632661 w 11269336"/>
              <a:gd name="connsiteY221" fmla="*/ 2173882 h 2323145"/>
              <a:gd name="connsiteX222" fmla="*/ 1579590 w 11269336"/>
              <a:gd name="connsiteY222" fmla="*/ 2173680 h 2323145"/>
              <a:gd name="connsiteX223" fmla="*/ 1535601 w 11269336"/>
              <a:gd name="connsiteY223" fmla="*/ 2194590 h 2323145"/>
              <a:gd name="connsiteX224" fmla="*/ 1515594 w 11269336"/>
              <a:gd name="connsiteY224" fmla="*/ 2189622 h 2323145"/>
              <a:gd name="connsiteX225" fmla="*/ 1512113 w 11269336"/>
              <a:gd name="connsiteY225" fmla="*/ 2188534 h 2323145"/>
              <a:gd name="connsiteX226" fmla="*/ 1498838 w 11269336"/>
              <a:gd name="connsiteY226" fmla="*/ 2189213 h 2323145"/>
              <a:gd name="connsiteX227" fmla="*/ 1494279 w 11269336"/>
              <a:gd name="connsiteY227" fmla="*/ 2183112 h 2323145"/>
              <a:gd name="connsiteX228" fmla="*/ 1473714 w 11269336"/>
              <a:gd name="connsiteY228" fmla="*/ 2179625 h 2323145"/>
              <a:gd name="connsiteX229" fmla="*/ 1449503 w 11269336"/>
              <a:gd name="connsiteY229" fmla="*/ 2182633 h 2323145"/>
              <a:gd name="connsiteX230" fmla="*/ 1266687 w 11269336"/>
              <a:gd name="connsiteY230" fmla="*/ 2212688 h 2323145"/>
              <a:gd name="connsiteX231" fmla="*/ 1239614 w 11269336"/>
              <a:gd name="connsiteY231" fmla="*/ 2209727 h 2323145"/>
              <a:gd name="connsiteX232" fmla="*/ 1202436 w 11269336"/>
              <a:gd name="connsiteY232" fmla="*/ 2209817 h 2323145"/>
              <a:gd name="connsiteX233" fmla="*/ 1136097 w 11269336"/>
              <a:gd name="connsiteY233" fmla="*/ 2205112 h 2323145"/>
              <a:gd name="connsiteX234" fmla="*/ 988232 w 11269336"/>
              <a:gd name="connsiteY234" fmla="*/ 2235635 h 2323145"/>
              <a:gd name="connsiteX235" fmla="*/ 981959 w 11269336"/>
              <a:gd name="connsiteY235" fmla="*/ 2231607 h 2323145"/>
              <a:gd name="connsiteX236" fmla="*/ 938600 w 11269336"/>
              <a:gd name="connsiteY236" fmla="*/ 2238113 h 2323145"/>
              <a:gd name="connsiteX237" fmla="*/ 791788 w 11269336"/>
              <a:gd name="connsiteY237" fmla="*/ 2293224 h 2323145"/>
              <a:gd name="connsiteX238" fmla="*/ 706914 w 11269336"/>
              <a:gd name="connsiteY238" fmla="*/ 2305046 h 2323145"/>
              <a:gd name="connsiteX239" fmla="*/ 675971 w 11269336"/>
              <a:gd name="connsiteY239" fmla="*/ 2304030 h 2323145"/>
              <a:gd name="connsiteX240" fmla="*/ 624180 w 11269336"/>
              <a:gd name="connsiteY240" fmla="*/ 2302650 h 2323145"/>
              <a:gd name="connsiteX241" fmla="*/ 583453 w 11269336"/>
              <a:gd name="connsiteY241" fmla="*/ 2288788 h 2323145"/>
              <a:gd name="connsiteX242" fmla="*/ 540946 w 11269336"/>
              <a:gd name="connsiteY242" fmla="*/ 2292721 h 2323145"/>
              <a:gd name="connsiteX243" fmla="*/ 533680 w 11269336"/>
              <a:gd name="connsiteY243" fmla="*/ 2310233 h 2323145"/>
              <a:gd name="connsiteX244" fmla="*/ 487366 w 11269336"/>
              <a:gd name="connsiteY244" fmla="*/ 2309053 h 2323145"/>
              <a:gd name="connsiteX245" fmla="*/ 416820 w 11269336"/>
              <a:gd name="connsiteY245" fmla="*/ 2305443 h 2323145"/>
              <a:gd name="connsiteX246" fmla="*/ 376805 w 11269336"/>
              <a:gd name="connsiteY246" fmla="*/ 2307647 h 2323145"/>
              <a:gd name="connsiteX247" fmla="*/ 266777 w 11269336"/>
              <a:gd name="connsiteY247" fmla="*/ 2309012 h 2323145"/>
              <a:gd name="connsiteX248" fmla="*/ 156013 w 11269336"/>
              <a:gd name="connsiteY248" fmla="*/ 2306832 h 2323145"/>
              <a:gd name="connsiteX249" fmla="*/ 87258 w 11269336"/>
              <a:gd name="connsiteY249" fmla="*/ 2285511 h 2323145"/>
              <a:gd name="connsiteX250" fmla="*/ 23798 w 11269336"/>
              <a:gd name="connsiteY250" fmla="*/ 2281822 h 2323145"/>
              <a:gd name="connsiteX251" fmla="*/ 0 w 11269336"/>
              <a:gd name="connsiteY251" fmla="*/ 2285369 h 2323145"/>
              <a:gd name="connsiteX252" fmla="*/ 0 w 11269336"/>
              <a:gd name="connsiteY25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405765 w 11269336"/>
              <a:gd name="connsiteY141" fmla="*/ 2199902 h 2323145"/>
              <a:gd name="connsiteX142" fmla="*/ 4401354 w 11269336"/>
              <a:gd name="connsiteY142" fmla="*/ 2194745 h 2323145"/>
              <a:gd name="connsiteX143" fmla="*/ 4366646 w 11269336"/>
              <a:gd name="connsiteY143" fmla="*/ 2198564 h 2323145"/>
              <a:gd name="connsiteX144" fmla="*/ 4354009 w 11269336"/>
              <a:gd name="connsiteY144" fmla="*/ 2204984 h 2323145"/>
              <a:gd name="connsiteX145" fmla="*/ 4348284 w 11269336"/>
              <a:gd name="connsiteY145" fmla="*/ 2205270 h 2323145"/>
              <a:gd name="connsiteX146" fmla="*/ 4333906 w 11269336"/>
              <a:gd name="connsiteY146" fmla="*/ 2205251 h 2323145"/>
              <a:gd name="connsiteX147" fmla="*/ 4308819 w 11269336"/>
              <a:gd name="connsiteY147" fmla="*/ 2203822 h 2323145"/>
              <a:gd name="connsiteX148" fmla="*/ 4301210 w 11269336"/>
              <a:gd name="connsiteY148" fmla="*/ 2204456 h 2323145"/>
              <a:gd name="connsiteX149" fmla="*/ 4283095 w 11269336"/>
              <a:gd name="connsiteY149" fmla="*/ 2198177 h 2323145"/>
              <a:gd name="connsiteX150" fmla="*/ 4250119 w 11269336"/>
              <a:gd name="connsiteY150" fmla="*/ 2196342 h 2323145"/>
              <a:gd name="connsiteX151" fmla="*/ 4189203 w 11269336"/>
              <a:gd name="connsiteY151" fmla="*/ 2178994 h 2323145"/>
              <a:gd name="connsiteX152" fmla="*/ 4154035 w 11269336"/>
              <a:gd name="connsiteY152" fmla="*/ 2171950 h 2323145"/>
              <a:gd name="connsiteX153" fmla="*/ 4129569 w 11269336"/>
              <a:gd name="connsiteY153" fmla="*/ 2163850 h 2323145"/>
              <a:gd name="connsiteX154" fmla="*/ 4061250 w 11269336"/>
              <a:gd name="connsiteY154" fmla="*/ 2159236 h 2323145"/>
              <a:gd name="connsiteX155" fmla="*/ 3945480 w 11269336"/>
              <a:gd name="connsiteY155" fmla="*/ 2158279 h 2323145"/>
              <a:gd name="connsiteX156" fmla="*/ 3921468 w 11269336"/>
              <a:gd name="connsiteY156" fmla="*/ 2156588 h 2323145"/>
              <a:gd name="connsiteX157" fmla="*/ 3903348 w 11269336"/>
              <a:gd name="connsiteY157" fmla="*/ 2149220 h 2323145"/>
              <a:gd name="connsiteX158" fmla="*/ 3901342 w 11269336"/>
              <a:gd name="connsiteY158" fmla="*/ 2142355 h 2323145"/>
              <a:gd name="connsiteX159" fmla="*/ 3888539 w 11269336"/>
              <a:gd name="connsiteY159" fmla="*/ 2140476 h 2323145"/>
              <a:gd name="connsiteX160" fmla="*/ 3885662 w 11269336"/>
              <a:gd name="connsiteY160" fmla="*/ 2138740 h 2323145"/>
              <a:gd name="connsiteX161" fmla="*/ 3868627 w 11269336"/>
              <a:gd name="connsiteY161" fmla="*/ 2130023 h 2323145"/>
              <a:gd name="connsiteX162" fmla="*/ 3819177 w 11269336"/>
              <a:gd name="connsiteY162" fmla="*/ 2142111 h 2323145"/>
              <a:gd name="connsiteX163" fmla="*/ 3769100 w 11269336"/>
              <a:gd name="connsiteY163" fmla="*/ 2131731 h 2323145"/>
              <a:gd name="connsiteX164" fmla="*/ 3562752 w 11269336"/>
              <a:gd name="connsiteY164" fmla="*/ 2131785 h 2323145"/>
              <a:gd name="connsiteX165" fmla="*/ 3541402 w 11269336"/>
              <a:gd name="connsiteY165" fmla="*/ 2106821 h 2323145"/>
              <a:gd name="connsiteX166" fmla="*/ 3365341 w 11269336"/>
              <a:gd name="connsiteY166" fmla="*/ 2077638 h 2323145"/>
              <a:gd name="connsiteX167" fmla="*/ 3170922 w 11269336"/>
              <a:gd name="connsiteY167" fmla="*/ 2115957 h 2323145"/>
              <a:gd name="connsiteX168" fmla="*/ 3156256 w 11269336"/>
              <a:gd name="connsiteY168" fmla="*/ 2124773 h 2323145"/>
              <a:gd name="connsiteX169" fmla="*/ 3140298 w 11269336"/>
              <a:gd name="connsiteY169" fmla="*/ 2129182 h 2323145"/>
              <a:gd name="connsiteX170" fmla="*/ 3138514 w 11269336"/>
              <a:gd name="connsiteY170" fmla="*/ 2128069 h 2323145"/>
              <a:gd name="connsiteX171" fmla="*/ 3120467 w 11269336"/>
              <a:gd name="connsiteY171" fmla="*/ 2128281 h 2323145"/>
              <a:gd name="connsiteX172" fmla="*/ 3116175 w 11269336"/>
              <a:gd name="connsiteY172" fmla="*/ 2131633 h 2323145"/>
              <a:gd name="connsiteX173" fmla="*/ 3103685 w 11269336"/>
              <a:gd name="connsiteY173" fmla="*/ 2132814 h 2323145"/>
              <a:gd name="connsiteX174" fmla="*/ 3078794 w 11269336"/>
              <a:gd name="connsiteY174" fmla="*/ 2137935 h 2323145"/>
              <a:gd name="connsiteX175" fmla="*/ 3074407 w 11269336"/>
              <a:gd name="connsiteY175" fmla="*/ 2136274 h 2323145"/>
              <a:gd name="connsiteX176" fmla="*/ 3037285 w 11269336"/>
              <a:gd name="connsiteY176" fmla="*/ 2139919 h 2323145"/>
              <a:gd name="connsiteX177" fmla="*/ 3036901 w 11269336"/>
              <a:gd name="connsiteY177" fmla="*/ 2138726 h 2323145"/>
              <a:gd name="connsiteX178" fmla="*/ 3026996 w 11269336"/>
              <a:gd name="connsiteY178" fmla="*/ 2134322 h 2323145"/>
              <a:gd name="connsiteX179" fmla="*/ 3007772 w 11269336"/>
              <a:gd name="connsiteY179" fmla="*/ 2128742 h 2323145"/>
              <a:gd name="connsiteX180" fmla="*/ 2965030 w 11269336"/>
              <a:gd name="connsiteY180" fmla="*/ 2100494 h 2323145"/>
              <a:gd name="connsiteX181" fmla="*/ 2926342 w 11269336"/>
              <a:gd name="connsiteY181" fmla="*/ 2104155 h 2323145"/>
              <a:gd name="connsiteX182" fmla="*/ 2918608 w 11269336"/>
              <a:gd name="connsiteY182" fmla="*/ 2104215 h 2323145"/>
              <a:gd name="connsiteX183" fmla="*/ 2918475 w 11269336"/>
              <a:gd name="connsiteY183" fmla="*/ 2103937 h 2323145"/>
              <a:gd name="connsiteX184" fmla="*/ 2910360 w 11269336"/>
              <a:gd name="connsiteY184" fmla="*/ 2103444 h 2323145"/>
              <a:gd name="connsiteX185" fmla="*/ 2904507 w 11269336"/>
              <a:gd name="connsiteY185" fmla="*/ 2104326 h 2323145"/>
              <a:gd name="connsiteX186" fmla="*/ 2889503 w 11269336"/>
              <a:gd name="connsiteY186" fmla="*/ 2104443 h 2323145"/>
              <a:gd name="connsiteX187" fmla="*/ 2884480 w 11269336"/>
              <a:gd name="connsiteY187" fmla="*/ 2102626 h 2323145"/>
              <a:gd name="connsiteX188" fmla="*/ 2882689 w 11269336"/>
              <a:gd name="connsiteY188" fmla="*/ 2099228 h 2323145"/>
              <a:gd name="connsiteX189" fmla="*/ 2881291 w 11269336"/>
              <a:gd name="connsiteY189" fmla="*/ 2099618 h 2323145"/>
              <a:gd name="connsiteX190" fmla="*/ 2853979 w 11269336"/>
              <a:gd name="connsiteY190" fmla="*/ 2090388 h 2323145"/>
              <a:gd name="connsiteX191" fmla="*/ 2791790 w 11269336"/>
              <a:gd name="connsiteY191" fmla="*/ 2080332 h 2323145"/>
              <a:gd name="connsiteX192" fmla="*/ 2755844 w 11269336"/>
              <a:gd name="connsiteY192" fmla="*/ 2078874 h 2323145"/>
              <a:gd name="connsiteX193" fmla="*/ 2657742 w 11269336"/>
              <a:gd name="connsiteY193" fmla="*/ 2070179 h 2323145"/>
              <a:gd name="connsiteX194" fmla="*/ 2559549 w 11269336"/>
              <a:gd name="connsiteY194" fmla="*/ 2057873 h 2323145"/>
              <a:gd name="connsiteX195" fmla="*/ 2512054 w 11269336"/>
              <a:gd name="connsiteY195" fmla="*/ 2031671 h 2323145"/>
              <a:gd name="connsiteX196" fmla="*/ 2506437 w 11269336"/>
              <a:gd name="connsiteY196" fmla="*/ 2030918 h 2323145"/>
              <a:gd name="connsiteX197" fmla="*/ 2491752 w 11269336"/>
              <a:gd name="connsiteY197" fmla="*/ 2033906 h 2323145"/>
              <a:gd name="connsiteX198" fmla="*/ 2486338 w 11269336"/>
              <a:gd name="connsiteY198" fmla="*/ 2035862 h 2323145"/>
              <a:gd name="connsiteX199" fmla="*/ 2478186 w 11269336"/>
              <a:gd name="connsiteY199" fmla="*/ 2036953 h 2323145"/>
              <a:gd name="connsiteX200" fmla="*/ 2477950 w 11269336"/>
              <a:gd name="connsiteY200" fmla="*/ 2036715 h 2323145"/>
              <a:gd name="connsiteX201" fmla="*/ 2470381 w 11269336"/>
              <a:gd name="connsiteY201" fmla="*/ 2038256 h 2323145"/>
              <a:gd name="connsiteX202" fmla="*/ 2433781 w 11269336"/>
              <a:gd name="connsiteY202" fmla="*/ 2049140 h 2323145"/>
              <a:gd name="connsiteX203" fmla="*/ 2381172 w 11269336"/>
              <a:gd name="connsiteY203" fmla="*/ 2030645 h 2323145"/>
              <a:gd name="connsiteX204" fmla="*/ 2360198 w 11269336"/>
              <a:gd name="connsiteY204" fmla="*/ 2029059 h 2323145"/>
              <a:gd name="connsiteX205" fmla="*/ 2348815 w 11269336"/>
              <a:gd name="connsiteY205" fmla="*/ 2026798 h 2323145"/>
              <a:gd name="connsiteX206" fmla="*/ 2347988 w 11269336"/>
              <a:gd name="connsiteY206" fmla="*/ 2025745 h 2323145"/>
              <a:gd name="connsiteX207" fmla="*/ 2312920 w 11269336"/>
              <a:gd name="connsiteY207" fmla="*/ 2036311 h 2323145"/>
              <a:gd name="connsiteX208" fmla="*/ 2307986 w 11269336"/>
              <a:gd name="connsiteY208" fmla="*/ 2035583 h 2323145"/>
              <a:gd name="connsiteX209" fmla="*/ 2285481 w 11269336"/>
              <a:gd name="connsiteY209" fmla="*/ 2045197 h 2323145"/>
              <a:gd name="connsiteX210" fmla="*/ 2273666 w 11269336"/>
              <a:gd name="connsiteY210" fmla="*/ 2048710 h 2323145"/>
              <a:gd name="connsiteX211" fmla="*/ 2270719 w 11269336"/>
              <a:gd name="connsiteY211" fmla="*/ 2052702 h 2323145"/>
              <a:gd name="connsiteX212" fmla="*/ 2253080 w 11269336"/>
              <a:gd name="connsiteY212" fmla="*/ 2056363 h 2323145"/>
              <a:gd name="connsiteX213" fmla="*/ 2250906 w 11269336"/>
              <a:gd name="connsiteY213" fmla="*/ 2055654 h 2323145"/>
              <a:gd name="connsiteX214" fmla="*/ 2236905 w 11269336"/>
              <a:gd name="connsiteY214" fmla="*/ 2062882 h 2323145"/>
              <a:gd name="connsiteX215" fmla="*/ 2225830 w 11269336"/>
              <a:gd name="connsiteY215" fmla="*/ 2074027 h 2323145"/>
              <a:gd name="connsiteX216" fmla="*/ 2073776 w 11269336"/>
              <a:gd name="connsiteY216" fmla="*/ 2089244 h 2323145"/>
              <a:gd name="connsiteX217" fmla="*/ 1948256 w 11269336"/>
              <a:gd name="connsiteY217" fmla="*/ 2146616 h 2323145"/>
              <a:gd name="connsiteX218" fmla="*/ 1865582 w 11269336"/>
              <a:gd name="connsiteY218" fmla="*/ 2153738 h 2323145"/>
              <a:gd name="connsiteX219" fmla="*/ 1835210 w 11269336"/>
              <a:gd name="connsiteY219" fmla="*/ 2134244 h 2323145"/>
              <a:gd name="connsiteX220" fmla="*/ 1632661 w 11269336"/>
              <a:gd name="connsiteY220" fmla="*/ 2173882 h 2323145"/>
              <a:gd name="connsiteX221" fmla="*/ 1579590 w 11269336"/>
              <a:gd name="connsiteY221" fmla="*/ 2173680 h 2323145"/>
              <a:gd name="connsiteX222" fmla="*/ 1535601 w 11269336"/>
              <a:gd name="connsiteY222" fmla="*/ 2194590 h 2323145"/>
              <a:gd name="connsiteX223" fmla="*/ 1515594 w 11269336"/>
              <a:gd name="connsiteY223" fmla="*/ 2189622 h 2323145"/>
              <a:gd name="connsiteX224" fmla="*/ 1512113 w 11269336"/>
              <a:gd name="connsiteY224" fmla="*/ 2188534 h 2323145"/>
              <a:gd name="connsiteX225" fmla="*/ 1498838 w 11269336"/>
              <a:gd name="connsiteY225" fmla="*/ 2189213 h 2323145"/>
              <a:gd name="connsiteX226" fmla="*/ 1494279 w 11269336"/>
              <a:gd name="connsiteY226" fmla="*/ 2183112 h 2323145"/>
              <a:gd name="connsiteX227" fmla="*/ 1473714 w 11269336"/>
              <a:gd name="connsiteY227" fmla="*/ 2179625 h 2323145"/>
              <a:gd name="connsiteX228" fmla="*/ 1449503 w 11269336"/>
              <a:gd name="connsiteY228" fmla="*/ 2182633 h 2323145"/>
              <a:gd name="connsiteX229" fmla="*/ 1266687 w 11269336"/>
              <a:gd name="connsiteY229" fmla="*/ 2212688 h 2323145"/>
              <a:gd name="connsiteX230" fmla="*/ 1239614 w 11269336"/>
              <a:gd name="connsiteY230" fmla="*/ 2209727 h 2323145"/>
              <a:gd name="connsiteX231" fmla="*/ 1202436 w 11269336"/>
              <a:gd name="connsiteY231" fmla="*/ 2209817 h 2323145"/>
              <a:gd name="connsiteX232" fmla="*/ 1136097 w 11269336"/>
              <a:gd name="connsiteY232" fmla="*/ 2205112 h 2323145"/>
              <a:gd name="connsiteX233" fmla="*/ 988232 w 11269336"/>
              <a:gd name="connsiteY233" fmla="*/ 2235635 h 2323145"/>
              <a:gd name="connsiteX234" fmla="*/ 981959 w 11269336"/>
              <a:gd name="connsiteY234" fmla="*/ 2231607 h 2323145"/>
              <a:gd name="connsiteX235" fmla="*/ 938600 w 11269336"/>
              <a:gd name="connsiteY235" fmla="*/ 2238113 h 2323145"/>
              <a:gd name="connsiteX236" fmla="*/ 791788 w 11269336"/>
              <a:gd name="connsiteY236" fmla="*/ 2293224 h 2323145"/>
              <a:gd name="connsiteX237" fmla="*/ 706914 w 11269336"/>
              <a:gd name="connsiteY237" fmla="*/ 2305046 h 2323145"/>
              <a:gd name="connsiteX238" fmla="*/ 675971 w 11269336"/>
              <a:gd name="connsiteY238" fmla="*/ 2304030 h 2323145"/>
              <a:gd name="connsiteX239" fmla="*/ 624180 w 11269336"/>
              <a:gd name="connsiteY239" fmla="*/ 2302650 h 2323145"/>
              <a:gd name="connsiteX240" fmla="*/ 583453 w 11269336"/>
              <a:gd name="connsiteY240" fmla="*/ 2288788 h 2323145"/>
              <a:gd name="connsiteX241" fmla="*/ 540946 w 11269336"/>
              <a:gd name="connsiteY241" fmla="*/ 2292721 h 2323145"/>
              <a:gd name="connsiteX242" fmla="*/ 533680 w 11269336"/>
              <a:gd name="connsiteY242" fmla="*/ 2310233 h 2323145"/>
              <a:gd name="connsiteX243" fmla="*/ 487366 w 11269336"/>
              <a:gd name="connsiteY243" fmla="*/ 2309053 h 2323145"/>
              <a:gd name="connsiteX244" fmla="*/ 416820 w 11269336"/>
              <a:gd name="connsiteY244" fmla="*/ 2305443 h 2323145"/>
              <a:gd name="connsiteX245" fmla="*/ 376805 w 11269336"/>
              <a:gd name="connsiteY245" fmla="*/ 2307647 h 2323145"/>
              <a:gd name="connsiteX246" fmla="*/ 266777 w 11269336"/>
              <a:gd name="connsiteY246" fmla="*/ 2309012 h 2323145"/>
              <a:gd name="connsiteX247" fmla="*/ 156013 w 11269336"/>
              <a:gd name="connsiteY247" fmla="*/ 2306832 h 2323145"/>
              <a:gd name="connsiteX248" fmla="*/ 87258 w 11269336"/>
              <a:gd name="connsiteY248" fmla="*/ 2285511 h 2323145"/>
              <a:gd name="connsiteX249" fmla="*/ 23798 w 11269336"/>
              <a:gd name="connsiteY249" fmla="*/ 2281822 h 2323145"/>
              <a:gd name="connsiteX250" fmla="*/ 0 w 11269336"/>
              <a:gd name="connsiteY250" fmla="*/ 2285369 h 2323145"/>
              <a:gd name="connsiteX251" fmla="*/ 0 w 11269336"/>
              <a:gd name="connsiteY251" fmla="*/ 0 h 2323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Lst>
            <a:rect l="l" t="t" r="r" b="b"/>
            <a:pathLst>
              <a:path w="11269336" h="2323145">
                <a:moveTo>
                  <a:pt x="0" y="0"/>
                </a:moveTo>
                <a:lnTo>
                  <a:pt x="11269336" y="0"/>
                </a:lnTo>
                <a:lnTo>
                  <a:pt x="11268645" y="511"/>
                </a:lnTo>
                <a:cubicBezTo>
                  <a:pt x="11257520" y="14091"/>
                  <a:pt x="11248967" y="32073"/>
                  <a:pt x="11230739" y="37096"/>
                </a:cubicBezTo>
                <a:cubicBezTo>
                  <a:pt x="11194283" y="47141"/>
                  <a:pt x="11124351" y="55013"/>
                  <a:pt x="11082485" y="78590"/>
                </a:cubicBezTo>
                <a:cubicBezTo>
                  <a:pt x="11064655" y="69818"/>
                  <a:pt x="11049588" y="97621"/>
                  <a:pt x="11031776" y="79197"/>
                </a:cubicBezTo>
                <a:cubicBezTo>
                  <a:pt x="11016683" y="85023"/>
                  <a:pt x="11009945" y="92832"/>
                  <a:pt x="10995894" y="83459"/>
                </a:cubicBezTo>
                <a:cubicBezTo>
                  <a:pt x="10971843" y="134740"/>
                  <a:pt x="10888992" y="106042"/>
                  <a:pt x="10861177" y="147419"/>
                </a:cubicBezTo>
                <a:cubicBezTo>
                  <a:pt x="10850370" y="129415"/>
                  <a:pt x="10807086" y="138624"/>
                  <a:pt x="10782732" y="135645"/>
                </a:cubicBezTo>
                <a:cubicBezTo>
                  <a:pt x="10869014" y="196205"/>
                  <a:pt x="10693356" y="147304"/>
                  <a:pt x="10660773" y="179312"/>
                </a:cubicBezTo>
                <a:cubicBezTo>
                  <a:pt x="10667385" y="121467"/>
                  <a:pt x="10595265" y="182241"/>
                  <a:pt x="10564442" y="160738"/>
                </a:cubicBezTo>
                <a:cubicBezTo>
                  <a:pt x="10544419" y="190949"/>
                  <a:pt x="10518436" y="167191"/>
                  <a:pt x="10490200" y="183533"/>
                </a:cubicBezTo>
                <a:cubicBezTo>
                  <a:pt x="10423905" y="202688"/>
                  <a:pt x="10362764" y="244779"/>
                  <a:pt x="10271351" y="243104"/>
                </a:cubicBezTo>
                <a:cubicBezTo>
                  <a:pt x="10247818" y="329775"/>
                  <a:pt x="10135674" y="303068"/>
                  <a:pt x="10061033" y="364937"/>
                </a:cubicBezTo>
                <a:cubicBezTo>
                  <a:pt x="10014289" y="383940"/>
                  <a:pt x="9930032" y="360289"/>
                  <a:pt x="9921770" y="406154"/>
                </a:cubicBezTo>
                <a:cubicBezTo>
                  <a:pt x="9894276" y="384665"/>
                  <a:pt x="9881945" y="430851"/>
                  <a:pt x="9858388" y="439489"/>
                </a:cubicBezTo>
                <a:cubicBezTo>
                  <a:pt x="9835642" y="426888"/>
                  <a:pt x="9828901" y="443125"/>
                  <a:pt x="9811914" y="449865"/>
                </a:cubicBezTo>
                <a:cubicBezTo>
                  <a:pt x="9801869" y="441287"/>
                  <a:pt x="9787055" y="444835"/>
                  <a:pt x="9784394" y="457816"/>
                </a:cubicBezTo>
                <a:cubicBezTo>
                  <a:pt x="9797169" y="483924"/>
                  <a:pt x="9656844" y="450179"/>
                  <a:pt x="9656836" y="469967"/>
                </a:cubicBezTo>
                <a:cubicBezTo>
                  <a:pt x="9589537" y="485301"/>
                  <a:pt x="9662097" y="527310"/>
                  <a:pt x="9561575" y="559978"/>
                </a:cubicBezTo>
                <a:cubicBezTo>
                  <a:pt x="9479149" y="599104"/>
                  <a:pt x="9215234" y="670585"/>
                  <a:pt x="9162278" y="704724"/>
                </a:cubicBezTo>
                <a:cubicBezTo>
                  <a:pt x="9173017" y="730567"/>
                  <a:pt x="9063215" y="727685"/>
                  <a:pt x="9062863" y="754656"/>
                </a:cubicBezTo>
                <a:cubicBezTo>
                  <a:pt x="9021608" y="774940"/>
                  <a:pt x="8924639" y="816390"/>
                  <a:pt x="8914746" y="826428"/>
                </a:cubicBezTo>
                <a:lnTo>
                  <a:pt x="8917778" y="835198"/>
                </a:lnTo>
                <a:lnTo>
                  <a:pt x="8905560" y="838358"/>
                </a:lnTo>
                <a:lnTo>
                  <a:pt x="8897564" y="834287"/>
                </a:lnTo>
                <a:lnTo>
                  <a:pt x="8878040" y="844150"/>
                </a:lnTo>
                <a:cubicBezTo>
                  <a:pt x="8861112" y="848992"/>
                  <a:pt x="8812843" y="856499"/>
                  <a:pt x="8795998" y="863337"/>
                </a:cubicBezTo>
                <a:cubicBezTo>
                  <a:pt x="8792888" y="873975"/>
                  <a:pt x="8786153" y="880792"/>
                  <a:pt x="8776970" y="885177"/>
                </a:cubicBezTo>
                <a:lnTo>
                  <a:pt x="8755719" y="889754"/>
                </a:lnTo>
                <a:lnTo>
                  <a:pt x="8743257" y="904723"/>
                </a:lnTo>
                <a:cubicBezTo>
                  <a:pt x="8737642" y="908108"/>
                  <a:pt x="8730651" y="908759"/>
                  <a:pt x="8721366" y="904711"/>
                </a:cubicBezTo>
                <a:cubicBezTo>
                  <a:pt x="8711895" y="915873"/>
                  <a:pt x="8676250" y="900745"/>
                  <a:pt x="8678353" y="926318"/>
                </a:cubicBezTo>
                <a:cubicBezTo>
                  <a:pt x="8658506" y="928813"/>
                  <a:pt x="8647569" y="933735"/>
                  <a:pt x="8636849" y="937900"/>
                </a:cubicBezTo>
                <a:lnTo>
                  <a:pt x="8620213" y="943068"/>
                </a:lnTo>
                <a:lnTo>
                  <a:pt x="8612581" y="952695"/>
                </a:lnTo>
                <a:cubicBezTo>
                  <a:pt x="8605836" y="959769"/>
                  <a:pt x="8598255" y="964412"/>
                  <a:pt x="8589038" y="963892"/>
                </a:cubicBezTo>
                <a:lnTo>
                  <a:pt x="8579950" y="960899"/>
                </a:lnTo>
                <a:cubicBezTo>
                  <a:pt x="8579740" y="962476"/>
                  <a:pt x="8579529" y="964053"/>
                  <a:pt x="8579319" y="965630"/>
                </a:cubicBezTo>
                <a:cubicBezTo>
                  <a:pt x="8579138" y="972972"/>
                  <a:pt x="8576531" y="980010"/>
                  <a:pt x="8547429" y="984506"/>
                </a:cubicBezTo>
                <a:cubicBezTo>
                  <a:pt x="8529238" y="1001725"/>
                  <a:pt x="8505565" y="1015840"/>
                  <a:pt x="8478704" y="1025490"/>
                </a:cubicBezTo>
                <a:cubicBezTo>
                  <a:pt x="8473109" y="1019545"/>
                  <a:pt x="8465819" y="1032194"/>
                  <a:pt x="8461421" y="1035512"/>
                </a:cubicBezTo>
                <a:cubicBezTo>
                  <a:pt x="8459739" y="1031087"/>
                  <a:pt x="8447663" y="1032074"/>
                  <a:pt x="8445003" y="1036851"/>
                </a:cubicBezTo>
                <a:cubicBezTo>
                  <a:pt x="8366593" y="1075951"/>
                  <a:pt x="8398773" y="1021402"/>
                  <a:pt x="8357350" y="1060213"/>
                </a:cubicBezTo>
                <a:cubicBezTo>
                  <a:pt x="8349366" y="1063843"/>
                  <a:pt x="8342208" y="1063367"/>
                  <a:pt x="8335565" y="1061151"/>
                </a:cubicBezTo>
                <a:lnTo>
                  <a:pt x="8325267" y="1055919"/>
                </a:lnTo>
                <a:lnTo>
                  <a:pt x="8293586" y="1076144"/>
                </a:lnTo>
                <a:cubicBezTo>
                  <a:pt x="8277595" y="1084193"/>
                  <a:pt x="8260401" y="1090863"/>
                  <a:pt x="8242405" y="1095960"/>
                </a:cubicBezTo>
                <a:cubicBezTo>
                  <a:pt x="8226373" y="1101227"/>
                  <a:pt x="8224213" y="1102052"/>
                  <a:pt x="8197391" y="1107746"/>
                </a:cubicBezTo>
                <a:cubicBezTo>
                  <a:pt x="8090266" y="1152133"/>
                  <a:pt x="8141491" y="1082372"/>
                  <a:pt x="8081474" y="1130125"/>
                </a:cubicBezTo>
                <a:cubicBezTo>
                  <a:pt x="8070634" y="1134173"/>
                  <a:pt x="8061619" y="1132810"/>
                  <a:pt x="8053585" y="1129169"/>
                </a:cubicBezTo>
                <a:lnTo>
                  <a:pt x="8038422" y="1119092"/>
                </a:lnTo>
                <a:lnTo>
                  <a:pt x="8029450" y="1125592"/>
                </a:lnTo>
                <a:cubicBezTo>
                  <a:pt x="7992226" y="1133484"/>
                  <a:pt x="7978616" y="1122765"/>
                  <a:pt x="7959552" y="1140188"/>
                </a:cubicBezTo>
                <a:cubicBezTo>
                  <a:pt x="7922008" y="1119572"/>
                  <a:pt x="7937737" y="1141786"/>
                  <a:pt x="7914188" y="1150862"/>
                </a:cubicBezTo>
                <a:cubicBezTo>
                  <a:pt x="7896037" y="1160155"/>
                  <a:pt x="7933463" y="1163411"/>
                  <a:pt x="7914918" y="1168758"/>
                </a:cubicBezTo>
                <a:cubicBezTo>
                  <a:pt x="7893102" y="1165887"/>
                  <a:pt x="7898453" y="1187420"/>
                  <a:pt x="7875510" y="1183153"/>
                </a:cubicBezTo>
                <a:cubicBezTo>
                  <a:pt x="7877354" y="1165743"/>
                  <a:pt x="7834286" y="1194789"/>
                  <a:pt x="7829932" y="1180782"/>
                </a:cubicBezTo>
                <a:cubicBezTo>
                  <a:pt x="7816047" y="1204874"/>
                  <a:pt x="7801901" y="1181513"/>
                  <a:pt x="7779182" y="1192665"/>
                </a:cubicBezTo>
                <a:cubicBezTo>
                  <a:pt x="7769446" y="1202686"/>
                  <a:pt x="7761564" y="1205661"/>
                  <a:pt x="7748774" y="1199586"/>
                </a:cubicBezTo>
                <a:cubicBezTo>
                  <a:pt x="7704339" y="1247771"/>
                  <a:pt x="7717626" y="1207638"/>
                  <a:pt x="7671846" y="1231966"/>
                </a:cubicBezTo>
                <a:cubicBezTo>
                  <a:pt x="7632956" y="1255682"/>
                  <a:pt x="7587383" y="1275180"/>
                  <a:pt x="7554146" y="1319748"/>
                </a:cubicBezTo>
                <a:cubicBezTo>
                  <a:pt x="7548775" y="1331557"/>
                  <a:pt x="7531272" y="1339155"/>
                  <a:pt x="7515052" y="1336718"/>
                </a:cubicBezTo>
                <a:cubicBezTo>
                  <a:pt x="7512260" y="1336298"/>
                  <a:pt x="7509613" y="1335590"/>
                  <a:pt x="7507193" y="1334617"/>
                </a:cubicBezTo>
                <a:cubicBezTo>
                  <a:pt x="7488273" y="1365207"/>
                  <a:pt x="7468925" y="1356298"/>
                  <a:pt x="7461694" y="1375866"/>
                </a:cubicBezTo>
                <a:cubicBezTo>
                  <a:pt x="7422434" y="1391917"/>
                  <a:pt x="7384603" y="1382819"/>
                  <a:pt x="7377571" y="1400128"/>
                </a:cubicBezTo>
                <a:cubicBezTo>
                  <a:pt x="7356236" y="1403926"/>
                  <a:pt x="7322509" y="1393138"/>
                  <a:pt x="7311261" y="1412652"/>
                </a:cubicBezTo>
                <a:cubicBezTo>
                  <a:pt x="7305349" y="1400071"/>
                  <a:pt x="7289966" y="1428039"/>
                  <a:pt x="7275307" y="1422171"/>
                </a:cubicBezTo>
                <a:cubicBezTo>
                  <a:pt x="7264529" y="1416601"/>
                  <a:pt x="7257348" y="1423786"/>
                  <a:pt x="7247783" y="1426330"/>
                </a:cubicBezTo>
                <a:cubicBezTo>
                  <a:pt x="7233839" y="1423056"/>
                  <a:pt x="7194363" y="1442037"/>
                  <a:pt x="7185047" y="1451812"/>
                </a:cubicBezTo>
                <a:cubicBezTo>
                  <a:pt x="7164447" y="1483396"/>
                  <a:pt x="7101577" y="1475742"/>
                  <a:pt x="7084117" y="1500281"/>
                </a:cubicBezTo>
                <a:cubicBezTo>
                  <a:pt x="7076899" y="1504821"/>
                  <a:pt x="7069494" y="1507565"/>
                  <a:pt x="7062011" y="1509183"/>
                </a:cubicBezTo>
                <a:lnTo>
                  <a:pt x="7040555" y="1511207"/>
                </a:lnTo>
                <a:lnTo>
                  <a:pt x="7033438" y="1506772"/>
                </a:lnTo>
                <a:lnTo>
                  <a:pt x="7020886" y="1510764"/>
                </a:lnTo>
                <a:lnTo>
                  <a:pt x="7017033" y="1510650"/>
                </a:lnTo>
                <a:lnTo>
                  <a:pt x="6995460" y="1511173"/>
                </a:lnTo>
                <a:cubicBezTo>
                  <a:pt x="7010208" y="1537643"/>
                  <a:pt x="6938512" y="1522467"/>
                  <a:pt x="6962144" y="1541508"/>
                </a:cubicBezTo>
                <a:cubicBezTo>
                  <a:pt x="6926351" y="1550586"/>
                  <a:pt x="6958236" y="1566326"/>
                  <a:pt x="6910674" y="1554793"/>
                </a:cubicBezTo>
                <a:cubicBezTo>
                  <a:pt x="6859225" y="1589274"/>
                  <a:pt x="6769015" y="1598548"/>
                  <a:pt x="6732152" y="1642538"/>
                </a:cubicBezTo>
                <a:cubicBezTo>
                  <a:pt x="6734901" y="1628031"/>
                  <a:pt x="6709146" y="1622413"/>
                  <a:pt x="6694106" y="1632377"/>
                </a:cubicBezTo>
                <a:cubicBezTo>
                  <a:pt x="6702628" y="1575914"/>
                  <a:pt x="6638899" y="1692862"/>
                  <a:pt x="6617223" y="1659889"/>
                </a:cubicBezTo>
                <a:cubicBezTo>
                  <a:pt x="6623246" y="1693349"/>
                  <a:pt x="6561228" y="1764690"/>
                  <a:pt x="6521138" y="1744340"/>
                </a:cubicBezTo>
                <a:cubicBezTo>
                  <a:pt x="6469831" y="1761656"/>
                  <a:pt x="6438109" y="1796731"/>
                  <a:pt x="6380677" y="1796883"/>
                </a:cubicBezTo>
                <a:cubicBezTo>
                  <a:pt x="6379865" y="1801686"/>
                  <a:pt x="6377810" y="1805986"/>
                  <a:pt x="6374897" y="1809910"/>
                </a:cubicBezTo>
                <a:lnTo>
                  <a:pt x="6364545" y="1820090"/>
                </a:lnTo>
                <a:lnTo>
                  <a:pt x="6362126" y="1819991"/>
                </a:lnTo>
                <a:cubicBezTo>
                  <a:pt x="6353055" y="1821720"/>
                  <a:pt x="6348796" y="1824537"/>
                  <a:pt x="6346673" y="1827824"/>
                </a:cubicBezTo>
                <a:lnTo>
                  <a:pt x="6345588" y="1832232"/>
                </a:lnTo>
                <a:lnTo>
                  <a:pt x="6335708" y="1838451"/>
                </a:lnTo>
                <a:lnTo>
                  <a:pt x="6318182" y="1852975"/>
                </a:lnTo>
                <a:lnTo>
                  <a:pt x="6313084" y="1853561"/>
                </a:lnTo>
                <a:lnTo>
                  <a:pt x="6283816" y="1872148"/>
                </a:lnTo>
                <a:lnTo>
                  <a:pt x="6282550" y="1871392"/>
                </a:lnTo>
                <a:cubicBezTo>
                  <a:pt x="6279041" y="1870121"/>
                  <a:pt x="6275192" y="1869982"/>
                  <a:pt x="6270527" y="1872208"/>
                </a:cubicBezTo>
                <a:cubicBezTo>
                  <a:pt x="6265029" y="1853962"/>
                  <a:pt x="6262790" y="1867903"/>
                  <a:pt x="6249518" y="1876079"/>
                </a:cubicBezTo>
                <a:cubicBezTo>
                  <a:pt x="6238019" y="1849564"/>
                  <a:pt x="6207959" y="1881750"/>
                  <a:pt x="6190386" y="1872478"/>
                </a:cubicBezTo>
                <a:cubicBezTo>
                  <a:pt x="6180893" y="1879083"/>
                  <a:pt x="6170646" y="1885584"/>
                  <a:pt x="6159777" y="1891745"/>
                </a:cubicBezTo>
                <a:lnTo>
                  <a:pt x="6153131" y="1895079"/>
                </a:lnTo>
                <a:lnTo>
                  <a:pt x="6152798" y="1894920"/>
                </a:lnTo>
                <a:cubicBezTo>
                  <a:pt x="6150925" y="1895166"/>
                  <a:pt x="6148578" y="1896082"/>
                  <a:pt x="6145388" y="1897990"/>
                </a:cubicBezTo>
                <a:lnTo>
                  <a:pt x="6141014" y="1901155"/>
                </a:lnTo>
                <a:lnTo>
                  <a:pt x="6128122" y="1907623"/>
                </a:lnTo>
                <a:lnTo>
                  <a:pt x="6122351" y="1908359"/>
                </a:lnTo>
                <a:cubicBezTo>
                  <a:pt x="6099508" y="1905910"/>
                  <a:pt x="6088334" y="1869006"/>
                  <a:pt x="6064750" y="1896394"/>
                </a:cubicBezTo>
                <a:cubicBezTo>
                  <a:pt x="6025977" y="1903785"/>
                  <a:pt x="5997095" y="1889190"/>
                  <a:pt x="5964230" y="1910038"/>
                </a:cubicBezTo>
                <a:cubicBezTo>
                  <a:pt x="5927910" y="1916874"/>
                  <a:pt x="5894873" y="1914928"/>
                  <a:pt x="5865399" y="1926966"/>
                </a:cubicBezTo>
                <a:cubicBezTo>
                  <a:pt x="5851644" y="1923038"/>
                  <a:pt x="5839380" y="1922808"/>
                  <a:pt x="5829951" y="1934755"/>
                </a:cubicBezTo>
                <a:cubicBezTo>
                  <a:pt x="5795498" y="1938369"/>
                  <a:pt x="5784532" y="1926246"/>
                  <a:pt x="5765285" y="1941322"/>
                </a:cubicBezTo>
                <a:cubicBezTo>
                  <a:pt x="5741789" y="1922874"/>
                  <a:pt x="5742385" y="1931607"/>
                  <a:pt x="5734750" y="1939793"/>
                </a:cubicBezTo>
                <a:lnTo>
                  <a:pt x="5733569" y="1940505"/>
                </a:lnTo>
                <a:lnTo>
                  <a:pt x="5730329" y="1937845"/>
                </a:lnTo>
                <a:lnTo>
                  <a:pt x="5724661" y="1937455"/>
                </a:lnTo>
                <a:lnTo>
                  <a:pt x="5710186" y="1941370"/>
                </a:lnTo>
                <a:lnTo>
                  <a:pt x="5704910" y="1943663"/>
                </a:lnTo>
                <a:cubicBezTo>
                  <a:pt x="5701213" y="1944937"/>
                  <a:pt x="5698678" y="1945391"/>
                  <a:pt x="5696836" y="1945271"/>
                </a:cubicBezTo>
                <a:lnTo>
                  <a:pt x="5696583" y="1945050"/>
                </a:lnTo>
                <a:lnTo>
                  <a:pt x="5689123" y="1947067"/>
                </a:lnTo>
                <a:cubicBezTo>
                  <a:pt x="5676655" y="1951072"/>
                  <a:pt x="5664639" y="1955533"/>
                  <a:pt x="5653291" y="1960245"/>
                </a:cubicBezTo>
                <a:cubicBezTo>
                  <a:pt x="5640346" y="1947636"/>
                  <a:pt x="5600180" y="1973739"/>
                  <a:pt x="5599385" y="1945198"/>
                </a:cubicBezTo>
                <a:cubicBezTo>
                  <a:pt x="5583913" y="1950736"/>
                  <a:pt x="5576590" y="1964134"/>
                  <a:pt x="5578300" y="1944963"/>
                </a:cubicBezTo>
                <a:cubicBezTo>
                  <a:pt x="5573104" y="1946266"/>
                  <a:pt x="5569560" y="1945382"/>
                  <a:pt x="5566758" y="1943441"/>
                </a:cubicBezTo>
                <a:lnTo>
                  <a:pt x="5565857" y="1942445"/>
                </a:lnTo>
                <a:lnTo>
                  <a:pt x="5531534" y="1955208"/>
                </a:lnTo>
                <a:lnTo>
                  <a:pt x="5526552" y="1954799"/>
                </a:lnTo>
                <a:lnTo>
                  <a:pt x="5504723" y="1965811"/>
                </a:lnTo>
                <a:lnTo>
                  <a:pt x="5493156" y="1970063"/>
                </a:lnTo>
                <a:lnTo>
                  <a:pt x="5490486" y="1974227"/>
                </a:lnTo>
                <a:cubicBezTo>
                  <a:pt x="5487271" y="1977077"/>
                  <a:pt x="5482233" y="1979045"/>
                  <a:pt x="5473107" y="1979001"/>
                </a:cubicBezTo>
                <a:lnTo>
                  <a:pt x="5470885" y="1978432"/>
                </a:lnTo>
                <a:lnTo>
                  <a:pt x="5457393" y="1986525"/>
                </a:lnTo>
                <a:cubicBezTo>
                  <a:pt x="5453194" y="1989853"/>
                  <a:pt x="5449663" y="1993721"/>
                  <a:pt x="5447102" y="1998329"/>
                </a:cubicBezTo>
                <a:cubicBezTo>
                  <a:pt x="5386283" y="2017364"/>
                  <a:pt x="5223545" y="2015483"/>
                  <a:pt x="5159151" y="2029640"/>
                </a:cubicBezTo>
                <a:cubicBezTo>
                  <a:pt x="5141359" y="2036610"/>
                  <a:pt x="5090827" y="2076822"/>
                  <a:pt x="5098838" y="2062961"/>
                </a:cubicBezTo>
                <a:cubicBezTo>
                  <a:pt x="5047883" y="2099457"/>
                  <a:pt x="4922007" y="2111466"/>
                  <a:pt x="4860988" y="2135698"/>
                </a:cubicBezTo>
                <a:cubicBezTo>
                  <a:pt x="4805413" y="2152292"/>
                  <a:pt x="4784714" y="2158665"/>
                  <a:pt x="4765388" y="2162525"/>
                </a:cubicBezTo>
                <a:cubicBezTo>
                  <a:pt x="4758560" y="2161978"/>
                  <a:pt x="4751823" y="2160531"/>
                  <a:pt x="4745033" y="2158859"/>
                </a:cubicBezTo>
                <a:lnTo>
                  <a:pt x="4741475" y="2157998"/>
                </a:lnTo>
                <a:lnTo>
                  <a:pt x="4728247" y="2159526"/>
                </a:lnTo>
                <a:lnTo>
                  <a:pt x="4723263" y="2153742"/>
                </a:lnTo>
                <a:lnTo>
                  <a:pt x="4593061" y="2171597"/>
                </a:lnTo>
                <a:lnTo>
                  <a:pt x="4405765" y="2199902"/>
                </a:lnTo>
                <a:cubicBezTo>
                  <a:pt x="4403942" y="2198353"/>
                  <a:pt x="4402457" y="2196614"/>
                  <a:pt x="4401354" y="2194745"/>
                </a:cubicBezTo>
                <a:lnTo>
                  <a:pt x="4366646" y="2198564"/>
                </a:lnTo>
                <a:lnTo>
                  <a:pt x="4354009" y="2204984"/>
                </a:lnTo>
                <a:lnTo>
                  <a:pt x="4348284" y="2205270"/>
                </a:lnTo>
                <a:lnTo>
                  <a:pt x="4333906" y="2205251"/>
                </a:lnTo>
                <a:cubicBezTo>
                  <a:pt x="4326429" y="2204713"/>
                  <a:pt x="4318024" y="2203940"/>
                  <a:pt x="4308819" y="2203822"/>
                </a:cubicBezTo>
                <a:lnTo>
                  <a:pt x="4301210" y="2204456"/>
                </a:lnTo>
                <a:lnTo>
                  <a:pt x="4283095" y="2198177"/>
                </a:lnTo>
                <a:cubicBezTo>
                  <a:pt x="4269863" y="2193337"/>
                  <a:pt x="4259612" y="2190345"/>
                  <a:pt x="4250119" y="2196342"/>
                </a:cubicBezTo>
                <a:cubicBezTo>
                  <a:pt x="4230702" y="2190559"/>
                  <a:pt x="4213171" y="2166890"/>
                  <a:pt x="4189203" y="2178994"/>
                </a:cubicBezTo>
                <a:cubicBezTo>
                  <a:pt x="4194512" y="2165594"/>
                  <a:pt x="4160734" y="2183257"/>
                  <a:pt x="4154035" y="2171950"/>
                </a:cubicBezTo>
                <a:cubicBezTo>
                  <a:pt x="4150098" y="2162547"/>
                  <a:pt x="4138934" y="2165714"/>
                  <a:pt x="4129569" y="2163850"/>
                </a:cubicBezTo>
                <a:cubicBezTo>
                  <a:pt x="4121391" y="2155090"/>
                  <a:pt x="4076089" y="2154737"/>
                  <a:pt x="4061250" y="2159236"/>
                </a:cubicBezTo>
                <a:cubicBezTo>
                  <a:pt x="4020618" y="2177811"/>
                  <a:pt x="3978175" y="2144465"/>
                  <a:pt x="3945480" y="2158279"/>
                </a:cubicBezTo>
                <a:cubicBezTo>
                  <a:pt x="3936362" y="2159139"/>
                  <a:pt x="3928502" y="2158369"/>
                  <a:pt x="3921468" y="2156588"/>
                </a:cubicBezTo>
                <a:lnTo>
                  <a:pt x="3903348" y="2149220"/>
                </a:lnTo>
                <a:lnTo>
                  <a:pt x="3901342" y="2142355"/>
                </a:lnTo>
                <a:lnTo>
                  <a:pt x="3888539" y="2140476"/>
                </a:lnTo>
                <a:lnTo>
                  <a:pt x="3885662" y="2138740"/>
                </a:lnTo>
                <a:cubicBezTo>
                  <a:pt x="3880178" y="2135398"/>
                  <a:pt x="3874645" y="2132286"/>
                  <a:pt x="3868627" y="2130023"/>
                </a:cubicBezTo>
                <a:cubicBezTo>
                  <a:pt x="3859240" y="2159198"/>
                  <a:pt x="3815892" y="2115590"/>
                  <a:pt x="3819177" y="2142111"/>
                </a:cubicBezTo>
                <a:cubicBezTo>
                  <a:pt x="3784478" y="2134756"/>
                  <a:pt x="3796708" y="2161930"/>
                  <a:pt x="3769100" y="2131731"/>
                </a:cubicBezTo>
                <a:cubicBezTo>
                  <a:pt x="3702423" y="2139704"/>
                  <a:pt x="3625642" y="2109386"/>
                  <a:pt x="3562752" y="2131785"/>
                </a:cubicBezTo>
                <a:cubicBezTo>
                  <a:pt x="3576244" y="2120400"/>
                  <a:pt x="3560801" y="2104591"/>
                  <a:pt x="3541402" y="2106821"/>
                </a:cubicBezTo>
                <a:cubicBezTo>
                  <a:pt x="3592232" y="2061584"/>
                  <a:pt x="3356194" y="2115384"/>
                  <a:pt x="3365341" y="2077638"/>
                </a:cubicBezTo>
                <a:cubicBezTo>
                  <a:pt x="3303594" y="2079161"/>
                  <a:pt x="3221644" y="2111487"/>
                  <a:pt x="3170922" y="2115957"/>
                </a:cubicBezTo>
                <a:cubicBezTo>
                  <a:pt x="3166532" y="2119769"/>
                  <a:pt x="3161579" y="2122617"/>
                  <a:pt x="3156256" y="2124773"/>
                </a:cubicBezTo>
                <a:lnTo>
                  <a:pt x="3140298" y="2129182"/>
                </a:lnTo>
                <a:lnTo>
                  <a:pt x="3138514" y="2128069"/>
                </a:lnTo>
                <a:cubicBezTo>
                  <a:pt x="3130169" y="2125710"/>
                  <a:pt x="3124679" y="2126336"/>
                  <a:pt x="3120467" y="2128281"/>
                </a:cubicBezTo>
                <a:lnTo>
                  <a:pt x="3116175" y="2131633"/>
                </a:lnTo>
                <a:lnTo>
                  <a:pt x="3103685" y="2132814"/>
                </a:lnTo>
                <a:lnTo>
                  <a:pt x="3078794" y="2137935"/>
                </a:lnTo>
                <a:lnTo>
                  <a:pt x="3074407" y="2136274"/>
                </a:lnTo>
                <a:lnTo>
                  <a:pt x="3037285" y="2139919"/>
                </a:lnTo>
                <a:lnTo>
                  <a:pt x="3036901" y="2138726"/>
                </a:lnTo>
                <a:cubicBezTo>
                  <a:pt x="3035193" y="2136135"/>
                  <a:pt x="3032337" y="2134379"/>
                  <a:pt x="3026996" y="2134322"/>
                </a:cubicBezTo>
                <a:cubicBezTo>
                  <a:pt x="3037063" y="2116196"/>
                  <a:pt x="3024412" y="2127308"/>
                  <a:pt x="3007772" y="2128742"/>
                </a:cubicBezTo>
                <a:cubicBezTo>
                  <a:pt x="3019697" y="2100910"/>
                  <a:pt x="2971305" y="2115987"/>
                  <a:pt x="2965030" y="2100494"/>
                </a:cubicBezTo>
                <a:cubicBezTo>
                  <a:pt x="2952539" y="2102174"/>
                  <a:pt x="2939545" y="2103445"/>
                  <a:pt x="2926342" y="2104155"/>
                </a:cubicBezTo>
                <a:lnTo>
                  <a:pt x="2918608" y="2104215"/>
                </a:lnTo>
                <a:cubicBezTo>
                  <a:pt x="2918564" y="2104122"/>
                  <a:pt x="2918519" y="2104030"/>
                  <a:pt x="2918475" y="2103937"/>
                </a:cubicBezTo>
                <a:cubicBezTo>
                  <a:pt x="2916840" y="2103354"/>
                  <a:pt x="2914314" y="2103149"/>
                  <a:pt x="2910360" y="2103444"/>
                </a:cubicBezTo>
                <a:lnTo>
                  <a:pt x="2904507" y="2104326"/>
                </a:lnTo>
                <a:lnTo>
                  <a:pt x="2889503" y="2104443"/>
                </a:lnTo>
                <a:lnTo>
                  <a:pt x="2884480" y="2102626"/>
                </a:lnTo>
                <a:lnTo>
                  <a:pt x="2882689" y="2099228"/>
                </a:lnTo>
                <a:lnTo>
                  <a:pt x="2881291" y="2099618"/>
                </a:lnTo>
                <a:cubicBezTo>
                  <a:pt x="2870663" y="2105606"/>
                  <a:pt x="2867338" y="2114210"/>
                  <a:pt x="2853979" y="2090388"/>
                </a:cubicBezTo>
                <a:cubicBezTo>
                  <a:pt x="2829652" y="2100099"/>
                  <a:pt x="2824975" y="2085577"/>
                  <a:pt x="2791790" y="2080332"/>
                </a:cubicBezTo>
                <a:cubicBezTo>
                  <a:pt x="2777850" y="2089504"/>
                  <a:pt x="2766709" y="2086170"/>
                  <a:pt x="2755844" y="2078874"/>
                </a:cubicBezTo>
                <a:cubicBezTo>
                  <a:pt x="2723488" y="2083049"/>
                  <a:pt x="2694065" y="2072780"/>
                  <a:pt x="2657742" y="2070179"/>
                </a:cubicBezTo>
                <a:cubicBezTo>
                  <a:pt x="2618372" y="2082020"/>
                  <a:pt x="2598368" y="2060559"/>
                  <a:pt x="2559549" y="2057873"/>
                </a:cubicBezTo>
                <a:cubicBezTo>
                  <a:pt x="2525789" y="2078403"/>
                  <a:pt x="2531908" y="2039838"/>
                  <a:pt x="2512054" y="2031671"/>
                </a:cubicBezTo>
                <a:lnTo>
                  <a:pt x="2506437" y="2030918"/>
                </a:lnTo>
                <a:lnTo>
                  <a:pt x="2491752" y="2033906"/>
                </a:lnTo>
                <a:lnTo>
                  <a:pt x="2486338" y="2035862"/>
                </a:lnTo>
                <a:cubicBezTo>
                  <a:pt x="2482568" y="2036899"/>
                  <a:pt x="2480011" y="2037191"/>
                  <a:pt x="2478186" y="2036953"/>
                </a:cubicBezTo>
                <a:lnTo>
                  <a:pt x="2477950" y="2036715"/>
                </a:lnTo>
                <a:lnTo>
                  <a:pt x="2470381" y="2038256"/>
                </a:lnTo>
                <a:cubicBezTo>
                  <a:pt x="2457686" y="2041461"/>
                  <a:pt x="2445410" y="2045155"/>
                  <a:pt x="2433781" y="2049140"/>
                </a:cubicBezTo>
                <a:cubicBezTo>
                  <a:pt x="2421781" y="2035703"/>
                  <a:pt x="2379959" y="2059234"/>
                  <a:pt x="2381172" y="2030645"/>
                </a:cubicBezTo>
                <a:cubicBezTo>
                  <a:pt x="2365380" y="2035192"/>
                  <a:pt x="2357148" y="2048120"/>
                  <a:pt x="2360198" y="2029059"/>
                </a:cubicBezTo>
                <a:cubicBezTo>
                  <a:pt x="2354933" y="2030031"/>
                  <a:pt x="2351467" y="2028919"/>
                  <a:pt x="2348815" y="2026798"/>
                </a:cubicBezTo>
                <a:lnTo>
                  <a:pt x="2347988" y="2025745"/>
                </a:lnTo>
                <a:lnTo>
                  <a:pt x="2312920" y="2036311"/>
                </a:lnTo>
                <a:lnTo>
                  <a:pt x="2307986" y="2035583"/>
                </a:lnTo>
                <a:lnTo>
                  <a:pt x="2285481" y="2045197"/>
                </a:lnTo>
                <a:lnTo>
                  <a:pt x="2273666" y="2048710"/>
                </a:lnTo>
                <a:lnTo>
                  <a:pt x="2270719" y="2052702"/>
                </a:lnTo>
                <a:cubicBezTo>
                  <a:pt x="2267315" y="2055347"/>
                  <a:pt x="2262161" y="2056992"/>
                  <a:pt x="2253080" y="2056363"/>
                </a:cubicBezTo>
                <a:lnTo>
                  <a:pt x="2250906" y="2055654"/>
                </a:lnTo>
                <a:lnTo>
                  <a:pt x="2236905" y="2062882"/>
                </a:lnTo>
                <a:cubicBezTo>
                  <a:pt x="2232493" y="2065942"/>
                  <a:pt x="2228705" y="2069583"/>
                  <a:pt x="2225830" y="2074027"/>
                </a:cubicBezTo>
                <a:cubicBezTo>
                  <a:pt x="2173117" y="2059597"/>
                  <a:pt x="2128486" y="2085502"/>
                  <a:pt x="2073776" y="2089244"/>
                </a:cubicBezTo>
                <a:cubicBezTo>
                  <a:pt x="2046050" y="2059365"/>
                  <a:pt x="1957570" y="2112693"/>
                  <a:pt x="1948256" y="2146616"/>
                </a:cubicBezTo>
                <a:cubicBezTo>
                  <a:pt x="1943005" y="2109192"/>
                  <a:pt x="1832736" y="2206239"/>
                  <a:pt x="1865582" y="2153738"/>
                </a:cubicBezTo>
                <a:cubicBezTo>
                  <a:pt x="1847376" y="2159567"/>
                  <a:pt x="1826258" y="2147592"/>
                  <a:pt x="1835210" y="2134244"/>
                </a:cubicBezTo>
                <a:cubicBezTo>
                  <a:pt x="1781916" y="2167476"/>
                  <a:pt x="1695112" y="2153556"/>
                  <a:pt x="1632661" y="2173882"/>
                </a:cubicBezTo>
                <a:cubicBezTo>
                  <a:pt x="1594177" y="2150642"/>
                  <a:pt x="1616426" y="2173975"/>
                  <a:pt x="1579590" y="2173680"/>
                </a:cubicBezTo>
                <a:cubicBezTo>
                  <a:pt x="1592812" y="2198112"/>
                  <a:pt x="1533818" y="2165220"/>
                  <a:pt x="1535601" y="2194590"/>
                </a:cubicBezTo>
                <a:cubicBezTo>
                  <a:pt x="1528840" y="2193608"/>
                  <a:pt x="1522236" y="2191728"/>
                  <a:pt x="1515594" y="2189622"/>
                </a:cubicBezTo>
                <a:lnTo>
                  <a:pt x="1512113" y="2188534"/>
                </a:lnTo>
                <a:lnTo>
                  <a:pt x="1498838" y="2189213"/>
                </a:lnTo>
                <a:lnTo>
                  <a:pt x="1494279" y="2183112"/>
                </a:lnTo>
                <a:lnTo>
                  <a:pt x="1473714" y="2179625"/>
                </a:lnTo>
                <a:cubicBezTo>
                  <a:pt x="1466138" y="2179292"/>
                  <a:pt x="1458132" y="2180071"/>
                  <a:pt x="1449503" y="2182633"/>
                </a:cubicBezTo>
                <a:lnTo>
                  <a:pt x="1266687" y="2212688"/>
                </a:lnTo>
                <a:cubicBezTo>
                  <a:pt x="1256792" y="2212722"/>
                  <a:pt x="1247024" y="2217857"/>
                  <a:pt x="1239614" y="2209727"/>
                </a:cubicBezTo>
                <a:cubicBezTo>
                  <a:pt x="1228778" y="2200326"/>
                  <a:pt x="1202276" y="2223497"/>
                  <a:pt x="1202436" y="2209817"/>
                </a:cubicBezTo>
                <a:cubicBezTo>
                  <a:pt x="1183471" y="2225854"/>
                  <a:pt x="1157340" y="2206849"/>
                  <a:pt x="1136097" y="2205112"/>
                </a:cubicBezTo>
                <a:cubicBezTo>
                  <a:pt x="1100396" y="2209415"/>
                  <a:pt x="1013922" y="2231219"/>
                  <a:pt x="988232" y="2235635"/>
                </a:cubicBezTo>
                <a:cubicBezTo>
                  <a:pt x="986445" y="2234079"/>
                  <a:pt x="984332" y="2232722"/>
                  <a:pt x="981959" y="2231607"/>
                </a:cubicBezTo>
                <a:cubicBezTo>
                  <a:pt x="968170" y="2225130"/>
                  <a:pt x="948759" y="2228043"/>
                  <a:pt x="938600" y="2238113"/>
                </a:cubicBezTo>
                <a:cubicBezTo>
                  <a:pt x="888371" y="2272824"/>
                  <a:pt x="837950" y="2280135"/>
                  <a:pt x="791788" y="2293224"/>
                </a:cubicBezTo>
                <a:cubicBezTo>
                  <a:pt x="739035" y="2305159"/>
                  <a:pt x="769009" y="2269676"/>
                  <a:pt x="706914" y="2305046"/>
                </a:cubicBezTo>
                <a:cubicBezTo>
                  <a:pt x="697882" y="2295919"/>
                  <a:pt x="689339" y="2296797"/>
                  <a:pt x="675971" y="2304030"/>
                </a:cubicBezTo>
                <a:cubicBezTo>
                  <a:pt x="650201" y="2309060"/>
                  <a:pt x="647591" y="2282853"/>
                  <a:pt x="624180" y="2302650"/>
                </a:cubicBezTo>
                <a:cubicBezTo>
                  <a:pt x="626400" y="2287987"/>
                  <a:pt x="574045" y="2305175"/>
                  <a:pt x="583453" y="2288788"/>
                </a:cubicBezTo>
                <a:cubicBezTo>
                  <a:pt x="564313" y="2278832"/>
                  <a:pt x="559671" y="2301039"/>
                  <a:pt x="540946" y="2292721"/>
                </a:cubicBezTo>
                <a:cubicBezTo>
                  <a:pt x="521576" y="2293191"/>
                  <a:pt x="554439" y="2305843"/>
                  <a:pt x="533680" y="2310233"/>
                </a:cubicBezTo>
                <a:cubicBezTo>
                  <a:pt x="508069" y="2313043"/>
                  <a:pt x="512638" y="2338541"/>
                  <a:pt x="487366" y="2309053"/>
                </a:cubicBezTo>
                <a:cubicBezTo>
                  <a:pt x="462164" y="2321083"/>
                  <a:pt x="454441" y="2307251"/>
                  <a:pt x="416820" y="2305443"/>
                </a:cubicBezTo>
                <a:cubicBezTo>
                  <a:pt x="403012" y="2315890"/>
                  <a:pt x="390105" y="2313733"/>
                  <a:pt x="376805" y="2307647"/>
                </a:cubicBezTo>
                <a:cubicBezTo>
                  <a:pt x="341751" y="2315035"/>
                  <a:pt x="307408" y="2307897"/>
                  <a:pt x="266777" y="2309012"/>
                </a:cubicBezTo>
                <a:cubicBezTo>
                  <a:pt x="225310" y="2324664"/>
                  <a:pt x="199419" y="2305548"/>
                  <a:pt x="156013" y="2306832"/>
                </a:cubicBezTo>
                <a:cubicBezTo>
                  <a:pt x="117457" y="2333851"/>
                  <a:pt x="122965" y="2279562"/>
                  <a:pt x="87258" y="2285511"/>
                </a:cubicBezTo>
                <a:cubicBezTo>
                  <a:pt x="38977" y="2309189"/>
                  <a:pt x="74043" y="2277969"/>
                  <a:pt x="23798" y="2281822"/>
                </a:cubicBezTo>
                <a:lnTo>
                  <a:pt x="0" y="2285369"/>
                </a:lnTo>
                <a:lnTo>
                  <a:pt x="0" y="0"/>
                </a:lnTo>
                <a:close/>
              </a:path>
            </a:pathLst>
          </a:custGeom>
          <a:solidFill>
            <a:srgbClr val="82766A">
              <a:alpha val="15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E7E6E6"/>
              </a:solidFill>
              <a:effectLst/>
              <a:uLnTx/>
              <a:uFillTx/>
              <a:latin typeface="Arial" panose="020B0604020202020204"/>
              <a:ea typeface="+mn-ea"/>
              <a:cs typeface="+mn-cs"/>
            </a:endParaRPr>
          </a:p>
        </p:txBody>
      </p:sp>
      <p:sp>
        <p:nvSpPr>
          <p:cNvPr id="5" name="Turton | Placeholder | SlideID: 1936 | ID: 8">
            <a:extLst>
              <a:ext uri="{FF2B5EF4-FFF2-40B4-BE49-F238E27FC236}">
                <a16:creationId xmlns:a16="http://schemas.microsoft.com/office/drawing/2014/main" id="{19FF3EA2-44AF-4D34-4EEE-7F75ACBD7298}"/>
              </a:ext>
            </a:extLst>
          </p:cNvPr>
          <p:cNvSpPr>
            <a:spLocks noGrp="1"/>
          </p:cNvSpPr>
          <p:nvPr>
            <p:ph type="title"/>
          </p:nvPr>
        </p:nvSpPr>
        <p:spPr>
          <a:xfrm>
            <a:off x="723901" y="509587"/>
            <a:ext cx="7649239" cy="742951"/>
          </a:xfrm>
        </p:spPr>
        <p:txBody>
          <a:bodyPr vert="horz" lIns="91440" tIns="45720" rIns="91440" bIns="45720" rtlCol="0" anchor="ctr">
            <a:normAutofit/>
          </a:bodyPr>
          <a:lstStyle/>
          <a:p>
            <a:r>
              <a:rPr lang="en-US" sz="3600" kern="1200">
                <a:solidFill>
                  <a:schemeClr val="tx1"/>
                </a:solidFill>
                <a:latin typeface="+mj-lt"/>
                <a:ea typeface="+mj-ea"/>
                <a:cs typeface="+mj-cs"/>
              </a:rPr>
              <a:t>3. Parameter redundancy Part I</a:t>
            </a:r>
          </a:p>
        </p:txBody>
      </p:sp>
      <p:sp>
        <p:nvSpPr>
          <p:cNvPr id="26" name="Freeform: Shape 18">
            <a:extLst>
              <a:ext uri="{FF2B5EF4-FFF2-40B4-BE49-F238E27FC236}">
                <a16:creationId xmlns:a16="http://schemas.microsoft.com/office/drawing/2014/main" id="{DEB62645-D4DA-4E99-8344-B1536F63D10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307088" y="6277971"/>
            <a:ext cx="6884912" cy="580030"/>
          </a:xfrm>
          <a:custGeom>
            <a:avLst/>
            <a:gdLst>
              <a:gd name="connsiteX0" fmla="*/ 6884912 w 6884912"/>
              <a:gd name="connsiteY0" fmla="*/ 0 h 1161397"/>
              <a:gd name="connsiteX1" fmla="*/ 6884912 w 6884912"/>
              <a:gd name="connsiteY1" fmla="*/ 1161397 h 1161397"/>
              <a:gd name="connsiteX2" fmla="*/ 0 w 6884912"/>
              <a:gd name="connsiteY2" fmla="*/ 1161397 h 1161397"/>
              <a:gd name="connsiteX3" fmla="*/ 27135 w 6884912"/>
              <a:gd name="connsiteY3" fmla="*/ 1147460 h 1161397"/>
              <a:gd name="connsiteX4" fmla="*/ 115388 w 6884912"/>
              <a:gd name="connsiteY4" fmla="*/ 1159043 h 1161397"/>
              <a:gd name="connsiteX5" fmla="*/ 119094 w 6884912"/>
              <a:gd name="connsiteY5" fmla="*/ 1148463 h 1161397"/>
              <a:gd name="connsiteX6" fmla="*/ 171824 w 6884912"/>
              <a:gd name="connsiteY6" fmla="*/ 1133224 h 1161397"/>
              <a:gd name="connsiteX7" fmla="*/ 376455 w 6884912"/>
              <a:gd name="connsiteY7" fmla="*/ 1137381 h 1161397"/>
              <a:gd name="connsiteX8" fmla="*/ 478946 w 6884912"/>
              <a:gd name="connsiteY8" fmla="*/ 1106011 h 1161397"/>
              <a:gd name="connsiteX9" fmla="*/ 512111 w 6884912"/>
              <a:gd name="connsiteY9" fmla="*/ 1085599 h 1161397"/>
              <a:gd name="connsiteX10" fmla="*/ 567875 w 6884912"/>
              <a:gd name="connsiteY10" fmla="*/ 1051976 h 1161397"/>
              <a:gd name="connsiteX11" fmla="*/ 601644 w 6884912"/>
              <a:gd name="connsiteY11" fmla="*/ 1003997 h 1161397"/>
              <a:gd name="connsiteX12" fmla="*/ 651408 w 6884912"/>
              <a:gd name="connsiteY12" fmla="*/ 984938 h 1161397"/>
              <a:gd name="connsiteX13" fmla="*/ 673197 w 6884912"/>
              <a:gd name="connsiteY13" fmla="*/ 1010060 h 1161397"/>
              <a:gd name="connsiteX14" fmla="*/ 723108 w 6884912"/>
              <a:gd name="connsiteY14" fmla="*/ 980081 h 1161397"/>
              <a:gd name="connsiteX15" fmla="*/ 797699 w 6884912"/>
              <a:gd name="connsiteY15" fmla="*/ 931362 h 1161397"/>
              <a:gd name="connsiteX16" fmla="*/ 843359 w 6884912"/>
              <a:gd name="connsiteY16" fmla="*/ 910894 h 1161397"/>
              <a:gd name="connsiteX17" fmla="*/ 965215 w 6884912"/>
              <a:gd name="connsiteY17" fmla="*/ 846701 h 1161397"/>
              <a:gd name="connsiteX18" fmla="*/ 1085080 w 6884912"/>
              <a:gd name="connsiteY18" fmla="*/ 776086 h 1161397"/>
              <a:gd name="connsiteX19" fmla="*/ 1131224 w 6884912"/>
              <a:gd name="connsiteY19" fmla="*/ 706160 h 1161397"/>
              <a:gd name="connsiteX20" fmla="*/ 1138051 w 6884912"/>
              <a:gd name="connsiteY20" fmla="*/ 702034 h 1161397"/>
              <a:gd name="connsiteX21" fmla="*/ 1158800 w 6884912"/>
              <a:gd name="connsiteY21" fmla="*/ 700004 h 1161397"/>
              <a:gd name="connsiteX22" fmla="*/ 1166947 w 6884912"/>
              <a:gd name="connsiteY22" fmla="*/ 700762 h 1161397"/>
              <a:gd name="connsiteX23" fmla="*/ 1178135 w 6884912"/>
              <a:gd name="connsiteY23" fmla="*/ 698631 h 1161397"/>
              <a:gd name="connsiteX24" fmla="*/ 1178301 w 6884912"/>
              <a:gd name="connsiteY24" fmla="*/ 698094 h 1161397"/>
              <a:gd name="connsiteX25" fmla="*/ 1188995 w 6884912"/>
              <a:gd name="connsiteY25" fmla="*/ 697048 h 1161397"/>
              <a:gd name="connsiteX26" fmla="*/ 1242716 w 6884912"/>
              <a:gd name="connsiteY26" fmla="*/ 698052 h 1161397"/>
              <a:gd name="connsiteX27" fmla="*/ 1299977 w 6884912"/>
              <a:gd name="connsiteY27" fmla="*/ 639196 h 1161397"/>
              <a:gd name="connsiteX28" fmla="*/ 1326190 w 6884912"/>
              <a:gd name="connsiteY28" fmla="*/ 625955 h 1161397"/>
              <a:gd name="connsiteX29" fmla="*/ 1339600 w 6884912"/>
              <a:gd name="connsiteY29" fmla="*/ 616295 h 1161397"/>
              <a:gd name="connsiteX30" fmla="*/ 1340054 w 6884912"/>
              <a:gd name="connsiteY30" fmla="*/ 614022 h 1161397"/>
              <a:gd name="connsiteX31" fmla="*/ 1391606 w 6884912"/>
              <a:gd name="connsiteY31" fmla="*/ 615229 h 1161397"/>
              <a:gd name="connsiteX32" fmla="*/ 1397565 w 6884912"/>
              <a:gd name="connsiteY32" fmla="*/ 611490 h 1161397"/>
              <a:gd name="connsiteX33" fmla="*/ 1432302 w 6884912"/>
              <a:gd name="connsiteY33" fmla="*/ 617267 h 1161397"/>
              <a:gd name="connsiteX34" fmla="*/ 1449644 w 6884912"/>
              <a:gd name="connsiteY34" fmla="*/ 617591 h 1161397"/>
              <a:gd name="connsiteX35" fmla="*/ 1455793 w 6884912"/>
              <a:gd name="connsiteY35" fmla="*/ 623174 h 1161397"/>
              <a:gd name="connsiteX36" fmla="*/ 1480758 w 6884912"/>
              <a:gd name="connsiteY36" fmla="*/ 620863 h 1161397"/>
              <a:gd name="connsiteX37" fmla="*/ 1483154 w 6884912"/>
              <a:gd name="connsiteY37" fmla="*/ 618527 h 1161397"/>
              <a:gd name="connsiteX38" fmla="*/ 1505495 w 6884912"/>
              <a:gd name="connsiteY38" fmla="*/ 624325 h 1161397"/>
              <a:gd name="connsiteX39" fmla="*/ 1526340 w 6884912"/>
              <a:gd name="connsiteY39" fmla="*/ 638496 h 1161397"/>
              <a:gd name="connsiteX40" fmla="*/ 1731986 w 6884912"/>
              <a:gd name="connsiteY40" fmla="*/ 589682 h 1161397"/>
              <a:gd name="connsiteX41" fmla="*/ 1927935 w 6884912"/>
              <a:gd name="connsiteY41" fmla="*/ 628540 h 1161397"/>
              <a:gd name="connsiteX42" fmla="*/ 2039075 w 6884912"/>
              <a:gd name="connsiteY42" fmla="*/ 599964 h 1161397"/>
              <a:gd name="connsiteX43" fmla="*/ 2066980 w 6884912"/>
              <a:gd name="connsiteY43" fmla="*/ 550413 h 1161397"/>
              <a:gd name="connsiteX44" fmla="*/ 2352236 w 6884912"/>
              <a:gd name="connsiteY44" fmla="*/ 519602 h 1161397"/>
              <a:gd name="connsiteX45" fmla="*/ 2420791 w 6884912"/>
              <a:gd name="connsiteY45" fmla="*/ 492826 h 1161397"/>
              <a:gd name="connsiteX46" fmla="*/ 2489932 w 6884912"/>
              <a:gd name="connsiteY46" fmla="*/ 507864 h 1161397"/>
              <a:gd name="connsiteX47" fmla="*/ 2512917 w 6884912"/>
              <a:gd name="connsiteY47" fmla="*/ 489127 h 1161397"/>
              <a:gd name="connsiteX48" fmla="*/ 2516783 w 6884912"/>
              <a:gd name="connsiteY48" fmla="*/ 485473 h 1161397"/>
              <a:gd name="connsiteX49" fmla="*/ 2534360 w 6884912"/>
              <a:gd name="connsiteY49" fmla="*/ 480064 h 1161397"/>
              <a:gd name="connsiteX50" fmla="*/ 2536691 w 6884912"/>
              <a:gd name="connsiteY50" fmla="*/ 467018 h 1161397"/>
              <a:gd name="connsiteX51" fmla="*/ 2561265 w 6884912"/>
              <a:gd name="connsiteY51" fmla="*/ 450623 h 1161397"/>
              <a:gd name="connsiteX52" fmla="*/ 2594349 w 6884912"/>
              <a:gd name="connsiteY52" fmla="*/ 443884 h 1161397"/>
              <a:gd name="connsiteX53" fmla="*/ 2754324 w 6884912"/>
              <a:gd name="connsiteY53" fmla="*/ 424766 h 1161397"/>
              <a:gd name="connsiteX54" fmla="*/ 2848470 w 6884912"/>
              <a:gd name="connsiteY54" fmla="*/ 405966 h 1161397"/>
              <a:gd name="connsiteX55" fmla="*/ 2881772 w 6884912"/>
              <a:gd name="connsiteY55" fmla="*/ 387260 h 1161397"/>
              <a:gd name="connsiteX56" fmla="*/ 2929932 w 6884912"/>
              <a:gd name="connsiteY56" fmla="*/ 368912 h 1161397"/>
              <a:gd name="connsiteX57" fmla="*/ 3013020 w 6884912"/>
              <a:gd name="connsiteY57" fmla="*/ 327578 h 1161397"/>
              <a:gd name="connsiteX58" fmla="*/ 3127968 w 6884912"/>
              <a:gd name="connsiteY58" fmla="*/ 287613 h 1161397"/>
              <a:gd name="connsiteX59" fmla="*/ 3222191 w 6884912"/>
              <a:gd name="connsiteY59" fmla="*/ 307887 h 1161397"/>
              <a:gd name="connsiteX60" fmla="*/ 3227953 w 6884912"/>
              <a:gd name="connsiteY60" fmla="*/ 297650 h 1161397"/>
              <a:gd name="connsiteX61" fmla="*/ 3287859 w 6884912"/>
              <a:gd name="connsiteY61" fmla="*/ 287558 h 1161397"/>
              <a:gd name="connsiteX62" fmla="*/ 3510042 w 6884912"/>
              <a:gd name="connsiteY62" fmla="*/ 311820 h 1161397"/>
              <a:gd name="connsiteX63" fmla="*/ 3626773 w 6884912"/>
              <a:gd name="connsiteY63" fmla="*/ 290452 h 1161397"/>
              <a:gd name="connsiteX64" fmla="*/ 3666217 w 6884912"/>
              <a:gd name="connsiteY64" fmla="*/ 273255 h 1161397"/>
              <a:gd name="connsiteX65" fmla="*/ 3732427 w 6884912"/>
              <a:gd name="connsiteY65" fmla="*/ 245039 h 1161397"/>
              <a:gd name="connsiteX66" fmla="*/ 3777022 w 6884912"/>
              <a:gd name="connsiteY66" fmla="*/ 200276 h 1161397"/>
              <a:gd name="connsiteX67" fmla="*/ 3791246 w 6884912"/>
              <a:gd name="connsiteY67" fmla="*/ 189996 h 1161397"/>
              <a:gd name="connsiteX68" fmla="*/ 3819864 w 6884912"/>
              <a:gd name="connsiteY68" fmla="*/ 194605 h 1161397"/>
              <a:gd name="connsiteX69" fmla="*/ 3830398 w 6884912"/>
              <a:gd name="connsiteY69" fmla="*/ 188383 h 1161397"/>
              <a:gd name="connsiteX70" fmla="*/ 3834360 w 6884912"/>
              <a:gd name="connsiteY70" fmla="*/ 188992 h 1161397"/>
              <a:gd name="connsiteX71" fmla="*/ 3843715 w 6884912"/>
              <a:gd name="connsiteY71" fmla="*/ 188752 h 1161397"/>
              <a:gd name="connsiteX72" fmla="*/ 3842609 w 6884912"/>
              <a:gd name="connsiteY72" fmla="*/ 197386 h 1161397"/>
              <a:gd name="connsiteX73" fmla="*/ 3853961 w 6884912"/>
              <a:gd name="connsiteY73" fmla="*/ 213380 h 1161397"/>
              <a:gd name="connsiteX74" fmla="*/ 3907640 w 6884912"/>
              <a:gd name="connsiteY74" fmla="*/ 207568 h 1161397"/>
              <a:gd name="connsiteX75" fmla="*/ 3910449 w 6884912"/>
              <a:gd name="connsiteY75" fmla="*/ 197808 h 1161397"/>
              <a:gd name="connsiteX76" fmla="*/ 3917197 w 6884912"/>
              <a:gd name="connsiteY76" fmla="*/ 196121 h 1161397"/>
              <a:gd name="connsiteX77" fmla="*/ 3922400 w 6884912"/>
              <a:gd name="connsiteY77" fmla="*/ 205056 h 1161397"/>
              <a:gd name="connsiteX78" fmla="*/ 4013061 w 6884912"/>
              <a:gd name="connsiteY78" fmla="*/ 224874 h 1161397"/>
              <a:gd name="connsiteX79" fmla="*/ 4134285 w 6884912"/>
              <a:gd name="connsiteY79" fmla="*/ 235592 h 1161397"/>
              <a:gd name="connsiteX80" fmla="*/ 4220717 w 6884912"/>
              <a:gd name="connsiteY80" fmla="*/ 192946 h 1161397"/>
              <a:gd name="connsiteX81" fmla="*/ 4228802 w 6884912"/>
              <a:gd name="connsiteY81" fmla="*/ 201468 h 1161397"/>
              <a:gd name="connsiteX82" fmla="*/ 4289361 w 6884912"/>
              <a:gd name="connsiteY82" fmla="*/ 196642 h 1161397"/>
              <a:gd name="connsiteX83" fmla="*/ 4498913 w 6884912"/>
              <a:gd name="connsiteY83" fmla="*/ 118915 h 1161397"/>
              <a:gd name="connsiteX84" fmla="*/ 4617330 w 6884912"/>
              <a:gd name="connsiteY84" fmla="*/ 111163 h 1161397"/>
              <a:gd name="connsiteX85" fmla="*/ 4659778 w 6884912"/>
              <a:gd name="connsiteY85" fmla="*/ 118219 h 1161397"/>
              <a:gd name="connsiteX86" fmla="*/ 4730870 w 6884912"/>
              <a:gd name="connsiteY86" fmla="*/ 129432 h 1161397"/>
              <a:gd name="connsiteX87" fmla="*/ 4785037 w 6884912"/>
              <a:gd name="connsiteY87" fmla="*/ 161964 h 1161397"/>
              <a:gd name="connsiteX88" fmla="*/ 4844073 w 6884912"/>
              <a:gd name="connsiteY88" fmla="*/ 161768 h 1161397"/>
              <a:gd name="connsiteX89" fmla="*/ 4856454 w 6884912"/>
              <a:gd name="connsiteY89" fmla="*/ 130488 h 1161397"/>
              <a:gd name="connsiteX90" fmla="*/ 4920038 w 6884912"/>
              <a:gd name="connsiteY90" fmla="*/ 140418 h 1161397"/>
              <a:gd name="connsiteX91" fmla="*/ 5016639 w 6884912"/>
              <a:gd name="connsiteY91" fmla="*/ 158905 h 1161397"/>
              <a:gd name="connsiteX92" fmla="*/ 5072009 w 6884912"/>
              <a:gd name="connsiteY92" fmla="*/ 161502 h 1161397"/>
              <a:gd name="connsiteX93" fmla="*/ 5223626 w 6884912"/>
              <a:gd name="connsiteY93" fmla="*/ 177356 h 1161397"/>
              <a:gd name="connsiteX94" fmla="*/ 5375773 w 6884912"/>
              <a:gd name="connsiteY94" fmla="*/ 199913 h 1161397"/>
              <a:gd name="connsiteX95" fmla="*/ 5467502 w 6884912"/>
              <a:gd name="connsiteY95" fmla="*/ 250963 h 1161397"/>
              <a:gd name="connsiteX96" fmla="*/ 5592395 w 6884912"/>
              <a:gd name="connsiteY96" fmla="*/ 265434 h 1161397"/>
              <a:gd name="connsiteX97" fmla="*/ 5613532 w 6884912"/>
              <a:gd name="connsiteY97" fmla="*/ 273379 h 1161397"/>
              <a:gd name="connsiteX98" fmla="*/ 5642173 w 6884912"/>
              <a:gd name="connsiteY98" fmla="*/ 266904 h 1161397"/>
              <a:gd name="connsiteX99" fmla="*/ 5756910 w 6884912"/>
              <a:gd name="connsiteY99" fmla="*/ 239211 h 1161397"/>
              <a:gd name="connsiteX100" fmla="*/ 5846667 w 6884912"/>
              <a:gd name="connsiteY100" fmla="*/ 201786 h 1161397"/>
              <a:gd name="connsiteX101" fmla="*/ 5960732 w 6884912"/>
              <a:gd name="connsiteY101" fmla="*/ 220708 h 1161397"/>
              <a:gd name="connsiteX102" fmla="*/ 6029542 w 6884912"/>
              <a:gd name="connsiteY102" fmla="*/ 210339 h 1161397"/>
              <a:gd name="connsiteX103" fmla="*/ 6141123 w 6884912"/>
              <a:gd name="connsiteY103" fmla="*/ 159923 h 1161397"/>
              <a:gd name="connsiteX104" fmla="*/ 6290640 w 6884912"/>
              <a:gd name="connsiteY104" fmla="*/ 167441 h 1161397"/>
              <a:gd name="connsiteX105" fmla="*/ 6322806 w 6884912"/>
              <a:gd name="connsiteY105" fmla="*/ 213293 h 1161397"/>
              <a:gd name="connsiteX106" fmla="*/ 6364914 w 6884912"/>
              <a:gd name="connsiteY106" fmla="*/ 240140 h 1161397"/>
              <a:gd name="connsiteX107" fmla="*/ 6380420 w 6884912"/>
              <a:gd name="connsiteY107" fmla="*/ 173195 h 1161397"/>
              <a:gd name="connsiteX108" fmla="*/ 6507891 w 6884912"/>
              <a:gd name="connsiteY108" fmla="*/ 118474 h 1161397"/>
              <a:gd name="connsiteX109" fmla="*/ 6571807 w 6884912"/>
              <a:gd name="connsiteY109" fmla="*/ 98636 h 1161397"/>
              <a:gd name="connsiteX110" fmla="*/ 6671880 w 6884912"/>
              <a:gd name="connsiteY110" fmla="*/ 82931 h 1161397"/>
              <a:gd name="connsiteX111" fmla="*/ 6702266 w 6884912"/>
              <a:gd name="connsiteY111" fmla="*/ 75470 h 1161397"/>
              <a:gd name="connsiteX112" fmla="*/ 6845802 w 6884912"/>
              <a:gd name="connsiteY112" fmla="*/ 24496 h 11613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Lst>
            <a:rect l="l" t="t" r="r" b="b"/>
            <a:pathLst>
              <a:path w="6884912" h="1161397">
                <a:moveTo>
                  <a:pt x="6884912" y="0"/>
                </a:moveTo>
                <a:lnTo>
                  <a:pt x="6884912" y="1161397"/>
                </a:lnTo>
                <a:lnTo>
                  <a:pt x="0" y="1161397"/>
                </a:lnTo>
                <a:lnTo>
                  <a:pt x="27135" y="1147460"/>
                </a:lnTo>
                <a:cubicBezTo>
                  <a:pt x="57431" y="1167048"/>
                  <a:pt x="61886" y="1135904"/>
                  <a:pt x="115388" y="1159043"/>
                </a:cubicBezTo>
                <a:cubicBezTo>
                  <a:pt x="116121" y="1155340"/>
                  <a:pt x="117370" y="1151777"/>
                  <a:pt x="119094" y="1148463"/>
                </a:cubicBezTo>
                <a:cubicBezTo>
                  <a:pt x="129121" y="1129214"/>
                  <a:pt x="152727" y="1122391"/>
                  <a:pt x="171824" y="1133224"/>
                </a:cubicBezTo>
                <a:cubicBezTo>
                  <a:pt x="254344" y="1161369"/>
                  <a:pt x="315458" y="1143220"/>
                  <a:pt x="376455" y="1137381"/>
                </a:cubicBezTo>
                <a:cubicBezTo>
                  <a:pt x="443775" y="1125614"/>
                  <a:pt x="382885" y="1083927"/>
                  <a:pt x="478946" y="1106011"/>
                </a:cubicBezTo>
                <a:cubicBezTo>
                  <a:pt x="481662" y="1085172"/>
                  <a:pt x="491731" y="1081489"/>
                  <a:pt x="512111" y="1085599"/>
                </a:cubicBezTo>
                <a:cubicBezTo>
                  <a:pt x="544368" y="1078502"/>
                  <a:pt x="526559" y="1032754"/>
                  <a:pt x="567875" y="1051976"/>
                </a:cubicBezTo>
                <a:cubicBezTo>
                  <a:pt x="553871" y="1028602"/>
                  <a:pt x="624901" y="1025930"/>
                  <a:pt x="601644" y="1003997"/>
                </a:cubicBezTo>
                <a:cubicBezTo>
                  <a:pt x="614803" y="975652"/>
                  <a:pt x="637415" y="1010272"/>
                  <a:pt x="651408" y="984938"/>
                </a:cubicBezTo>
                <a:cubicBezTo>
                  <a:pt x="673042" y="974024"/>
                  <a:pt x="646948" y="1015207"/>
                  <a:pt x="673197" y="1010060"/>
                </a:cubicBezTo>
                <a:cubicBezTo>
                  <a:pt x="703527" y="999318"/>
                  <a:pt x="718626" y="1045053"/>
                  <a:pt x="723108" y="980081"/>
                </a:cubicBezTo>
                <a:cubicBezTo>
                  <a:pt x="760262" y="985126"/>
                  <a:pt x="757827" y="957145"/>
                  <a:pt x="797699" y="931362"/>
                </a:cubicBezTo>
                <a:cubicBezTo>
                  <a:pt x="821097" y="940623"/>
                  <a:pt x="833565" y="929189"/>
                  <a:pt x="843359" y="910894"/>
                </a:cubicBezTo>
                <a:cubicBezTo>
                  <a:pt x="887668" y="902160"/>
                  <a:pt x="919738" y="869376"/>
                  <a:pt x="965215" y="846701"/>
                </a:cubicBezTo>
                <a:cubicBezTo>
                  <a:pt x="1023081" y="848019"/>
                  <a:pt x="1036422" y="800154"/>
                  <a:pt x="1085080" y="776086"/>
                </a:cubicBezTo>
                <a:cubicBezTo>
                  <a:pt x="1140763" y="795544"/>
                  <a:pt x="1110309" y="730471"/>
                  <a:pt x="1131224" y="706160"/>
                </a:cubicBezTo>
                <a:lnTo>
                  <a:pt x="1138051" y="702034"/>
                </a:lnTo>
                <a:lnTo>
                  <a:pt x="1158800" y="700004"/>
                </a:lnTo>
                <a:lnTo>
                  <a:pt x="1166947" y="700762"/>
                </a:lnTo>
                <a:cubicBezTo>
                  <a:pt x="1172432" y="700717"/>
                  <a:pt x="1175913" y="699961"/>
                  <a:pt x="1178135" y="698631"/>
                </a:cubicBezTo>
                <a:lnTo>
                  <a:pt x="1178301" y="698094"/>
                </a:lnTo>
                <a:lnTo>
                  <a:pt x="1188995" y="697048"/>
                </a:lnTo>
                <a:cubicBezTo>
                  <a:pt x="1207294" y="696390"/>
                  <a:pt x="1225337" y="696802"/>
                  <a:pt x="1242716" y="698052"/>
                </a:cubicBezTo>
                <a:cubicBezTo>
                  <a:pt x="1250387" y="668345"/>
                  <a:pt x="1318259" y="689091"/>
                  <a:pt x="1299977" y="639196"/>
                </a:cubicBezTo>
                <a:cubicBezTo>
                  <a:pt x="1323072" y="639367"/>
                  <a:pt x="1341279" y="658105"/>
                  <a:pt x="1326190" y="625955"/>
                </a:cubicBezTo>
                <a:cubicBezTo>
                  <a:pt x="1333572" y="625050"/>
                  <a:pt x="1337406" y="621362"/>
                  <a:pt x="1339600" y="616295"/>
                </a:cubicBezTo>
                <a:lnTo>
                  <a:pt x="1340054" y="614022"/>
                </a:lnTo>
                <a:lnTo>
                  <a:pt x="1391606" y="615229"/>
                </a:lnTo>
                <a:lnTo>
                  <a:pt x="1397565" y="611490"/>
                </a:lnTo>
                <a:lnTo>
                  <a:pt x="1432302" y="617267"/>
                </a:lnTo>
                <a:lnTo>
                  <a:pt x="1449644" y="617591"/>
                </a:lnTo>
                <a:lnTo>
                  <a:pt x="1455793" y="623174"/>
                </a:lnTo>
                <a:cubicBezTo>
                  <a:pt x="1461744" y="626151"/>
                  <a:pt x="1469373" y="626493"/>
                  <a:pt x="1480758" y="620863"/>
                </a:cubicBezTo>
                <a:lnTo>
                  <a:pt x="1483154" y="618527"/>
                </a:lnTo>
                <a:lnTo>
                  <a:pt x="1505495" y="624325"/>
                </a:lnTo>
                <a:cubicBezTo>
                  <a:pt x="1512992" y="627532"/>
                  <a:pt x="1520025" y="632078"/>
                  <a:pt x="1526340" y="638496"/>
                </a:cubicBezTo>
                <a:cubicBezTo>
                  <a:pt x="1586113" y="586768"/>
                  <a:pt x="1659006" y="610309"/>
                  <a:pt x="1731986" y="589682"/>
                </a:cubicBezTo>
                <a:cubicBezTo>
                  <a:pt x="1750397" y="523106"/>
                  <a:pt x="1896056" y="573257"/>
                  <a:pt x="1927935" y="628540"/>
                </a:cubicBezTo>
                <a:cubicBezTo>
                  <a:pt x="1912854" y="559823"/>
                  <a:pt x="2112261" y="676347"/>
                  <a:pt x="2039075" y="599964"/>
                </a:cubicBezTo>
                <a:cubicBezTo>
                  <a:pt x="2066036" y="601198"/>
                  <a:pt x="2086366" y="569532"/>
                  <a:pt x="2066980" y="550413"/>
                </a:cubicBezTo>
                <a:cubicBezTo>
                  <a:pt x="2155364" y="582582"/>
                  <a:pt x="2259548" y="514786"/>
                  <a:pt x="2352236" y="519602"/>
                </a:cubicBezTo>
                <a:cubicBezTo>
                  <a:pt x="2388450" y="459394"/>
                  <a:pt x="2373298" y="511682"/>
                  <a:pt x="2420791" y="492826"/>
                </a:cubicBezTo>
                <a:cubicBezTo>
                  <a:pt x="2417962" y="542563"/>
                  <a:pt x="2475071" y="455098"/>
                  <a:pt x="2489932" y="507864"/>
                </a:cubicBezTo>
                <a:cubicBezTo>
                  <a:pt x="2498105" y="502761"/>
                  <a:pt x="2505553" y="496153"/>
                  <a:pt x="2512917" y="489127"/>
                </a:cubicBezTo>
                <a:lnTo>
                  <a:pt x="2516783" y="485473"/>
                </a:lnTo>
                <a:lnTo>
                  <a:pt x="2534360" y="480064"/>
                </a:lnTo>
                <a:lnTo>
                  <a:pt x="2536691" y="467018"/>
                </a:lnTo>
                <a:lnTo>
                  <a:pt x="2561265" y="450623"/>
                </a:lnTo>
                <a:cubicBezTo>
                  <a:pt x="2570872" y="446262"/>
                  <a:pt x="2581686" y="443655"/>
                  <a:pt x="2594349" y="443884"/>
                </a:cubicBezTo>
                <a:cubicBezTo>
                  <a:pt x="2640435" y="464638"/>
                  <a:pt x="2696955" y="396361"/>
                  <a:pt x="2754324" y="424766"/>
                </a:cubicBezTo>
                <a:cubicBezTo>
                  <a:pt x="2775130" y="430896"/>
                  <a:pt x="2837731" y="423458"/>
                  <a:pt x="2848470" y="405966"/>
                </a:cubicBezTo>
                <a:cubicBezTo>
                  <a:pt x="2861295" y="401100"/>
                  <a:pt x="2876936" y="405309"/>
                  <a:pt x="2881772" y="387260"/>
                </a:cubicBezTo>
                <a:cubicBezTo>
                  <a:pt x="2890299" y="365261"/>
                  <a:pt x="2938134" y="392997"/>
                  <a:pt x="2929932" y="368912"/>
                </a:cubicBezTo>
                <a:cubicBezTo>
                  <a:pt x="2963844" y="387799"/>
                  <a:pt x="2986550" y="341223"/>
                  <a:pt x="3013020" y="327578"/>
                </a:cubicBezTo>
                <a:cubicBezTo>
                  <a:pt x="3040041" y="346996"/>
                  <a:pt x="3068934" y="299222"/>
                  <a:pt x="3127968" y="287613"/>
                </a:cubicBezTo>
                <a:cubicBezTo>
                  <a:pt x="3157770" y="310215"/>
                  <a:pt x="3167695" y="279445"/>
                  <a:pt x="3222191" y="307887"/>
                </a:cubicBezTo>
                <a:cubicBezTo>
                  <a:pt x="3223593" y="304249"/>
                  <a:pt x="3225533" y="300801"/>
                  <a:pt x="3227953" y="297650"/>
                </a:cubicBezTo>
                <a:cubicBezTo>
                  <a:pt x="3242008" y="279345"/>
                  <a:pt x="3268831" y="274825"/>
                  <a:pt x="3287859" y="287558"/>
                </a:cubicBezTo>
                <a:cubicBezTo>
                  <a:pt x="3373144" y="323866"/>
                  <a:pt x="3442657" y="311681"/>
                  <a:pt x="3510042" y="311820"/>
                </a:cubicBezTo>
                <a:cubicBezTo>
                  <a:pt x="3585274" y="306641"/>
                  <a:pt x="3525753" y="258887"/>
                  <a:pt x="3626773" y="290452"/>
                </a:cubicBezTo>
                <a:cubicBezTo>
                  <a:pt x="3633124" y="269835"/>
                  <a:pt x="3644693" y="267134"/>
                  <a:pt x="3666217" y="273255"/>
                </a:cubicBezTo>
                <a:cubicBezTo>
                  <a:pt x="3702502" y="269310"/>
                  <a:pt x="3690563" y="221720"/>
                  <a:pt x="3732427" y="245039"/>
                </a:cubicBezTo>
                <a:cubicBezTo>
                  <a:pt x="3720985" y="220241"/>
                  <a:pt x="3798776" y="224539"/>
                  <a:pt x="3777022" y="200276"/>
                </a:cubicBezTo>
                <a:cubicBezTo>
                  <a:pt x="3781759" y="193499"/>
                  <a:pt x="3786499" y="190723"/>
                  <a:pt x="3791246" y="189996"/>
                </a:cubicBezTo>
                <a:cubicBezTo>
                  <a:pt x="3800740" y="188542"/>
                  <a:pt x="3810265" y="195284"/>
                  <a:pt x="3819864" y="194605"/>
                </a:cubicBezTo>
                <a:lnTo>
                  <a:pt x="3830398" y="188383"/>
                </a:lnTo>
                <a:lnTo>
                  <a:pt x="3834360" y="188992"/>
                </a:lnTo>
                <a:lnTo>
                  <a:pt x="3843715" y="188752"/>
                </a:lnTo>
                <a:lnTo>
                  <a:pt x="3842609" y="197386"/>
                </a:lnTo>
                <a:cubicBezTo>
                  <a:pt x="3840673" y="205638"/>
                  <a:pt x="3839248" y="214671"/>
                  <a:pt x="3853961" y="213380"/>
                </a:cubicBezTo>
                <a:cubicBezTo>
                  <a:pt x="3884396" y="206569"/>
                  <a:pt x="3895082" y="241941"/>
                  <a:pt x="3907640" y="207568"/>
                </a:cubicBezTo>
                <a:lnTo>
                  <a:pt x="3910449" y="197808"/>
                </a:lnTo>
                <a:lnTo>
                  <a:pt x="3917197" y="196121"/>
                </a:lnTo>
                <a:cubicBezTo>
                  <a:pt x="3920833" y="196372"/>
                  <a:pt x="3922919" y="198717"/>
                  <a:pt x="3922400" y="205056"/>
                </a:cubicBezTo>
                <a:cubicBezTo>
                  <a:pt x="3950680" y="178467"/>
                  <a:pt x="3984062" y="218098"/>
                  <a:pt x="4013061" y="224874"/>
                </a:cubicBezTo>
                <a:cubicBezTo>
                  <a:pt x="4034530" y="199451"/>
                  <a:pt x="4074202" y="238734"/>
                  <a:pt x="4134285" y="235592"/>
                </a:cubicBezTo>
                <a:cubicBezTo>
                  <a:pt x="4157674" y="206403"/>
                  <a:pt x="4174806" y="233822"/>
                  <a:pt x="4220717" y="192946"/>
                </a:cubicBezTo>
                <a:cubicBezTo>
                  <a:pt x="4222964" y="196132"/>
                  <a:pt x="4225687" y="199002"/>
                  <a:pt x="4228802" y="201468"/>
                </a:cubicBezTo>
                <a:cubicBezTo>
                  <a:pt x="4246898" y="215792"/>
                  <a:pt x="4274013" y="213632"/>
                  <a:pt x="4289361" y="196642"/>
                </a:cubicBezTo>
                <a:cubicBezTo>
                  <a:pt x="4363212" y="140627"/>
                  <a:pt x="4433598" y="135488"/>
                  <a:pt x="4498913" y="118915"/>
                </a:cubicBezTo>
                <a:cubicBezTo>
                  <a:pt x="4573135" y="105586"/>
                  <a:pt x="4527062" y="166416"/>
                  <a:pt x="4617330" y="111163"/>
                </a:cubicBezTo>
                <a:cubicBezTo>
                  <a:pt x="4628518" y="129608"/>
                  <a:pt x="4640397" y="129405"/>
                  <a:pt x="4659778" y="118219"/>
                </a:cubicBezTo>
                <a:cubicBezTo>
                  <a:pt x="4695929" y="113193"/>
                  <a:pt x="4695958" y="162259"/>
                  <a:pt x="4730870" y="129432"/>
                </a:cubicBezTo>
                <a:cubicBezTo>
                  <a:pt x="4725822" y="156271"/>
                  <a:pt x="4800214" y="133127"/>
                  <a:pt x="4785037" y="161964"/>
                </a:cubicBezTo>
                <a:cubicBezTo>
                  <a:pt x="4810025" y="183633"/>
                  <a:pt x="4819434" y="143205"/>
                  <a:pt x="4844073" y="161768"/>
                </a:cubicBezTo>
                <a:cubicBezTo>
                  <a:pt x="4870797" y="164132"/>
                  <a:pt x="4827288" y="135164"/>
                  <a:pt x="4856454" y="130488"/>
                </a:cubicBezTo>
                <a:cubicBezTo>
                  <a:pt x="4892086" y="129553"/>
                  <a:pt x="4889263" y="81477"/>
                  <a:pt x="4920038" y="140418"/>
                </a:cubicBezTo>
                <a:cubicBezTo>
                  <a:pt x="4956358" y="122308"/>
                  <a:pt x="4965108" y="149263"/>
                  <a:pt x="5016639" y="158905"/>
                </a:cubicBezTo>
                <a:cubicBezTo>
                  <a:pt x="5037063" y="141828"/>
                  <a:pt x="5054534" y="147986"/>
                  <a:pt x="5072009" y="161502"/>
                </a:cubicBezTo>
                <a:cubicBezTo>
                  <a:pt x="5121260" y="153653"/>
                  <a:pt x="5167555" y="172635"/>
                  <a:pt x="5223626" y="177356"/>
                </a:cubicBezTo>
                <a:cubicBezTo>
                  <a:pt x="5282824" y="155243"/>
                  <a:pt x="5315859" y="195041"/>
                  <a:pt x="5375773" y="199913"/>
                </a:cubicBezTo>
                <a:cubicBezTo>
                  <a:pt x="5432511" y="156218"/>
                  <a:pt x="5417550" y="256036"/>
                  <a:pt x="5467502" y="250963"/>
                </a:cubicBezTo>
                <a:cubicBezTo>
                  <a:pt x="5547124" y="209975"/>
                  <a:pt x="5467171" y="283839"/>
                  <a:pt x="5592395" y="265434"/>
                </a:cubicBezTo>
                <a:cubicBezTo>
                  <a:pt x="5599201" y="258867"/>
                  <a:pt x="5614752" y="264706"/>
                  <a:pt x="5613532" y="273379"/>
                </a:cubicBezTo>
                <a:cubicBezTo>
                  <a:pt x="5621390" y="270408"/>
                  <a:pt x="5639720" y="253173"/>
                  <a:pt x="5642173" y="266904"/>
                </a:cubicBezTo>
                <a:cubicBezTo>
                  <a:pt x="5682296" y="267049"/>
                  <a:pt x="5721812" y="257513"/>
                  <a:pt x="5756910" y="239211"/>
                </a:cubicBezTo>
                <a:cubicBezTo>
                  <a:pt x="5834998" y="260050"/>
                  <a:pt x="5790596" y="197229"/>
                  <a:pt x="5846667" y="201786"/>
                </a:cubicBezTo>
                <a:cubicBezTo>
                  <a:pt x="5892444" y="227312"/>
                  <a:pt x="5908324" y="204527"/>
                  <a:pt x="5960732" y="220708"/>
                </a:cubicBezTo>
                <a:cubicBezTo>
                  <a:pt x="5977124" y="175349"/>
                  <a:pt x="6009640" y="223654"/>
                  <a:pt x="6029542" y="210339"/>
                </a:cubicBezTo>
                <a:cubicBezTo>
                  <a:pt x="6063108" y="261420"/>
                  <a:pt x="6107411" y="160034"/>
                  <a:pt x="6141123" y="159923"/>
                </a:cubicBezTo>
                <a:cubicBezTo>
                  <a:pt x="6198068" y="167749"/>
                  <a:pt x="6260628" y="219715"/>
                  <a:pt x="6290640" y="167441"/>
                </a:cubicBezTo>
                <a:cubicBezTo>
                  <a:pt x="6295193" y="188689"/>
                  <a:pt x="6290494" y="217816"/>
                  <a:pt x="6322806" y="213293"/>
                </a:cubicBezTo>
                <a:cubicBezTo>
                  <a:pt x="6335911" y="223881"/>
                  <a:pt x="6338726" y="256581"/>
                  <a:pt x="6364914" y="240140"/>
                </a:cubicBezTo>
                <a:cubicBezTo>
                  <a:pt x="6331888" y="211628"/>
                  <a:pt x="6385856" y="207033"/>
                  <a:pt x="6380420" y="173195"/>
                </a:cubicBezTo>
                <a:cubicBezTo>
                  <a:pt x="6420580" y="151473"/>
                  <a:pt x="6513519" y="179296"/>
                  <a:pt x="6507891" y="118474"/>
                </a:cubicBezTo>
                <a:cubicBezTo>
                  <a:pt x="6519398" y="82452"/>
                  <a:pt x="6571830" y="137398"/>
                  <a:pt x="6571807" y="98636"/>
                </a:cubicBezTo>
                <a:cubicBezTo>
                  <a:pt x="6594702" y="123421"/>
                  <a:pt x="6634676" y="82071"/>
                  <a:pt x="6671880" y="82931"/>
                </a:cubicBezTo>
                <a:cubicBezTo>
                  <a:pt x="6678855" y="65407"/>
                  <a:pt x="6687415" y="66196"/>
                  <a:pt x="6702266" y="75470"/>
                </a:cubicBezTo>
                <a:cubicBezTo>
                  <a:pt x="6747004" y="78450"/>
                  <a:pt x="6798307" y="53072"/>
                  <a:pt x="6845802" y="24496"/>
                </a:cubicBezTo>
                <a:close/>
              </a:path>
            </a:pathLst>
          </a:custGeom>
          <a:solidFill>
            <a:srgbClr val="82766A">
              <a:alpha val="15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6" name="TextBox 5">
            <a:extLst>
              <a:ext uri="{FF2B5EF4-FFF2-40B4-BE49-F238E27FC236}">
                <a16:creationId xmlns:a16="http://schemas.microsoft.com/office/drawing/2014/main" id="{66A0D2AD-542C-673B-C6CF-1E12E53F87B0}"/>
              </a:ext>
            </a:extLst>
          </p:cNvPr>
          <p:cNvSpPr txBox="1"/>
          <p:nvPr/>
        </p:nvSpPr>
        <p:spPr>
          <a:xfrm>
            <a:off x="705972" y="2456995"/>
            <a:ext cx="10768181" cy="400110"/>
          </a:xfrm>
          <a:prstGeom prst="rect">
            <a:avLst/>
          </a:prstGeom>
          <a:noFill/>
        </p:spPr>
        <p:txBody>
          <a:bodyPr wrap="square">
            <a:spAutoFit/>
          </a:bodyPr>
          <a:lstStyle/>
          <a:p>
            <a:pPr marL="336042" marR="0" lvl="0" indent="-336042" algn="l" defTabSz="896112" rtl="0" eaLnBrk="1" fontAlgn="auto" latinLnBrk="0" hangingPunct="1">
              <a:lnSpc>
                <a:spcPct val="100000"/>
              </a:lnSpc>
              <a:spcBef>
                <a:spcPts val="0"/>
              </a:spcBef>
              <a:spcAft>
                <a:spcPts val="600"/>
              </a:spcAft>
              <a:buClrTx/>
              <a:buSzTx/>
              <a:buFontTx/>
              <a:buChar char="-"/>
              <a:tabLst/>
              <a:defRPr/>
            </a:pPr>
            <a:r>
              <a:rPr kumimoji="0" lang="en-GB" sz="2000" b="1" i="0" u="none" strike="noStrike" kern="1200" cap="none" spc="0" normalizeH="0" baseline="0" noProof="0" dirty="0">
                <a:ln>
                  <a:noFill/>
                </a:ln>
                <a:solidFill>
                  <a:prstClr val="black"/>
                </a:solidFill>
                <a:effectLst/>
                <a:uLnTx/>
                <a:uFillTx/>
                <a:latin typeface="Arial" panose="020B0604020202020204"/>
                <a:ea typeface="+mn-ea"/>
                <a:cs typeface="+mn-cs"/>
              </a:rPr>
              <a:t>Sensitivity check</a:t>
            </a:r>
            <a:r>
              <a:rPr kumimoji="0" lang="en-GB" sz="1764" b="0" i="0" u="none" strike="noStrike" kern="1200" cap="none" spc="0" normalizeH="0" baseline="0" noProof="0" dirty="0">
                <a:ln>
                  <a:noFill/>
                </a:ln>
                <a:solidFill>
                  <a:prstClr val="black"/>
                </a:solidFill>
                <a:effectLst/>
                <a:uLnTx/>
                <a:uFillTx/>
                <a:latin typeface="Arial" panose="020B0604020202020204"/>
                <a:ea typeface="+mn-ea"/>
                <a:cs typeface="+mn-cs"/>
              </a:rPr>
              <a:t>: Difference between ▲ Max and ▲ Median, and difference ▲ Median and ▲ Min. </a:t>
            </a:r>
            <a:endParaRPr kumimoji="0" lang="en-GB" sz="18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grpSp>
        <p:nvGrpSpPr>
          <p:cNvPr id="30" name="Group 29">
            <a:extLst>
              <a:ext uri="{FF2B5EF4-FFF2-40B4-BE49-F238E27FC236}">
                <a16:creationId xmlns:a16="http://schemas.microsoft.com/office/drawing/2014/main" id="{1E7B80CE-85D5-8F0C-BF68-6ADC71152399}"/>
              </a:ext>
            </a:extLst>
          </p:cNvPr>
          <p:cNvGrpSpPr/>
          <p:nvPr/>
        </p:nvGrpSpPr>
        <p:grpSpPr>
          <a:xfrm>
            <a:off x="1107346" y="3429000"/>
            <a:ext cx="3528011" cy="1843049"/>
            <a:chOff x="1107346" y="3429000"/>
            <a:chExt cx="3528011" cy="1843049"/>
          </a:xfrm>
        </p:grpSpPr>
        <p:cxnSp>
          <p:nvCxnSpPr>
            <p:cNvPr id="3" name="Straight Connector 2">
              <a:extLst>
                <a:ext uri="{FF2B5EF4-FFF2-40B4-BE49-F238E27FC236}">
                  <a16:creationId xmlns:a16="http://schemas.microsoft.com/office/drawing/2014/main" id="{1413B584-D9F6-C853-BDC2-CF90EF6FC770}"/>
                </a:ext>
              </a:extLst>
            </p:cNvPr>
            <p:cNvCxnSpPr/>
            <p:nvPr/>
          </p:nvCxnSpPr>
          <p:spPr>
            <a:xfrm flipV="1">
              <a:off x="1107346" y="3429000"/>
              <a:ext cx="3384000" cy="864000"/>
            </a:xfrm>
            <a:prstGeom prst="line">
              <a:avLst/>
            </a:prstGeom>
            <a:ln w="28575"/>
          </p:spPr>
          <p:style>
            <a:lnRef idx="1">
              <a:schemeClr val="accent1"/>
            </a:lnRef>
            <a:fillRef idx="0">
              <a:schemeClr val="accent1"/>
            </a:fillRef>
            <a:effectRef idx="0">
              <a:schemeClr val="accent1"/>
            </a:effectRef>
            <a:fontRef idx="minor">
              <a:schemeClr val="tx1"/>
            </a:fontRef>
          </p:style>
        </p:cxnSp>
        <p:cxnSp>
          <p:nvCxnSpPr>
            <p:cNvPr id="4" name="Straight Connector 3">
              <a:extLst>
                <a:ext uri="{FF2B5EF4-FFF2-40B4-BE49-F238E27FC236}">
                  <a16:creationId xmlns:a16="http://schemas.microsoft.com/office/drawing/2014/main" id="{35E9A89C-6DD4-A819-0310-D410ACCEDF09}"/>
                </a:ext>
              </a:extLst>
            </p:cNvPr>
            <p:cNvCxnSpPr/>
            <p:nvPr/>
          </p:nvCxnSpPr>
          <p:spPr>
            <a:xfrm flipV="1">
              <a:off x="1251357" y="4408049"/>
              <a:ext cx="3384000" cy="864000"/>
            </a:xfrm>
            <a:prstGeom prst="line">
              <a:avLst/>
            </a:prstGeom>
            <a:ln w="28575"/>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E2B12D59-A96D-9824-66DD-390EC09E5301}"/>
                </a:ext>
              </a:extLst>
            </p:cNvPr>
            <p:cNvSpPr txBox="1"/>
            <p:nvPr/>
          </p:nvSpPr>
          <p:spPr>
            <a:xfrm>
              <a:off x="2239861" y="3491668"/>
              <a:ext cx="914033" cy="369332"/>
            </a:xfrm>
            <a:prstGeom prst="rect">
              <a:avLst/>
            </a:prstGeom>
            <a:noFill/>
          </p:spPr>
          <p:txBody>
            <a:bodyPr wrap="none" rtlCol="0">
              <a:spAutoFit/>
            </a:bodyPr>
            <a:lstStyle/>
            <a:p>
              <a:r>
                <a:rPr kumimoji="0" lang="en-GB" sz="1800" b="0" i="0" u="none" strike="noStrike" kern="1200" cap="none" spc="0" normalizeH="0" baseline="0" noProof="0" dirty="0">
                  <a:ln>
                    <a:noFill/>
                  </a:ln>
                  <a:solidFill>
                    <a:prstClr val="black"/>
                  </a:solidFill>
                  <a:effectLst/>
                  <a:uLnTx/>
                  <a:uFillTx/>
                  <a:latin typeface="Arial" panose="020B0604020202020204"/>
                  <a:ea typeface="+mn-ea"/>
                  <a:cs typeface="+mn-cs"/>
                </a:rPr>
                <a:t>▲ </a:t>
              </a:r>
              <a:r>
                <a:rPr lang="en-GB" dirty="0"/>
                <a:t>Max</a:t>
              </a:r>
            </a:p>
          </p:txBody>
        </p:sp>
        <p:sp>
          <p:nvSpPr>
            <p:cNvPr id="11" name="TextBox 10">
              <a:extLst>
                <a:ext uri="{FF2B5EF4-FFF2-40B4-BE49-F238E27FC236}">
                  <a16:creationId xmlns:a16="http://schemas.microsoft.com/office/drawing/2014/main" id="{22CEFF9A-232D-7B75-0094-E77A35D467A5}"/>
                </a:ext>
              </a:extLst>
            </p:cNvPr>
            <p:cNvSpPr txBox="1"/>
            <p:nvPr/>
          </p:nvSpPr>
          <p:spPr>
            <a:xfrm>
              <a:off x="2633015" y="4401258"/>
              <a:ext cx="1234633" cy="369332"/>
            </a:xfrm>
            <a:prstGeom prst="rect">
              <a:avLst/>
            </a:prstGeom>
            <a:noFill/>
          </p:spPr>
          <p:txBody>
            <a:bodyPr wrap="none" rtlCol="0">
              <a:spAutoFit/>
            </a:bodyPr>
            <a:lstStyle/>
            <a:p>
              <a:r>
                <a:rPr kumimoji="0" lang="en-GB" sz="1800" b="0" i="0" u="none" strike="noStrike" kern="1200" cap="none" spc="0" normalizeH="0" baseline="0" noProof="0" dirty="0">
                  <a:ln>
                    <a:noFill/>
                  </a:ln>
                  <a:solidFill>
                    <a:prstClr val="black"/>
                  </a:solidFill>
                  <a:effectLst/>
                  <a:uLnTx/>
                  <a:uFillTx/>
                  <a:latin typeface="Arial" panose="020B0604020202020204"/>
                  <a:ea typeface="+mn-ea"/>
                  <a:cs typeface="+mn-cs"/>
                </a:rPr>
                <a:t>▲ </a:t>
              </a:r>
              <a:r>
                <a:rPr lang="en-GB" dirty="0"/>
                <a:t>Median</a:t>
              </a:r>
            </a:p>
          </p:txBody>
        </p:sp>
        <p:cxnSp>
          <p:nvCxnSpPr>
            <p:cNvPr id="15" name="Straight Arrow Connector 14">
              <a:extLst>
                <a:ext uri="{FF2B5EF4-FFF2-40B4-BE49-F238E27FC236}">
                  <a16:creationId xmlns:a16="http://schemas.microsoft.com/office/drawing/2014/main" id="{B38FDD8C-5E72-EB3B-7363-DD36DB03E7EF}"/>
                </a:ext>
              </a:extLst>
            </p:cNvPr>
            <p:cNvCxnSpPr/>
            <p:nvPr/>
          </p:nvCxnSpPr>
          <p:spPr>
            <a:xfrm>
              <a:off x="2239861" y="4068661"/>
              <a:ext cx="0" cy="906011"/>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6" name="Left Brace 15">
              <a:extLst>
                <a:ext uri="{FF2B5EF4-FFF2-40B4-BE49-F238E27FC236}">
                  <a16:creationId xmlns:a16="http://schemas.microsoft.com/office/drawing/2014/main" id="{60218F43-C242-05A0-5493-6BF00DFA4E02}"/>
                </a:ext>
              </a:extLst>
            </p:cNvPr>
            <p:cNvSpPr/>
            <p:nvPr/>
          </p:nvSpPr>
          <p:spPr>
            <a:xfrm>
              <a:off x="1856336" y="4099362"/>
              <a:ext cx="302002" cy="906011"/>
            </a:xfrm>
            <a:prstGeom prst="leftBrace">
              <a:avLst/>
            </a:prstGeom>
            <a:solidFill>
              <a:schemeClr val="accent2"/>
            </a:solidFill>
            <a:ln w="127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grpSp>
      <p:grpSp>
        <p:nvGrpSpPr>
          <p:cNvPr id="31" name="Group_45203.8448842593070554">
            <a:extLst>
              <a:ext uri="{FF2B5EF4-FFF2-40B4-BE49-F238E27FC236}">
                <a16:creationId xmlns:a16="http://schemas.microsoft.com/office/drawing/2014/main" id="{7E0F1902-DEC6-699E-B3FB-0F27929FF098}"/>
              </a:ext>
            </a:extLst>
          </p:cNvPr>
          <p:cNvGrpSpPr/>
          <p:nvPr/>
        </p:nvGrpSpPr>
        <p:grpSpPr>
          <a:xfrm>
            <a:off x="6318996" y="3469990"/>
            <a:ext cx="3384000" cy="1500616"/>
            <a:chOff x="6318996" y="3469990"/>
            <a:chExt cx="3384000" cy="1500616"/>
          </a:xfrm>
        </p:grpSpPr>
        <p:cxnSp>
          <p:nvCxnSpPr>
            <p:cNvPr id="17" name="Straight Connector 16">
              <a:extLst>
                <a:ext uri="{FF2B5EF4-FFF2-40B4-BE49-F238E27FC236}">
                  <a16:creationId xmlns:a16="http://schemas.microsoft.com/office/drawing/2014/main" id="{2A9A3135-4B17-ADFA-80E4-72628F388605}"/>
                </a:ext>
              </a:extLst>
            </p:cNvPr>
            <p:cNvCxnSpPr>
              <a:cxnSpLocks/>
            </p:cNvCxnSpPr>
            <p:nvPr/>
          </p:nvCxnSpPr>
          <p:spPr>
            <a:xfrm flipV="1">
              <a:off x="6318996" y="3767956"/>
              <a:ext cx="3384000" cy="864000"/>
            </a:xfrm>
            <a:prstGeom prst="line">
              <a:avLst/>
            </a:prstGeom>
            <a:ln w="28575"/>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3BE2EB4B-24D6-66B7-3CD3-994636290094}"/>
                </a:ext>
              </a:extLst>
            </p:cNvPr>
            <p:cNvCxnSpPr>
              <a:cxnSpLocks/>
            </p:cNvCxnSpPr>
            <p:nvPr/>
          </p:nvCxnSpPr>
          <p:spPr>
            <a:xfrm flipV="1">
              <a:off x="6318996" y="4058845"/>
              <a:ext cx="3384000" cy="864000"/>
            </a:xfrm>
            <a:prstGeom prst="line">
              <a:avLst/>
            </a:prstGeom>
            <a:ln w="28575"/>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64ADB7B3-F01F-C572-F3F2-E3DBD387D3E0}"/>
                </a:ext>
              </a:extLst>
            </p:cNvPr>
            <p:cNvSpPr txBox="1"/>
            <p:nvPr/>
          </p:nvSpPr>
          <p:spPr>
            <a:xfrm>
              <a:off x="8749544" y="3469990"/>
              <a:ext cx="914033" cy="369332"/>
            </a:xfrm>
            <a:prstGeom prst="rect">
              <a:avLst/>
            </a:prstGeom>
            <a:noFill/>
          </p:spPr>
          <p:txBody>
            <a:bodyPr wrap="none" rtlCol="0">
              <a:spAutoFit/>
            </a:bodyPr>
            <a:lstStyle/>
            <a:p>
              <a:r>
                <a:rPr kumimoji="0" lang="en-GB" sz="1800" b="0" i="0" u="none" strike="noStrike" kern="1200" cap="none" spc="0" normalizeH="0" baseline="0" noProof="0" dirty="0">
                  <a:ln>
                    <a:noFill/>
                  </a:ln>
                  <a:solidFill>
                    <a:prstClr val="black"/>
                  </a:solidFill>
                  <a:effectLst/>
                  <a:uLnTx/>
                  <a:uFillTx/>
                  <a:latin typeface="Arial" panose="020B0604020202020204"/>
                  <a:ea typeface="+mn-ea"/>
                  <a:cs typeface="+mn-cs"/>
                </a:rPr>
                <a:t>▲ </a:t>
              </a:r>
              <a:r>
                <a:rPr lang="en-GB" dirty="0"/>
                <a:t>Max</a:t>
              </a:r>
            </a:p>
          </p:txBody>
        </p:sp>
        <p:sp>
          <p:nvSpPr>
            <p:cNvPr id="20" name="TextBox 19">
              <a:extLst>
                <a:ext uri="{FF2B5EF4-FFF2-40B4-BE49-F238E27FC236}">
                  <a16:creationId xmlns:a16="http://schemas.microsoft.com/office/drawing/2014/main" id="{C266265A-8096-90F4-FE8B-82DC0065240F}"/>
                </a:ext>
              </a:extLst>
            </p:cNvPr>
            <p:cNvSpPr txBox="1"/>
            <p:nvPr/>
          </p:nvSpPr>
          <p:spPr>
            <a:xfrm>
              <a:off x="7415118" y="4601274"/>
              <a:ext cx="1234633" cy="369332"/>
            </a:xfrm>
            <a:prstGeom prst="rect">
              <a:avLst/>
            </a:prstGeom>
            <a:noFill/>
          </p:spPr>
          <p:txBody>
            <a:bodyPr wrap="none" rtlCol="0">
              <a:spAutoFit/>
            </a:bodyPr>
            <a:lstStyle/>
            <a:p>
              <a:r>
                <a:rPr kumimoji="0" lang="en-GB" sz="1800" b="0" i="0" u="none" strike="noStrike" kern="1200" cap="none" spc="0" normalizeH="0" baseline="0" noProof="0" dirty="0">
                  <a:ln>
                    <a:noFill/>
                  </a:ln>
                  <a:solidFill>
                    <a:prstClr val="black"/>
                  </a:solidFill>
                  <a:effectLst/>
                  <a:uLnTx/>
                  <a:uFillTx/>
                  <a:latin typeface="Arial" panose="020B0604020202020204"/>
                  <a:ea typeface="+mn-ea"/>
                  <a:cs typeface="+mn-cs"/>
                </a:rPr>
                <a:t>▲ </a:t>
              </a:r>
              <a:r>
                <a:rPr lang="en-GB" dirty="0"/>
                <a:t>Median</a:t>
              </a:r>
            </a:p>
          </p:txBody>
        </p:sp>
        <p:cxnSp>
          <p:nvCxnSpPr>
            <p:cNvPr id="21" name="Straight Arrow Connector 20">
              <a:extLst>
                <a:ext uri="{FF2B5EF4-FFF2-40B4-BE49-F238E27FC236}">
                  <a16:creationId xmlns:a16="http://schemas.microsoft.com/office/drawing/2014/main" id="{A02B7DC3-3BDF-3637-8597-6A333C5E4891}"/>
                </a:ext>
              </a:extLst>
            </p:cNvPr>
            <p:cNvCxnSpPr>
              <a:cxnSpLocks/>
            </p:cNvCxnSpPr>
            <p:nvPr/>
          </p:nvCxnSpPr>
          <p:spPr>
            <a:xfrm>
              <a:off x="7307500" y="4408049"/>
              <a:ext cx="0" cy="217419"/>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22" name="Left Brace 21">
              <a:extLst>
                <a:ext uri="{FF2B5EF4-FFF2-40B4-BE49-F238E27FC236}">
                  <a16:creationId xmlns:a16="http://schemas.microsoft.com/office/drawing/2014/main" id="{098191BB-FADC-44F8-46BD-7EAA97439439}"/>
                </a:ext>
              </a:extLst>
            </p:cNvPr>
            <p:cNvSpPr/>
            <p:nvPr/>
          </p:nvSpPr>
          <p:spPr>
            <a:xfrm>
              <a:off x="6923975" y="4465636"/>
              <a:ext cx="302002" cy="190533"/>
            </a:xfrm>
            <a:prstGeom prst="leftBrace">
              <a:avLst/>
            </a:prstGeom>
            <a:solidFill>
              <a:schemeClr val="accent2"/>
            </a:solidFill>
            <a:ln w="127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grpSp>
      <p:sp>
        <p:nvSpPr>
          <p:cNvPr id="32" name="Arrow: Right 31">
            <a:extLst>
              <a:ext uri="{FF2B5EF4-FFF2-40B4-BE49-F238E27FC236}">
                <a16:creationId xmlns:a16="http://schemas.microsoft.com/office/drawing/2014/main" id="{70FAB71B-5207-433F-14F5-36524FFA2957}"/>
              </a:ext>
            </a:extLst>
          </p:cNvPr>
          <p:cNvSpPr/>
          <p:nvPr/>
        </p:nvSpPr>
        <p:spPr>
          <a:xfrm>
            <a:off x="9118833" y="4465636"/>
            <a:ext cx="833306" cy="365103"/>
          </a:xfrm>
          <a:prstGeom prst="rightArrow">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GB"/>
          </a:p>
        </p:txBody>
      </p:sp>
      <p:sp>
        <p:nvSpPr>
          <p:cNvPr id="33" name="TextBox 32">
            <a:extLst>
              <a:ext uri="{FF2B5EF4-FFF2-40B4-BE49-F238E27FC236}">
                <a16:creationId xmlns:a16="http://schemas.microsoft.com/office/drawing/2014/main" id="{2EA30DB2-7420-47E2-CDE5-0077F50A7A20}"/>
              </a:ext>
            </a:extLst>
          </p:cNvPr>
          <p:cNvSpPr txBox="1"/>
          <p:nvPr/>
        </p:nvSpPr>
        <p:spPr>
          <a:xfrm>
            <a:off x="10274961" y="4308790"/>
            <a:ext cx="1434387" cy="646331"/>
          </a:xfrm>
          <a:prstGeom prst="rect">
            <a:avLst/>
          </a:prstGeom>
          <a:noFill/>
        </p:spPr>
        <p:txBody>
          <a:bodyPr wrap="square" rtlCol="0">
            <a:spAutoFit/>
          </a:bodyPr>
          <a:lstStyle/>
          <a:p>
            <a:r>
              <a:rPr lang="en-GB" dirty="0"/>
              <a:t>Redundant parameter</a:t>
            </a:r>
          </a:p>
        </p:txBody>
      </p:sp>
    </p:spTree>
    <p:custDataLst>
      <p:tags r:id="rId1"/>
    </p:custDataLst>
    <p:extLst>
      <p:ext uri="{BB962C8B-B14F-4D97-AF65-F5344CB8AC3E}">
        <p14:creationId xmlns:p14="http://schemas.microsoft.com/office/powerpoint/2010/main" val="19151207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4" name="Rectangle 14">
            <a:extLst>
              <a:ext uri="{FF2B5EF4-FFF2-40B4-BE49-F238E27FC236}">
                <a16:creationId xmlns:a16="http://schemas.microsoft.com/office/drawing/2014/main" id="{E914257E-1E2A-4AC7-89EC-1FB65C9C0A0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Freeform: Shape 16">
            <a:extLst>
              <a:ext uri="{FF2B5EF4-FFF2-40B4-BE49-F238E27FC236}">
                <a16:creationId xmlns:a16="http://schemas.microsoft.com/office/drawing/2014/main" id="{03E1C8F1-97F5-489C-8308-958F0965725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
            <a:ext cx="11269336" cy="2008639"/>
          </a:xfrm>
          <a:custGeom>
            <a:avLst/>
            <a:gdLst>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296127 w 11269336"/>
              <a:gd name="connsiteY139" fmla="*/ 2023208 h 2323145"/>
              <a:gd name="connsiteX140" fmla="*/ 5174645 w 11269336"/>
              <a:gd name="connsiteY140" fmla="*/ 2088358 h 2323145"/>
              <a:gd name="connsiteX141" fmla="*/ 5092476 w 11269336"/>
              <a:gd name="connsiteY141" fmla="*/ 2100737 h 2323145"/>
              <a:gd name="connsiteX142" fmla="*/ 5060738 w 11269336"/>
              <a:gd name="connsiteY142" fmla="*/ 2083274 h 2323145"/>
              <a:gd name="connsiteX143" fmla="*/ 4860988 w 11269336"/>
              <a:gd name="connsiteY143" fmla="*/ 2135698 h 2323145"/>
              <a:gd name="connsiteX144" fmla="*/ 4807902 w 11269336"/>
              <a:gd name="connsiteY144" fmla="*/ 2138894 h 2323145"/>
              <a:gd name="connsiteX145" fmla="*/ 4765388 w 11269336"/>
              <a:gd name="connsiteY145" fmla="*/ 2162525 h 2323145"/>
              <a:gd name="connsiteX146" fmla="*/ 4745033 w 11269336"/>
              <a:gd name="connsiteY146" fmla="*/ 2158859 h 2323145"/>
              <a:gd name="connsiteX147" fmla="*/ 4741475 w 11269336"/>
              <a:gd name="connsiteY147" fmla="*/ 2157998 h 2323145"/>
              <a:gd name="connsiteX148" fmla="*/ 4728247 w 11269336"/>
              <a:gd name="connsiteY148" fmla="*/ 2159526 h 2323145"/>
              <a:gd name="connsiteX149" fmla="*/ 4723263 w 11269336"/>
              <a:gd name="connsiteY149" fmla="*/ 2153742 h 2323145"/>
              <a:gd name="connsiteX150" fmla="*/ 4702453 w 11269336"/>
              <a:gd name="connsiteY150" fmla="*/ 2151586 h 2323145"/>
              <a:gd name="connsiteX151" fmla="*/ 4678455 w 11269336"/>
              <a:gd name="connsiteY151" fmla="*/ 2156131 h 2323145"/>
              <a:gd name="connsiteX152" fmla="*/ 4593061 w 11269336"/>
              <a:gd name="connsiteY152" fmla="*/ 2171597 h 2323145"/>
              <a:gd name="connsiteX153" fmla="*/ 4579902 w 11269336"/>
              <a:gd name="connsiteY153" fmla="*/ 2177927 h 2323145"/>
              <a:gd name="connsiteX154" fmla="*/ 4533444 w 11269336"/>
              <a:gd name="connsiteY154" fmla="*/ 2181200 h 2323145"/>
              <a:gd name="connsiteX155" fmla="*/ 4492832 w 11269336"/>
              <a:gd name="connsiteY155" fmla="*/ 2188033 h 2323145"/>
              <a:gd name="connsiteX156" fmla="*/ 4467257 w 11269336"/>
              <a:gd name="connsiteY156" fmla="*/ 2196121 h 2323145"/>
              <a:gd name="connsiteX157" fmla="*/ 4459937 w 11269336"/>
              <a:gd name="connsiteY157" fmla="*/ 2195182 h 2323145"/>
              <a:gd name="connsiteX158" fmla="*/ 4433312 w 11269336"/>
              <a:gd name="connsiteY158" fmla="*/ 2199004 h 2323145"/>
              <a:gd name="connsiteX159" fmla="*/ 4420601 w 11269336"/>
              <a:gd name="connsiteY159" fmla="*/ 2205158 h 2323145"/>
              <a:gd name="connsiteX160" fmla="*/ 4405765 w 11269336"/>
              <a:gd name="connsiteY160" fmla="*/ 2199902 h 2323145"/>
              <a:gd name="connsiteX161" fmla="*/ 4401354 w 11269336"/>
              <a:gd name="connsiteY161" fmla="*/ 2194745 h 2323145"/>
              <a:gd name="connsiteX162" fmla="*/ 4383151 w 11269336"/>
              <a:gd name="connsiteY162" fmla="*/ 2201140 h 2323145"/>
              <a:gd name="connsiteX163" fmla="*/ 4366646 w 11269336"/>
              <a:gd name="connsiteY163" fmla="*/ 2198564 h 2323145"/>
              <a:gd name="connsiteX164" fmla="*/ 4354009 w 11269336"/>
              <a:gd name="connsiteY164" fmla="*/ 2204984 h 2323145"/>
              <a:gd name="connsiteX165" fmla="*/ 4348284 w 11269336"/>
              <a:gd name="connsiteY165" fmla="*/ 2205270 h 2323145"/>
              <a:gd name="connsiteX166" fmla="*/ 4333906 w 11269336"/>
              <a:gd name="connsiteY166" fmla="*/ 2205251 h 2323145"/>
              <a:gd name="connsiteX167" fmla="*/ 4308819 w 11269336"/>
              <a:gd name="connsiteY167" fmla="*/ 2203822 h 2323145"/>
              <a:gd name="connsiteX168" fmla="*/ 4301210 w 11269336"/>
              <a:gd name="connsiteY168" fmla="*/ 2204456 h 2323145"/>
              <a:gd name="connsiteX169" fmla="*/ 4283095 w 11269336"/>
              <a:gd name="connsiteY169" fmla="*/ 2198177 h 2323145"/>
              <a:gd name="connsiteX170" fmla="*/ 4250119 w 11269336"/>
              <a:gd name="connsiteY170" fmla="*/ 2196342 h 2323145"/>
              <a:gd name="connsiteX171" fmla="*/ 4189203 w 11269336"/>
              <a:gd name="connsiteY171" fmla="*/ 2178994 h 2323145"/>
              <a:gd name="connsiteX172" fmla="*/ 4154035 w 11269336"/>
              <a:gd name="connsiteY172" fmla="*/ 2171950 h 2323145"/>
              <a:gd name="connsiteX173" fmla="*/ 4129569 w 11269336"/>
              <a:gd name="connsiteY173" fmla="*/ 2163850 h 2323145"/>
              <a:gd name="connsiteX174" fmla="*/ 4061250 w 11269336"/>
              <a:gd name="connsiteY174" fmla="*/ 2159236 h 2323145"/>
              <a:gd name="connsiteX175" fmla="*/ 3945480 w 11269336"/>
              <a:gd name="connsiteY175" fmla="*/ 2158279 h 2323145"/>
              <a:gd name="connsiteX176" fmla="*/ 3921468 w 11269336"/>
              <a:gd name="connsiteY176" fmla="*/ 2156588 h 2323145"/>
              <a:gd name="connsiteX177" fmla="*/ 3903348 w 11269336"/>
              <a:gd name="connsiteY177" fmla="*/ 2149220 h 2323145"/>
              <a:gd name="connsiteX178" fmla="*/ 3901342 w 11269336"/>
              <a:gd name="connsiteY178" fmla="*/ 2142355 h 2323145"/>
              <a:gd name="connsiteX179" fmla="*/ 3888539 w 11269336"/>
              <a:gd name="connsiteY179" fmla="*/ 2140476 h 2323145"/>
              <a:gd name="connsiteX180" fmla="*/ 3885662 w 11269336"/>
              <a:gd name="connsiteY180" fmla="*/ 2138740 h 2323145"/>
              <a:gd name="connsiteX181" fmla="*/ 3868627 w 11269336"/>
              <a:gd name="connsiteY181" fmla="*/ 2130023 h 2323145"/>
              <a:gd name="connsiteX182" fmla="*/ 3819177 w 11269336"/>
              <a:gd name="connsiteY182" fmla="*/ 2142111 h 2323145"/>
              <a:gd name="connsiteX183" fmla="*/ 3769100 w 11269336"/>
              <a:gd name="connsiteY183" fmla="*/ 2131731 h 2323145"/>
              <a:gd name="connsiteX184" fmla="*/ 3562752 w 11269336"/>
              <a:gd name="connsiteY184" fmla="*/ 2131785 h 2323145"/>
              <a:gd name="connsiteX185" fmla="*/ 3541402 w 11269336"/>
              <a:gd name="connsiteY185" fmla="*/ 2106821 h 2323145"/>
              <a:gd name="connsiteX186" fmla="*/ 3460591 w 11269336"/>
              <a:gd name="connsiteY186" fmla="*/ 2097951 h 2323145"/>
              <a:gd name="connsiteX187" fmla="*/ 3320348 w 11269336"/>
              <a:gd name="connsiteY187" fmla="*/ 2130191 h 2323145"/>
              <a:gd name="connsiteX188" fmla="*/ 3170922 w 11269336"/>
              <a:gd name="connsiteY188" fmla="*/ 2115957 h 2323145"/>
              <a:gd name="connsiteX189" fmla="*/ 3156256 w 11269336"/>
              <a:gd name="connsiteY189" fmla="*/ 2124773 h 2323145"/>
              <a:gd name="connsiteX190" fmla="*/ 3140298 w 11269336"/>
              <a:gd name="connsiteY190" fmla="*/ 2129182 h 2323145"/>
              <a:gd name="connsiteX191" fmla="*/ 3138514 w 11269336"/>
              <a:gd name="connsiteY191" fmla="*/ 2128069 h 2323145"/>
              <a:gd name="connsiteX192" fmla="*/ 3120467 w 11269336"/>
              <a:gd name="connsiteY192" fmla="*/ 2128281 h 2323145"/>
              <a:gd name="connsiteX193" fmla="*/ 3116175 w 11269336"/>
              <a:gd name="connsiteY193" fmla="*/ 2131633 h 2323145"/>
              <a:gd name="connsiteX194" fmla="*/ 3103685 w 11269336"/>
              <a:gd name="connsiteY194" fmla="*/ 2132814 h 2323145"/>
              <a:gd name="connsiteX195" fmla="*/ 3078794 w 11269336"/>
              <a:gd name="connsiteY195" fmla="*/ 2137935 h 2323145"/>
              <a:gd name="connsiteX196" fmla="*/ 3074407 w 11269336"/>
              <a:gd name="connsiteY196" fmla="*/ 2136274 h 2323145"/>
              <a:gd name="connsiteX197" fmla="*/ 3037285 w 11269336"/>
              <a:gd name="connsiteY197" fmla="*/ 2139919 h 2323145"/>
              <a:gd name="connsiteX198" fmla="*/ 3036901 w 11269336"/>
              <a:gd name="connsiteY198" fmla="*/ 2138726 h 2323145"/>
              <a:gd name="connsiteX199" fmla="*/ 3026996 w 11269336"/>
              <a:gd name="connsiteY199" fmla="*/ 2134322 h 2323145"/>
              <a:gd name="connsiteX200" fmla="*/ 3007772 w 11269336"/>
              <a:gd name="connsiteY200" fmla="*/ 2128742 h 2323145"/>
              <a:gd name="connsiteX201" fmla="*/ 2965030 w 11269336"/>
              <a:gd name="connsiteY201" fmla="*/ 2100494 h 2323145"/>
              <a:gd name="connsiteX202" fmla="*/ 2926342 w 11269336"/>
              <a:gd name="connsiteY202" fmla="*/ 2104155 h 2323145"/>
              <a:gd name="connsiteX203" fmla="*/ 2918608 w 11269336"/>
              <a:gd name="connsiteY203" fmla="*/ 2104215 h 2323145"/>
              <a:gd name="connsiteX204" fmla="*/ 2918475 w 11269336"/>
              <a:gd name="connsiteY204" fmla="*/ 2103937 h 2323145"/>
              <a:gd name="connsiteX205" fmla="*/ 2910360 w 11269336"/>
              <a:gd name="connsiteY205" fmla="*/ 2103444 h 2323145"/>
              <a:gd name="connsiteX206" fmla="*/ 2904507 w 11269336"/>
              <a:gd name="connsiteY206" fmla="*/ 2104326 h 2323145"/>
              <a:gd name="connsiteX207" fmla="*/ 2889503 w 11269336"/>
              <a:gd name="connsiteY207" fmla="*/ 2104443 h 2323145"/>
              <a:gd name="connsiteX208" fmla="*/ 2884480 w 11269336"/>
              <a:gd name="connsiteY208" fmla="*/ 2102626 h 2323145"/>
              <a:gd name="connsiteX209" fmla="*/ 2882689 w 11269336"/>
              <a:gd name="connsiteY209" fmla="*/ 2099228 h 2323145"/>
              <a:gd name="connsiteX210" fmla="*/ 2881291 w 11269336"/>
              <a:gd name="connsiteY210" fmla="*/ 2099618 h 2323145"/>
              <a:gd name="connsiteX211" fmla="*/ 2853979 w 11269336"/>
              <a:gd name="connsiteY211" fmla="*/ 2090388 h 2323145"/>
              <a:gd name="connsiteX212" fmla="*/ 2791790 w 11269336"/>
              <a:gd name="connsiteY212" fmla="*/ 2080332 h 2323145"/>
              <a:gd name="connsiteX213" fmla="*/ 2755844 w 11269336"/>
              <a:gd name="connsiteY213" fmla="*/ 2078874 h 2323145"/>
              <a:gd name="connsiteX214" fmla="*/ 2657742 w 11269336"/>
              <a:gd name="connsiteY214" fmla="*/ 2070179 h 2323145"/>
              <a:gd name="connsiteX215" fmla="*/ 2559549 w 11269336"/>
              <a:gd name="connsiteY215" fmla="*/ 2057873 h 2323145"/>
              <a:gd name="connsiteX216" fmla="*/ 2512054 w 11269336"/>
              <a:gd name="connsiteY216" fmla="*/ 2031671 h 2323145"/>
              <a:gd name="connsiteX217" fmla="*/ 2506437 w 11269336"/>
              <a:gd name="connsiteY217" fmla="*/ 2030918 h 2323145"/>
              <a:gd name="connsiteX218" fmla="*/ 2491752 w 11269336"/>
              <a:gd name="connsiteY218" fmla="*/ 2033906 h 2323145"/>
              <a:gd name="connsiteX219" fmla="*/ 2486338 w 11269336"/>
              <a:gd name="connsiteY219" fmla="*/ 2035862 h 2323145"/>
              <a:gd name="connsiteX220" fmla="*/ 2478186 w 11269336"/>
              <a:gd name="connsiteY220" fmla="*/ 2036953 h 2323145"/>
              <a:gd name="connsiteX221" fmla="*/ 2477950 w 11269336"/>
              <a:gd name="connsiteY221" fmla="*/ 2036715 h 2323145"/>
              <a:gd name="connsiteX222" fmla="*/ 2470381 w 11269336"/>
              <a:gd name="connsiteY222" fmla="*/ 2038256 h 2323145"/>
              <a:gd name="connsiteX223" fmla="*/ 2433781 w 11269336"/>
              <a:gd name="connsiteY223" fmla="*/ 2049140 h 2323145"/>
              <a:gd name="connsiteX224" fmla="*/ 2381172 w 11269336"/>
              <a:gd name="connsiteY224" fmla="*/ 2030645 h 2323145"/>
              <a:gd name="connsiteX225" fmla="*/ 2360198 w 11269336"/>
              <a:gd name="connsiteY225" fmla="*/ 2029059 h 2323145"/>
              <a:gd name="connsiteX226" fmla="*/ 2348815 w 11269336"/>
              <a:gd name="connsiteY226" fmla="*/ 2026798 h 2323145"/>
              <a:gd name="connsiteX227" fmla="*/ 2347988 w 11269336"/>
              <a:gd name="connsiteY227" fmla="*/ 2025745 h 2323145"/>
              <a:gd name="connsiteX228" fmla="*/ 2312920 w 11269336"/>
              <a:gd name="connsiteY228" fmla="*/ 2036311 h 2323145"/>
              <a:gd name="connsiteX229" fmla="*/ 2307986 w 11269336"/>
              <a:gd name="connsiteY229" fmla="*/ 2035583 h 2323145"/>
              <a:gd name="connsiteX230" fmla="*/ 2285481 w 11269336"/>
              <a:gd name="connsiteY230" fmla="*/ 2045197 h 2323145"/>
              <a:gd name="connsiteX231" fmla="*/ 2273666 w 11269336"/>
              <a:gd name="connsiteY231" fmla="*/ 2048710 h 2323145"/>
              <a:gd name="connsiteX232" fmla="*/ 2270719 w 11269336"/>
              <a:gd name="connsiteY232" fmla="*/ 2052702 h 2323145"/>
              <a:gd name="connsiteX233" fmla="*/ 2253080 w 11269336"/>
              <a:gd name="connsiteY233" fmla="*/ 2056363 h 2323145"/>
              <a:gd name="connsiteX234" fmla="*/ 2250906 w 11269336"/>
              <a:gd name="connsiteY234" fmla="*/ 2055654 h 2323145"/>
              <a:gd name="connsiteX235" fmla="*/ 2236905 w 11269336"/>
              <a:gd name="connsiteY235" fmla="*/ 2062882 h 2323145"/>
              <a:gd name="connsiteX236" fmla="*/ 2225830 w 11269336"/>
              <a:gd name="connsiteY236" fmla="*/ 2074027 h 2323145"/>
              <a:gd name="connsiteX237" fmla="*/ 2073776 w 11269336"/>
              <a:gd name="connsiteY237" fmla="*/ 2089244 h 2323145"/>
              <a:gd name="connsiteX238" fmla="*/ 1948256 w 11269336"/>
              <a:gd name="connsiteY238" fmla="*/ 2146616 h 2323145"/>
              <a:gd name="connsiteX239" fmla="*/ 1865582 w 11269336"/>
              <a:gd name="connsiteY239" fmla="*/ 2153738 h 2323145"/>
              <a:gd name="connsiteX240" fmla="*/ 1835210 w 11269336"/>
              <a:gd name="connsiteY240" fmla="*/ 2134244 h 2323145"/>
              <a:gd name="connsiteX241" fmla="*/ 1632661 w 11269336"/>
              <a:gd name="connsiteY241" fmla="*/ 2173882 h 2323145"/>
              <a:gd name="connsiteX242" fmla="*/ 1579590 w 11269336"/>
              <a:gd name="connsiteY242" fmla="*/ 2173680 h 2323145"/>
              <a:gd name="connsiteX243" fmla="*/ 1535601 w 11269336"/>
              <a:gd name="connsiteY243" fmla="*/ 2194590 h 2323145"/>
              <a:gd name="connsiteX244" fmla="*/ 1515594 w 11269336"/>
              <a:gd name="connsiteY244" fmla="*/ 2189622 h 2323145"/>
              <a:gd name="connsiteX245" fmla="*/ 1512113 w 11269336"/>
              <a:gd name="connsiteY245" fmla="*/ 2188534 h 2323145"/>
              <a:gd name="connsiteX246" fmla="*/ 1498838 w 11269336"/>
              <a:gd name="connsiteY246" fmla="*/ 2189213 h 2323145"/>
              <a:gd name="connsiteX247" fmla="*/ 1494279 w 11269336"/>
              <a:gd name="connsiteY247" fmla="*/ 2183112 h 2323145"/>
              <a:gd name="connsiteX248" fmla="*/ 1473714 w 11269336"/>
              <a:gd name="connsiteY248" fmla="*/ 2179625 h 2323145"/>
              <a:gd name="connsiteX249" fmla="*/ 1449503 w 11269336"/>
              <a:gd name="connsiteY249" fmla="*/ 2182633 h 2323145"/>
              <a:gd name="connsiteX250" fmla="*/ 1335495 w 11269336"/>
              <a:gd name="connsiteY250" fmla="*/ 2203940 h 2323145"/>
              <a:gd name="connsiteX251" fmla="*/ 1266687 w 11269336"/>
              <a:gd name="connsiteY251" fmla="*/ 2212688 h 2323145"/>
              <a:gd name="connsiteX252" fmla="*/ 1239614 w 11269336"/>
              <a:gd name="connsiteY252" fmla="*/ 2209727 h 2323145"/>
              <a:gd name="connsiteX253" fmla="*/ 1202436 w 11269336"/>
              <a:gd name="connsiteY253" fmla="*/ 2209817 h 2323145"/>
              <a:gd name="connsiteX254" fmla="*/ 1136097 w 11269336"/>
              <a:gd name="connsiteY254" fmla="*/ 2205112 h 2323145"/>
              <a:gd name="connsiteX255" fmla="*/ 1048229 w 11269336"/>
              <a:gd name="connsiteY255" fmla="*/ 2207249 h 2323145"/>
              <a:gd name="connsiteX256" fmla="*/ 988232 w 11269336"/>
              <a:gd name="connsiteY256" fmla="*/ 2235635 h 2323145"/>
              <a:gd name="connsiteX257" fmla="*/ 981959 w 11269336"/>
              <a:gd name="connsiteY257" fmla="*/ 2231607 h 2323145"/>
              <a:gd name="connsiteX258" fmla="*/ 938600 w 11269336"/>
              <a:gd name="connsiteY258" fmla="*/ 2238113 h 2323145"/>
              <a:gd name="connsiteX259" fmla="*/ 791788 w 11269336"/>
              <a:gd name="connsiteY259" fmla="*/ 2293224 h 2323145"/>
              <a:gd name="connsiteX260" fmla="*/ 706914 w 11269336"/>
              <a:gd name="connsiteY260" fmla="*/ 2305046 h 2323145"/>
              <a:gd name="connsiteX261" fmla="*/ 675971 w 11269336"/>
              <a:gd name="connsiteY261" fmla="*/ 2304030 h 2323145"/>
              <a:gd name="connsiteX262" fmla="*/ 624180 w 11269336"/>
              <a:gd name="connsiteY262" fmla="*/ 2302650 h 2323145"/>
              <a:gd name="connsiteX263" fmla="*/ 583453 w 11269336"/>
              <a:gd name="connsiteY263" fmla="*/ 2288788 h 2323145"/>
              <a:gd name="connsiteX264" fmla="*/ 540946 w 11269336"/>
              <a:gd name="connsiteY264" fmla="*/ 2292721 h 2323145"/>
              <a:gd name="connsiteX265" fmla="*/ 533680 w 11269336"/>
              <a:gd name="connsiteY265" fmla="*/ 2310233 h 2323145"/>
              <a:gd name="connsiteX266" fmla="*/ 487366 w 11269336"/>
              <a:gd name="connsiteY266" fmla="*/ 2309053 h 2323145"/>
              <a:gd name="connsiteX267" fmla="*/ 416820 w 11269336"/>
              <a:gd name="connsiteY267" fmla="*/ 2305443 h 2323145"/>
              <a:gd name="connsiteX268" fmla="*/ 376805 w 11269336"/>
              <a:gd name="connsiteY268" fmla="*/ 2307647 h 2323145"/>
              <a:gd name="connsiteX269" fmla="*/ 266777 w 11269336"/>
              <a:gd name="connsiteY269" fmla="*/ 2309012 h 2323145"/>
              <a:gd name="connsiteX270" fmla="*/ 156013 w 11269336"/>
              <a:gd name="connsiteY270" fmla="*/ 2306832 h 2323145"/>
              <a:gd name="connsiteX271" fmla="*/ 87258 w 11269336"/>
              <a:gd name="connsiteY271" fmla="*/ 2285511 h 2323145"/>
              <a:gd name="connsiteX272" fmla="*/ 23798 w 11269336"/>
              <a:gd name="connsiteY272" fmla="*/ 2281822 h 2323145"/>
              <a:gd name="connsiteX273" fmla="*/ 0 w 11269336"/>
              <a:gd name="connsiteY273" fmla="*/ 2285369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296127 w 11269336"/>
              <a:gd name="connsiteY139" fmla="*/ 2023208 h 2323145"/>
              <a:gd name="connsiteX140" fmla="*/ 5092476 w 11269336"/>
              <a:gd name="connsiteY140" fmla="*/ 2100737 h 2323145"/>
              <a:gd name="connsiteX141" fmla="*/ 5060738 w 11269336"/>
              <a:gd name="connsiteY141" fmla="*/ 2083274 h 2323145"/>
              <a:gd name="connsiteX142" fmla="*/ 4860988 w 11269336"/>
              <a:gd name="connsiteY142" fmla="*/ 2135698 h 2323145"/>
              <a:gd name="connsiteX143" fmla="*/ 4807902 w 11269336"/>
              <a:gd name="connsiteY143" fmla="*/ 2138894 h 2323145"/>
              <a:gd name="connsiteX144" fmla="*/ 4765388 w 11269336"/>
              <a:gd name="connsiteY144" fmla="*/ 2162525 h 2323145"/>
              <a:gd name="connsiteX145" fmla="*/ 4745033 w 11269336"/>
              <a:gd name="connsiteY145" fmla="*/ 2158859 h 2323145"/>
              <a:gd name="connsiteX146" fmla="*/ 4741475 w 11269336"/>
              <a:gd name="connsiteY146" fmla="*/ 2157998 h 2323145"/>
              <a:gd name="connsiteX147" fmla="*/ 4728247 w 11269336"/>
              <a:gd name="connsiteY147" fmla="*/ 2159526 h 2323145"/>
              <a:gd name="connsiteX148" fmla="*/ 4723263 w 11269336"/>
              <a:gd name="connsiteY148" fmla="*/ 2153742 h 2323145"/>
              <a:gd name="connsiteX149" fmla="*/ 4702453 w 11269336"/>
              <a:gd name="connsiteY149" fmla="*/ 2151586 h 2323145"/>
              <a:gd name="connsiteX150" fmla="*/ 4678455 w 11269336"/>
              <a:gd name="connsiteY150" fmla="*/ 2156131 h 2323145"/>
              <a:gd name="connsiteX151" fmla="*/ 4593061 w 11269336"/>
              <a:gd name="connsiteY151" fmla="*/ 2171597 h 2323145"/>
              <a:gd name="connsiteX152" fmla="*/ 4579902 w 11269336"/>
              <a:gd name="connsiteY152" fmla="*/ 2177927 h 2323145"/>
              <a:gd name="connsiteX153" fmla="*/ 4533444 w 11269336"/>
              <a:gd name="connsiteY153" fmla="*/ 2181200 h 2323145"/>
              <a:gd name="connsiteX154" fmla="*/ 4492832 w 11269336"/>
              <a:gd name="connsiteY154" fmla="*/ 2188033 h 2323145"/>
              <a:gd name="connsiteX155" fmla="*/ 4467257 w 11269336"/>
              <a:gd name="connsiteY155" fmla="*/ 2196121 h 2323145"/>
              <a:gd name="connsiteX156" fmla="*/ 4459937 w 11269336"/>
              <a:gd name="connsiteY156" fmla="*/ 2195182 h 2323145"/>
              <a:gd name="connsiteX157" fmla="*/ 4433312 w 11269336"/>
              <a:gd name="connsiteY157" fmla="*/ 2199004 h 2323145"/>
              <a:gd name="connsiteX158" fmla="*/ 4420601 w 11269336"/>
              <a:gd name="connsiteY158" fmla="*/ 2205158 h 2323145"/>
              <a:gd name="connsiteX159" fmla="*/ 4405765 w 11269336"/>
              <a:gd name="connsiteY159" fmla="*/ 2199902 h 2323145"/>
              <a:gd name="connsiteX160" fmla="*/ 4401354 w 11269336"/>
              <a:gd name="connsiteY160" fmla="*/ 2194745 h 2323145"/>
              <a:gd name="connsiteX161" fmla="*/ 4383151 w 11269336"/>
              <a:gd name="connsiteY161" fmla="*/ 2201140 h 2323145"/>
              <a:gd name="connsiteX162" fmla="*/ 4366646 w 11269336"/>
              <a:gd name="connsiteY162" fmla="*/ 2198564 h 2323145"/>
              <a:gd name="connsiteX163" fmla="*/ 4354009 w 11269336"/>
              <a:gd name="connsiteY163" fmla="*/ 2204984 h 2323145"/>
              <a:gd name="connsiteX164" fmla="*/ 4348284 w 11269336"/>
              <a:gd name="connsiteY164" fmla="*/ 2205270 h 2323145"/>
              <a:gd name="connsiteX165" fmla="*/ 4333906 w 11269336"/>
              <a:gd name="connsiteY165" fmla="*/ 2205251 h 2323145"/>
              <a:gd name="connsiteX166" fmla="*/ 4308819 w 11269336"/>
              <a:gd name="connsiteY166" fmla="*/ 2203822 h 2323145"/>
              <a:gd name="connsiteX167" fmla="*/ 4301210 w 11269336"/>
              <a:gd name="connsiteY167" fmla="*/ 2204456 h 2323145"/>
              <a:gd name="connsiteX168" fmla="*/ 4283095 w 11269336"/>
              <a:gd name="connsiteY168" fmla="*/ 2198177 h 2323145"/>
              <a:gd name="connsiteX169" fmla="*/ 4250119 w 11269336"/>
              <a:gd name="connsiteY169" fmla="*/ 2196342 h 2323145"/>
              <a:gd name="connsiteX170" fmla="*/ 4189203 w 11269336"/>
              <a:gd name="connsiteY170" fmla="*/ 2178994 h 2323145"/>
              <a:gd name="connsiteX171" fmla="*/ 4154035 w 11269336"/>
              <a:gd name="connsiteY171" fmla="*/ 2171950 h 2323145"/>
              <a:gd name="connsiteX172" fmla="*/ 4129569 w 11269336"/>
              <a:gd name="connsiteY172" fmla="*/ 2163850 h 2323145"/>
              <a:gd name="connsiteX173" fmla="*/ 4061250 w 11269336"/>
              <a:gd name="connsiteY173" fmla="*/ 2159236 h 2323145"/>
              <a:gd name="connsiteX174" fmla="*/ 3945480 w 11269336"/>
              <a:gd name="connsiteY174" fmla="*/ 2158279 h 2323145"/>
              <a:gd name="connsiteX175" fmla="*/ 3921468 w 11269336"/>
              <a:gd name="connsiteY175" fmla="*/ 2156588 h 2323145"/>
              <a:gd name="connsiteX176" fmla="*/ 3903348 w 11269336"/>
              <a:gd name="connsiteY176" fmla="*/ 2149220 h 2323145"/>
              <a:gd name="connsiteX177" fmla="*/ 3901342 w 11269336"/>
              <a:gd name="connsiteY177" fmla="*/ 2142355 h 2323145"/>
              <a:gd name="connsiteX178" fmla="*/ 3888539 w 11269336"/>
              <a:gd name="connsiteY178" fmla="*/ 2140476 h 2323145"/>
              <a:gd name="connsiteX179" fmla="*/ 3885662 w 11269336"/>
              <a:gd name="connsiteY179" fmla="*/ 2138740 h 2323145"/>
              <a:gd name="connsiteX180" fmla="*/ 3868627 w 11269336"/>
              <a:gd name="connsiteY180" fmla="*/ 2130023 h 2323145"/>
              <a:gd name="connsiteX181" fmla="*/ 3819177 w 11269336"/>
              <a:gd name="connsiteY181" fmla="*/ 2142111 h 2323145"/>
              <a:gd name="connsiteX182" fmla="*/ 3769100 w 11269336"/>
              <a:gd name="connsiteY182" fmla="*/ 2131731 h 2323145"/>
              <a:gd name="connsiteX183" fmla="*/ 3562752 w 11269336"/>
              <a:gd name="connsiteY183" fmla="*/ 2131785 h 2323145"/>
              <a:gd name="connsiteX184" fmla="*/ 3541402 w 11269336"/>
              <a:gd name="connsiteY184" fmla="*/ 2106821 h 2323145"/>
              <a:gd name="connsiteX185" fmla="*/ 3460591 w 11269336"/>
              <a:gd name="connsiteY185" fmla="*/ 2097951 h 2323145"/>
              <a:gd name="connsiteX186" fmla="*/ 3320348 w 11269336"/>
              <a:gd name="connsiteY186" fmla="*/ 2130191 h 2323145"/>
              <a:gd name="connsiteX187" fmla="*/ 3170922 w 11269336"/>
              <a:gd name="connsiteY187" fmla="*/ 2115957 h 2323145"/>
              <a:gd name="connsiteX188" fmla="*/ 3156256 w 11269336"/>
              <a:gd name="connsiteY188" fmla="*/ 2124773 h 2323145"/>
              <a:gd name="connsiteX189" fmla="*/ 3140298 w 11269336"/>
              <a:gd name="connsiteY189" fmla="*/ 2129182 h 2323145"/>
              <a:gd name="connsiteX190" fmla="*/ 3138514 w 11269336"/>
              <a:gd name="connsiteY190" fmla="*/ 2128069 h 2323145"/>
              <a:gd name="connsiteX191" fmla="*/ 3120467 w 11269336"/>
              <a:gd name="connsiteY191" fmla="*/ 2128281 h 2323145"/>
              <a:gd name="connsiteX192" fmla="*/ 3116175 w 11269336"/>
              <a:gd name="connsiteY192" fmla="*/ 2131633 h 2323145"/>
              <a:gd name="connsiteX193" fmla="*/ 3103685 w 11269336"/>
              <a:gd name="connsiteY193" fmla="*/ 2132814 h 2323145"/>
              <a:gd name="connsiteX194" fmla="*/ 3078794 w 11269336"/>
              <a:gd name="connsiteY194" fmla="*/ 2137935 h 2323145"/>
              <a:gd name="connsiteX195" fmla="*/ 3074407 w 11269336"/>
              <a:gd name="connsiteY195" fmla="*/ 2136274 h 2323145"/>
              <a:gd name="connsiteX196" fmla="*/ 3037285 w 11269336"/>
              <a:gd name="connsiteY196" fmla="*/ 2139919 h 2323145"/>
              <a:gd name="connsiteX197" fmla="*/ 3036901 w 11269336"/>
              <a:gd name="connsiteY197" fmla="*/ 2138726 h 2323145"/>
              <a:gd name="connsiteX198" fmla="*/ 3026996 w 11269336"/>
              <a:gd name="connsiteY198" fmla="*/ 2134322 h 2323145"/>
              <a:gd name="connsiteX199" fmla="*/ 3007772 w 11269336"/>
              <a:gd name="connsiteY199" fmla="*/ 2128742 h 2323145"/>
              <a:gd name="connsiteX200" fmla="*/ 2965030 w 11269336"/>
              <a:gd name="connsiteY200" fmla="*/ 2100494 h 2323145"/>
              <a:gd name="connsiteX201" fmla="*/ 2926342 w 11269336"/>
              <a:gd name="connsiteY201" fmla="*/ 2104155 h 2323145"/>
              <a:gd name="connsiteX202" fmla="*/ 2918608 w 11269336"/>
              <a:gd name="connsiteY202" fmla="*/ 2104215 h 2323145"/>
              <a:gd name="connsiteX203" fmla="*/ 2918475 w 11269336"/>
              <a:gd name="connsiteY203" fmla="*/ 2103937 h 2323145"/>
              <a:gd name="connsiteX204" fmla="*/ 2910360 w 11269336"/>
              <a:gd name="connsiteY204" fmla="*/ 2103444 h 2323145"/>
              <a:gd name="connsiteX205" fmla="*/ 2904507 w 11269336"/>
              <a:gd name="connsiteY205" fmla="*/ 2104326 h 2323145"/>
              <a:gd name="connsiteX206" fmla="*/ 2889503 w 11269336"/>
              <a:gd name="connsiteY206" fmla="*/ 2104443 h 2323145"/>
              <a:gd name="connsiteX207" fmla="*/ 2884480 w 11269336"/>
              <a:gd name="connsiteY207" fmla="*/ 2102626 h 2323145"/>
              <a:gd name="connsiteX208" fmla="*/ 2882689 w 11269336"/>
              <a:gd name="connsiteY208" fmla="*/ 2099228 h 2323145"/>
              <a:gd name="connsiteX209" fmla="*/ 2881291 w 11269336"/>
              <a:gd name="connsiteY209" fmla="*/ 2099618 h 2323145"/>
              <a:gd name="connsiteX210" fmla="*/ 2853979 w 11269336"/>
              <a:gd name="connsiteY210" fmla="*/ 2090388 h 2323145"/>
              <a:gd name="connsiteX211" fmla="*/ 2791790 w 11269336"/>
              <a:gd name="connsiteY211" fmla="*/ 2080332 h 2323145"/>
              <a:gd name="connsiteX212" fmla="*/ 2755844 w 11269336"/>
              <a:gd name="connsiteY212" fmla="*/ 2078874 h 2323145"/>
              <a:gd name="connsiteX213" fmla="*/ 2657742 w 11269336"/>
              <a:gd name="connsiteY213" fmla="*/ 2070179 h 2323145"/>
              <a:gd name="connsiteX214" fmla="*/ 2559549 w 11269336"/>
              <a:gd name="connsiteY214" fmla="*/ 2057873 h 2323145"/>
              <a:gd name="connsiteX215" fmla="*/ 2512054 w 11269336"/>
              <a:gd name="connsiteY215" fmla="*/ 2031671 h 2323145"/>
              <a:gd name="connsiteX216" fmla="*/ 2506437 w 11269336"/>
              <a:gd name="connsiteY216" fmla="*/ 2030918 h 2323145"/>
              <a:gd name="connsiteX217" fmla="*/ 2491752 w 11269336"/>
              <a:gd name="connsiteY217" fmla="*/ 2033906 h 2323145"/>
              <a:gd name="connsiteX218" fmla="*/ 2486338 w 11269336"/>
              <a:gd name="connsiteY218" fmla="*/ 2035862 h 2323145"/>
              <a:gd name="connsiteX219" fmla="*/ 2478186 w 11269336"/>
              <a:gd name="connsiteY219" fmla="*/ 2036953 h 2323145"/>
              <a:gd name="connsiteX220" fmla="*/ 2477950 w 11269336"/>
              <a:gd name="connsiteY220" fmla="*/ 2036715 h 2323145"/>
              <a:gd name="connsiteX221" fmla="*/ 2470381 w 11269336"/>
              <a:gd name="connsiteY221" fmla="*/ 2038256 h 2323145"/>
              <a:gd name="connsiteX222" fmla="*/ 2433781 w 11269336"/>
              <a:gd name="connsiteY222" fmla="*/ 2049140 h 2323145"/>
              <a:gd name="connsiteX223" fmla="*/ 2381172 w 11269336"/>
              <a:gd name="connsiteY223" fmla="*/ 2030645 h 2323145"/>
              <a:gd name="connsiteX224" fmla="*/ 2360198 w 11269336"/>
              <a:gd name="connsiteY224" fmla="*/ 2029059 h 2323145"/>
              <a:gd name="connsiteX225" fmla="*/ 2348815 w 11269336"/>
              <a:gd name="connsiteY225" fmla="*/ 2026798 h 2323145"/>
              <a:gd name="connsiteX226" fmla="*/ 2347988 w 11269336"/>
              <a:gd name="connsiteY226" fmla="*/ 2025745 h 2323145"/>
              <a:gd name="connsiteX227" fmla="*/ 2312920 w 11269336"/>
              <a:gd name="connsiteY227" fmla="*/ 2036311 h 2323145"/>
              <a:gd name="connsiteX228" fmla="*/ 2307986 w 11269336"/>
              <a:gd name="connsiteY228" fmla="*/ 2035583 h 2323145"/>
              <a:gd name="connsiteX229" fmla="*/ 2285481 w 11269336"/>
              <a:gd name="connsiteY229" fmla="*/ 2045197 h 2323145"/>
              <a:gd name="connsiteX230" fmla="*/ 2273666 w 11269336"/>
              <a:gd name="connsiteY230" fmla="*/ 2048710 h 2323145"/>
              <a:gd name="connsiteX231" fmla="*/ 2270719 w 11269336"/>
              <a:gd name="connsiteY231" fmla="*/ 2052702 h 2323145"/>
              <a:gd name="connsiteX232" fmla="*/ 2253080 w 11269336"/>
              <a:gd name="connsiteY232" fmla="*/ 2056363 h 2323145"/>
              <a:gd name="connsiteX233" fmla="*/ 2250906 w 11269336"/>
              <a:gd name="connsiteY233" fmla="*/ 2055654 h 2323145"/>
              <a:gd name="connsiteX234" fmla="*/ 2236905 w 11269336"/>
              <a:gd name="connsiteY234" fmla="*/ 2062882 h 2323145"/>
              <a:gd name="connsiteX235" fmla="*/ 2225830 w 11269336"/>
              <a:gd name="connsiteY235" fmla="*/ 2074027 h 2323145"/>
              <a:gd name="connsiteX236" fmla="*/ 2073776 w 11269336"/>
              <a:gd name="connsiteY236" fmla="*/ 2089244 h 2323145"/>
              <a:gd name="connsiteX237" fmla="*/ 1948256 w 11269336"/>
              <a:gd name="connsiteY237" fmla="*/ 2146616 h 2323145"/>
              <a:gd name="connsiteX238" fmla="*/ 1865582 w 11269336"/>
              <a:gd name="connsiteY238" fmla="*/ 2153738 h 2323145"/>
              <a:gd name="connsiteX239" fmla="*/ 1835210 w 11269336"/>
              <a:gd name="connsiteY239" fmla="*/ 2134244 h 2323145"/>
              <a:gd name="connsiteX240" fmla="*/ 1632661 w 11269336"/>
              <a:gd name="connsiteY240" fmla="*/ 2173882 h 2323145"/>
              <a:gd name="connsiteX241" fmla="*/ 1579590 w 11269336"/>
              <a:gd name="connsiteY241" fmla="*/ 2173680 h 2323145"/>
              <a:gd name="connsiteX242" fmla="*/ 1535601 w 11269336"/>
              <a:gd name="connsiteY242" fmla="*/ 2194590 h 2323145"/>
              <a:gd name="connsiteX243" fmla="*/ 1515594 w 11269336"/>
              <a:gd name="connsiteY243" fmla="*/ 2189622 h 2323145"/>
              <a:gd name="connsiteX244" fmla="*/ 1512113 w 11269336"/>
              <a:gd name="connsiteY244" fmla="*/ 2188534 h 2323145"/>
              <a:gd name="connsiteX245" fmla="*/ 1498838 w 11269336"/>
              <a:gd name="connsiteY245" fmla="*/ 2189213 h 2323145"/>
              <a:gd name="connsiteX246" fmla="*/ 1494279 w 11269336"/>
              <a:gd name="connsiteY246" fmla="*/ 2183112 h 2323145"/>
              <a:gd name="connsiteX247" fmla="*/ 1473714 w 11269336"/>
              <a:gd name="connsiteY247" fmla="*/ 2179625 h 2323145"/>
              <a:gd name="connsiteX248" fmla="*/ 1449503 w 11269336"/>
              <a:gd name="connsiteY248" fmla="*/ 2182633 h 2323145"/>
              <a:gd name="connsiteX249" fmla="*/ 1335495 w 11269336"/>
              <a:gd name="connsiteY249" fmla="*/ 2203940 h 2323145"/>
              <a:gd name="connsiteX250" fmla="*/ 1266687 w 11269336"/>
              <a:gd name="connsiteY250" fmla="*/ 2212688 h 2323145"/>
              <a:gd name="connsiteX251" fmla="*/ 1239614 w 11269336"/>
              <a:gd name="connsiteY251" fmla="*/ 2209727 h 2323145"/>
              <a:gd name="connsiteX252" fmla="*/ 1202436 w 11269336"/>
              <a:gd name="connsiteY252" fmla="*/ 2209817 h 2323145"/>
              <a:gd name="connsiteX253" fmla="*/ 1136097 w 11269336"/>
              <a:gd name="connsiteY253" fmla="*/ 2205112 h 2323145"/>
              <a:gd name="connsiteX254" fmla="*/ 1048229 w 11269336"/>
              <a:gd name="connsiteY254" fmla="*/ 2207249 h 2323145"/>
              <a:gd name="connsiteX255" fmla="*/ 988232 w 11269336"/>
              <a:gd name="connsiteY255" fmla="*/ 2235635 h 2323145"/>
              <a:gd name="connsiteX256" fmla="*/ 981959 w 11269336"/>
              <a:gd name="connsiteY256" fmla="*/ 2231607 h 2323145"/>
              <a:gd name="connsiteX257" fmla="*/ 938600 w 11269336"/>
              <a:gd name="connsiteY257" fmla="*/ 2238113 h 2323145"/>
              <a:gd name="connsiteX258" fmla="*/ 791788 w 11269336"/>
              <a:gd name="connsiteY258" fmla="*/ 2293224 h 2323145"/>
              <a:gd name="connsiteX259" fmla="*/ 706914 w 11269336"/>
              <a:gd name="connsiteY259" fmla="*/ 2305046 h 2323145"/>
              <a:gd name="connsiteX260" fmla="*/ 675971 w 11269336"/>
              <a:gd name="connsiteY260" fmla="*/ 2304030 h 2323145"/>
              <a:gd name="connsiteX261" fmla="*/ 624180 w 11269336"/>
              <a:gd name="connsiteY261" fmla="*/ 2302650 h 2323145"/>
              <a:gd name="connsiteX262" fmla="*/ 583453 w 11269336"/>
              <a:gd name="connsiteY262" fmla="*/ 2288788 h 2323145"/>
              <a:gd name="connsiteX263" fmla="*/ 540946 w 11269336"/>
              <a:gd name="connsiteY263" fmla="*/ 2292721 h 2323145"/>
              <a:gd name="connsiteX264" fmla="*/ 533680 w 11269336"/>
              <a:gd name="connsiteY264" fmla="*/ 2310233 h 2323145"/>
              <a:gd name="connsiteX265" fmla="*/ 487366 w 11269336"/>
              <a:gd name="connsiteY265" fmla="*/ 2309053 h 2323145"/>
              <a:gd name="connsiteX266" fmla="*/ 416820 w 11269336"/>
              <a:gd name="connsiteY266" fmla="*/ 2305443 h 2323145"/>
              <a:gd name="connsiteX267" fmla="*/ 376805 w 11269336"/>
              <a:gd name="connsiteY267" fmla="*/ 2307647 h 2323145"/>
              <a:gd name="connsiteX268" fmla="*/ 266777 w 11269336"/>
              <a:gd name="connsiteY268" fmla="*/ 2309012 h 2323145"/>
              <a:gd name="connsiteX269" fmla="*/ 156013 w 11269336"/>
              <a:gd name="connsiteY269" fmla="*/ 2306832 h 2323145"/>
              <a:gd name="connsiteX270" fmla="*/ 87258 w 11269336"/>
              <a:gd name="connsiteY270" fmla="*/ 2285511 h 2323145"/>
              <a:gd name="connsiteX271" fmla="*/ 23798 w 11269336"/>
              <a:gd name="connsiteY271" fmla="*/ 2281822 h 2323145"/>
              <a:gd name="connsiteX272" fmla="*/ 0 w 11269336"/>
              <a:gd name="connsiteY272" fmla="*/ 2285369 h 2323145"/>
              <a:gd name="connsiteX273" fmla="*/ 0 w 11269336"/>
              <a:gd name="connsiteY273"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092476 w 11269336"/>
              <a:gd name="connsiteY139" fmla="*/ 2100737 h 2323145"/>
              <a:gd name="connsiteX140" fmla="*/ 5060738 w 11269336"/>
              <a:gd name="connsiteY140" fmla="*/ 208327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460591 w 11269336"/>
              <a:gd name="connsiteY184" fmla="*/ 2097951 h 2323145"/>
              <a:gd name="connsiteX185" fmla="*/ 3320348 w 11269336"/>
              <a:gd name="connsiteY185" fmla="*/ 2130191 h 2323145"/>
              <a:gd name="connsiteX186" fmla="*/ 3170922 w 11269336"/>
              <a:gd name="connsiteY186" fmla="*/ 2115957 h 2323145"/>
              <a:gd name="connsiteX187" fmla="*/ 3156256 w 11269336"/>
              <a:gd name="connsiteY187" fmla="*/ 2124773 h 2323145"/>
              <a:gd name="connsiteX188" fmla="*/ 3140298 w 11269336"/>
              <a:gd name="connsiteY188" fmla="*/ 2129182 h 2323145"/>
              <a:gd name="connsiteX189" fmla="*/ 3138514 w 11269336"/>
              <a:gd name="connsiteY189" fmla="*/ 2128069 h 2323145"/>
              <a:gd name="connsiteX190" fmla="*/ 3120467 w 11269336"/>
              <a:gd name="connsiteY190" fmla="*/ 2128281 h 2323145"/>
              <a:gd name="connsiteX191" fmla="*/ 3116175 w 11269336"/>
              <a:gd name="connsiteY191" fmla="*/ 2131633 h 2323145"/>
              <a:gd name="connsiteX192" fmla="*/ 3103685 w 11269336"/>
              <a:gd name="connsiteY192" fmla="*/ 2132814 h 2323145"/>
              <a:gd name="connsiteX193" fmla="*/ 3078794 w 11269336"/>
              <a:gd name="connsiteY193" fmla="*/ 2137935 h 2323145"/>
              <a:gd name="connsiteX194" fmla="*/ 3074407 w 11269336"/>
              <a:gd name="connsiteY194" fmla="*/ 2136274 h 2323145"/>
              <a:gd name="connsiteX195" fmla="*/ 3037285 w 11269336"/>
              <a:gd name="connsiteY195" fmla="*/ 2139919 h 2323145"/>
              <a:gd name="connsiteX196" fmla="*/ 3036901 w 11269336"/>
              <a:gd name="connsiteY196" fmla="*/ 2138726 h 2323145"/>
              <a:gd name="connsiteX197" fmla="*/ 3026996 w 11269336"/>
              <a:gd name="connsiteY197" fmla="*/ 2134322 h 2323145"/>
              <a:gd name="connsiteX198" fmla="*/ 3007772 w 11269336"/>
              <a:gd name="connsiteY198" fmla="*/ 2128742 h 2323145"/>
              <a:gd name="connsiteX199" fmla="*/ 2965030 w 11269336"/>
              <a:gd name="connsiteY199" fmla="*/ 2100494 h 2323145"/>
              <a:gd name="connsiteX200" fmla="*/ 2926342 w 11269336"/>
              <a:gd name="connsiteY200" fmla="*/ 2104155 h 2323145"/>
              <a:gd name="connsiteX201" fmla="*/ 2918608 w 11269336"/>
              <a:gd name="connsiteY201" fmla="*/ 2104215 h 2323145"/>
              <a:gd name="connsiteX202" fmla="*/ 2918475 w 11269336"/>
              <a:gd name="connsiteY202" fmla="*/ 2103937 h 2323145"/>
              <a:gd name="connsiteX203" fmla="*/ 2910360 w 11269336"/>
              <a:gd name="connsiteY203" fmla="*/ 2103444 h 2323145"/>
              <a:gd name="connsiteX204" fmla="*/ 2904507 w 11269336"/>
              <a:gd name="connsiteY204" fmla="*/ 2104326 h 2323145"/>
              <a:gd name="connsiteX205" fmla="*/ 2889503 w 11269336"/>
              <a:gd name="connsiteY205" fmla="*/ 2104443 h 2323145"/>
              <a:gd name="connsiteX206" fmla="*/ 2884480 w 11269336"/>
              <a:gd name="connsiteY206" fmla="*/ 2102626 h 2323145"/>
              <a:gd name="connsiteX207" fmla="*/ 2882689 w 11269336"/>
              <a:gd name="connsiteY207" fmla="*/ 2099228 h 2323145"/>
              <a:gd name="connsiteX208" fmla="*/ 2881291 w 11269336"/>
              <a:gd name="connsiteY208" fmla="*/ 2099618 h 2323145"/>
              <a:gd name="connsiteX209" fmla="*/ 2853979 w 11269336"/>
              <a:gd name="connsiteY209" fmla="*/ 2090388 h 2323145"/>
              <a:gd name="connsiteX210" fmla="*/ 2791790 w 11269336"/>
              <a:gd name="connsiteY210" fmla="*/ 2080332 h 2323145"/>
              <a:gd name="connsiteX211" fmla="*/ 2755844 w 11269336"/>
              <a:gd name="connsiteY211" fmla="*/ 2078874 h 2323145"/>
              <a:gd name="connsiteX212" fmla="*/ 2657742 w 11269336"/>
              <a:gd name="connsiteY212" fmla="*/ 2070179 h 2323145"/>
              <a:gd name="connsiteX213" fmla="*/ 2559549 w 11269336"/>
              <a:gd name="connsiteY213" fmla="*/ 2057873 h 2323145"/>
              <a:gd name="connsiteX214" fmla="*/ 2512054 w 11269336"/>
              <a:gd name="connsiteY214" fmla="*/ 2031671 h 2323145"/>
              <a:gd name="connsiteX215" fmla="*/ 2506437 w 11269336"/>
              <a:gd name="connsiteY215" fmla="*/ 2030918 h 2323145"/>
              <a:gd name="connsiteX216" fmla="*/ 2491752 w 11269336"/>
              <a:gd name="connsiteY216" fmla="*/ 2033906 h 2323145"/>
              <a:gd name="connsiteX217" fmla="*/ 2486338 w 11269336"/>
              <a:gd name="connsiteY217" fmla="*/ 2035862 h 2323145"/>
              <a:gd name="connsiteX218" fmla="*/ 2478186 w 11269336"/>
              <a:gd name="connsiteY218" fmla="*/ 2036953 h 2323145"/>
              <a:gd name="connsiteX219" fmla="*/ 2477950 w 11269336"/>
              <a:gd name="connsiteY219" fmla="*/ 2036715 h 2323145"/>
              <a:gd name="connsiteX220" fmla="*/ 2470381 w 11269336"/>
              <a:gd name="connsiteY220" fmla="*/ 2038256 h 2323145"/>
              <a:gd name="connsiteX221" fmla="*/ 2433781 w 11269336"/>
              <a:gd name="connsiteY221" fmla="*/ 2049140 h 2323145"/>
              <a:gd name="connsiteX222" fmla="*/ 2381172 w 11269336"/>
              <a:gd name="connsiteY222" fmla="*/ 2030645 h 2323145"/>
              <a:gd name="connsiteX223" fmla="*/ 2360198 w 11269336"/>
              <a:gd name="connsiteY223" fmla="*/ 2029059 h 2323145"/>
              <a:gd name="connsiteX224" fmla="*/ 2348815 w 11269336"/>
              <a:gd name="connsiteY224" fmla="*/ 2026798 h 2323145"/>
              <a:gd name="connsiteX225" fmla="*/ 2347988 w 11269336"/>
              <a:gd name="connsiteY225" fmla="*/ 2025745 h 2323145"/>
              <a:gd name="connsiteX226" fmla="*/ 2312920 w 11269336"/>
              <a:gd name="connsiteY226" fmla="*/ 2036311 h 2323145"/>
              <a:gd name="connsiteX227" fmla="*/ 2307986 w 11269336"/>
              <a:gd name="connsiteY227" fmla="*/ 2035583 h 2323145"/>
              <a:gd name="connsiteX228" fmla="*/ 2285481 w 11269336"/>
              <a:gd name="connsiteY228" fmla="*/ 2045197 h 2323145"/>
              <a:gd name="connsiteX229" fmla="*/ 2273666 w 11269336"/>
              <a:gd name="connsiteY229" fmla="*/ 2048710 h 2323145"/>
              <a:gd name="connsiteX230" fmla="*/ 2270719 w 11269336"/>
              <a:gd name="connsiteY230" fmla="*/ 2052702 h 2323145"/>
              <a:gd name="connsiteX231" fmla="*/ 2253080 w 11269336"/>
              <a:gd name="connsiteY231" fmla="*/ 2056363 h 2323145"/>
              <a:gd name="connsiteX232" fmla="*/ 2250906 w 11269336"/>
              <a:gd name="connsiteY232" fmla="*/ 2055654 h 2323145"/>
              <a:gd name="connsiteX233" fmla="*/ 2236905 w 11269336"/>
              <a:gd name="connsiteY233" fmla="*/ 2062882 h 2323145"/>
              <a:gd name="connsiteX234" fmla="*/ 2225830 w 11269336"/>
              <a:gd name="connsiteY234" fmla="*/ 2074027 h 2323145"/>
              <a:gd name="connsiteX235" fmla="*/ 2073776 w 11269336"/>
              <a:gd name="connsiteY235" fmla="*/ 2089244 h 2323145"/>
              <a:gd name="connsiteX236" fmla="*/ 1948256 w 11269336"/>
              <a:gd name="connsiteY236" fmla="*/ 2146616 h 2323145"/>
              <a:gd name="connsiteX237" fmla="*/ 1865582 w 11269336"/>
              <a:gd name="connsiteY237" fmla="*/ 2153738 h 2323145"/>
              <a:gd name="connsiteX238" fmla="*/ 1835210 w 11269336"/>
              <a:gd name="connsiteY238" fmla="*/ 2134244 h 2323145"/>
              <a:gd name="connsiteX239" fmla="*/ 1632661 w 11269336"/>
              <a:gd name="connsiteY239" fmla="*/ 2173882 h 2323145"/>
              <a:gd name="connsiteX240" fmla="*/ 1579590 w 11269336"/>
              <a:gd name="connsiteY240" fmla="*/ 2173680 h 2323145"/>
              <a:gd name="connsiteX241" fmla="*/ 1535601 w 11269336"/>
              <a:gd name="connsiteY241" fmla="*/ 2194590 h 2323145"/>
              <a:gd name="connsiteX242" fmla="*/ 1515594 w 11269336"/>
              <a:gd name="connsiteY242" fmla="*/ 2189622 h 2323145"/>
              <a:gd name="connsiteX243" fmla="*/ 1512113 w 11269336"/>
              <a:gd name="connsiteY243" fmla="*/ 2188534 h 2323145"/>
              <a:gd name="connsiteX244" fmla="*/ 1498838 w 11269336"/>
              <a:gd name="connsiteY244" fmla="*/ 2189213 h 2323145"/>
              <a:gd name="connsiteX245" fmla="*/ 1494279 w 11269336"/>
              <a:gd name="connsiteY245" fmla="*/ 2183112 h 2323145"/>
              <a:gd name="connsiteX246" fmla="*/ 1473714 w 11269336"/>
              <a:gd name="connsiteY246" fmla="*/ 2179625 h 2323145"/>
              <a:gd name="connsiteX247" fmla="*/ 1449503 w 11269336"/>
              <a:gd name="connsiteY247" fmla="*/ 2182633 h 2323145"/>
              <a:gd name="connsiteX248" fmla="*/ 1335495 w 11269336"/>
              <a:gd name="connsiteY248" fmla="*/ 2203940 h 2323145"/>
              <a:gd name="connsiteX249" fmla="*/ 1266687 w 11269336"/>
              <a:gd name="connsiteY249" fmla="*/ 2212688 h 2323145"/>
              <a:gd name="connsiteX250" fmla="*/ 1239614 w 11269336"/>
              <a:gd name="connsiteY250" fmla="*/ 2209727 h 2323145"/>
              <a:gd name="connsiteX251" fmla="*/ 1202436 w 11269336"/>
              <a:gd name="connsiteY251" fmla="*/ 2209817 h 2323145"/>
              <a:gd name="connsiteX252" fmla="*/ 1136097 w 11269336"/>
              <a:gd name="connsiteY252" fmla="*/ 2205112 h 2323145"/>
              <a:gd name="connsiteX253" fmla="*/ 1048229 w 11269336"/>
              <a:gd name="connsiteY253" fmla="*/ 2207249 h 2323145"/>
              <a:gd name="connsiteX254" fmla="*/ 988232 w 11269336"/>
              <a:gd name="connsiteY254" fmla="*/ 2235635 h 2323145"/>
              <a:gd name="connsiteX255" fmla="*/ 981959 w 11269336"/>
              <a:gd name="connsiteY255" fmla="*/ 2231607 h 2323145"/>
              <a:gd name="connsiteX256" fmla="*/ 938600 w 11269336"/>
              <a:gd name="connsiteY256" fmla="*/ 2238113 h 2323145"/>
              <a:gd name="connsiteX257" fmla="*/ 791788 w 11269336"/>
              <a:gd name="connsiteY257" fmla="*/ 2293224 h 2323145"/>
              <a:gd name="connsiteX258" fmla="*/ 706914 w 11269336"/>
              <a:gd name="connsiteY258" fmla="*/ 2305046 h 2323145"/>
              <a:gd name="connsiteX259" fmla="*/ 675971 w 11269336"/>
              <a:gd name="connsiteY259" fmla="*/ 2304030 h 2323145"/>
              <a:gd name="connsiteX260" fmla="*/ 624180 w 11269336"/>
              <a:gd name="connsiteY260" fmla="*/ 2302650 h 2323145"/>
              <a:gd name="connsiteX261" fmla="*/ 583453 w 11269336"/>
              <a:gd name="connsiteY261" fmla="*/ 2288788 h 2323145"/>
              <a:gd name="connsiteX262" fmla="*/ 540946 w 11269336"/>
              <a:gd name="connsiteY262" fmla="*/ 2292721 h 2323145"/>
              <a:gd name="connsiteX263" fmla="*/ 533680 w 11269336"/>
              <a:gd name="connsiteY263" fmla="*/ 2310233 h 2323145"/>
              <a:gd name="connsiteX264" fmla="*/ 487366 w 11269336"/>
              <a:gd name="connsiteY264" fmla="*/ 2309053 h 2323145"/>
              <a:gd name="connsiteX265" fmla="*/ 416820 w 11269336"/>
              <a:gd name="connsiteY265" fmla="*/ 2305443 h 2323145"/>
              <a:gd name="connsiteX266" fmla="*/ 376805 w 11269336"/>
              <a:gd name="connsiteY266" fmla="*/ 2307647 h 2323145"/>
              <a:gd name="connsiteX267" fmla="*/ 266777 w 11269336"/>
              <a:gd name="connsiteY267" fmla="*/ 2309012 h 2323145"/>
              <a:gd name="connsiteX268" fmla="*/ 156013 w 11269336"/>
              <a:gd name="connsiteY268" fmla="*/ 2306832 h 2323145"/>
              <a:gd name="connsiteX269" fmla="*/ 87258 w 11269336"/>
              <a:gd name="connsiteY269" fmla="*/ 2285511 h 2323145"/>
              <a:gd name="connsiteX270" fmla="*/ 23798 w 11269336"/>
              <a:gd name="connsiteY270" fmla="*/ 2281822 h 2323145"/>
              <a:gd name="connsiteX271" fmla="*/ 0 w 11269336"/>
              <a:gd name="connsiteY271" fmla="*/ 2285369 h 2323145"/>
              <a:gd name="connsiteX272" fmla="*/ 0 w 11269336"/>
              <a:gd name="connsiteY27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60738 w 11269336"/>
              <a:gd name="connsiteY140" fmla="*/ 208327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460591 w 11269336"/>
              <a:gd name="connsiteY184" fmla="*/ 2097951 h 2323145"/>
              <a:gd name="connsiteX185" fmla="*/ 3320348 w 11269336"/>
              <a:gd name="connsiteY185" fmla="*/ 2130191 h 2323145"/>
              <a:gd name="connsiteX186" fmla="*/ 3170922 w 11269336"/>
              <a:gd name="connsiteY186" fmla="*/ 2115957 h 2323145"/>
              <a:gd name="connsiteX187" fmla="*/ 3156256 w 11269336"/>
              <a:gd name="connsiteY187" fmla="*/ 2124773 h 2323145"/>
              <a:gd name="connsiteX188" fmla="*/ 3140298 w 11269336"/>
              <a:gd name="connsiteY188" fmla="*/ 2129182 h 2323145"/>
              <a:gd name="connsiteX189" fmla="*/ 3138514 w 11269336"/>
              <a:gd name="connsiteY189" fmla="*/ 2128069 h 2323145"/>
              <a:gd name="connsiteX190" fmla="*/ 3120467 w 11269336"/>
              <a:gd name="connsiteY190" fmla="*/ 2128281 h 2323145"/>
              <a:gd name="connsiteX191" fmla="*/ 3116175 w 11269336"/>
              <a:gd name="connsiteY191" fmla="*/ 2131633 h 2323145"/>
              <a:gd name="connsiteX192" fmla="*/ 3103685 w 11269336"/>
              <a:gd name="connsiteY192" fmla="*/ 2132814 h 2323145"/>
              <a:gd name="connsiteX193" fmla="*/ 3078794 w 11269336"/>
              <a:gd name="connsiteY193" fmla="*/ 2137935 h 2323145"/>
              <a:gd name="connsiteX194" fmla="*/ 3074407 w 11269336"/>
              <a:gd name="connsiteY194" fmla="*/ 2136274 h 2323145"/>
              <a:gd name="connsiteX195" fmla="*/ 3037285 w 11269336"/>
              <a:gd name="connsiteY195" fmla="*/ 2139919 h 2323145"/>
              <a:gd name="connsiteX196" fmla="*/ 3036901 w 11269336"/>
              <a:gd name="connsiteY196" fmla="*/ 2138726 h 2323145"/>
              <a:gd name="connsiteX197" fmla="*/ 3026996 w 11269336"/>
              <a:gd name="connsiteY197" fmla="*/ 2134322 h 2323145"/>
              <a:gd name="connsiteX198" fmla="*/ 3007772 w 11269336"/>
              <a:gd name="connsiteY198" fmla="*/ 2128742 h 2323145"/>
              <a:gd name="connsiteX199" fmla="*/ 2965030 w 11269336"/>
              <a:gd name="connsiteY199" fmla="*/ 2100494 h 2323145"/>
              <a:gd name="connsiteX200" fmla="*/ 2926342 w 11269336"/>
              <a:gd name="connsiteY200" fmla="*/ 2104155 h 2323145"/>
              <a:gd name="connsiteX201" fmla="*/ 2918608 w 11269336"/>
              <a:gd name="connsiteY201" fmla="*/ 2104215 h 2323145"/>
              <a:gd name="connsiteX202" fmla="*/ 2918475 w 11269336"/>
              <a:gd name="connsiteY202" fmla="*/ 2103937 h 2323145"/>
              <a:gd name="connsiteX203" fmla="*/ 2910360 w 11269336"/>
              <a:gd name="connsiteY203" fmla="*/ 2103444 h 2323145"/>
              <a:gd name="connsiteX204" fmla="*/ 2904507 w 11269336"/>
              <a:gd name="connsiteY204" fmla="*/ 2104326 h 2323145"/>
              <a:gd name="connsiteX205" fmla="*/ 2889503 w 11269336"/>
              <a:gd name="connsiteY205" fmla="*/ 2104443 h 2323145"/>
              <a:gd name="connsiteX206" fmla="*/ 2884480 w 11269336"/>
              <a:gd name="connsiteY206" fmla="*/ 2102626 h 2323145"/>
              <a:gd name="connsiteX207" fmla="*/ 2882689 w 11269336"/>
              <a:gd name="connsiteY207" fmla="*/ 2099228 h 2323145"/>
              <a:gd name="connsiteX208" fmla="*/ 2881291 w 11269336"/>
              <a:gd name="connsiteY208" fmla="*/ 2099618 h 2323145"/>
              <a:gd name="connsiteX209" fmla="*/ 2853979 w 11269336"/>
              <a:gd name="connsiteY209" fmla="*/ 2090388 h 2323145"/>
              <a:gd name="connsiteX210" fmla="*/ 2791790 w 11269336"/>
              <a:gd name="connsiteY210" fmla="*/ 2080332 h 2323145"/>
              <a:gd name="connsiteX211" fmla="*/ 2755844 w 11269336"/>
              <a:gd name="connsiteY211" fmla="*/ 2078874 h 2323145"/>
              <a:gd name="connsiteX212" fmla="*/ 2657742 w 11269336"/>
              <a:gd name="connsiteY212" fmla="*/ 2070179 h 2323145"/>
              <a:gd name="connsiteX213" fmla="*/ 2559549 w 11269336"/>
              <a:gd name="connsiteY213" fmla="*/ 2057873 h 2323145"/>
              <a:gd name="connsiteX214" fmla="*/ 2512054 w 11269336"/>
              <a:gd name="connsiteY214" fmla="*/ 2031671 h 2323145"/>
              <a:gd name="connsiteX215" fmla="*/ 2506437 w 11269336"/>
              <a:gd name="connsiteY215" fmla="*/ 2030918 h 2323145"/>
              <a:gd name="connsiteX216" fmla="*/ 2491752 w 11269336"/>
              <a:gd name="connsiteY216" fmla="*/ 2033906 h 2323145"/>
              <a:gd name="connsiteX217" fmla="*/ 2486338 w 11269336"/>
              <a:gd name="connsiteY217" fmla="*/ 2035862 h 2323145"/>
              <a:gd name="connsiteX218" fmla="*/ 2478186 w 11269336"/>
              <a:gd name="connsiteY218" fmla="*/ 2036953 h 2323145"/>
              <a:gd name="connsiteX219" fmla="*/ 2477950 w 11269336"/>
              <a:gd name="connsiteY219" fmla="*/ 2036715 h 2323145"/>
              <a:gd name="connsiteX220" fmla="*/ 2470381 w 11269336"/>
              <a:gd name="connsiteY220" fmla="*/ 2038256 h 2323145"/>
              <a:gd name="connsiteX221" fmla="*/ 2433781 w 11269336"/>
              <a:gd name="connsiteY221" fmla="*/ 2049140 h 2323145"/>
              <a:gd name="connsiteX222" fmla="*/ 2381172 w 11269336"/>
              <a:gd name="connsiteY222" fmla="*/ 2030645 h 2323145"/>
              <a:gd name="connsiteX223" fmla="*/ 2360198 w 11269336"/>
              <a:gd name="connsiteY223" fmla="*/ 2029059 h 2323145"/>
              <a:gd name="connsiteX224" fmla="*/ 2348815 w 11269336"/>
              <a:gd name="connsiteY224" fmla="*/ 2026798 h 2323145"/>
              <a:gd name="connsiteX225" fmla="*/ 2347988 w 11269336"/>
              <a:gd name="connsiteY225" fmla="*/ 2025745 h 2323145"/>
              <a:gd name="connsiteX226" fmla="*/ 2312920 w 11269336"/>
              <a:gd name="connsiteY226" fmla="*/ 2036311 h 2323145"/>
              <a:gd name="connsiteX227" fmla="*/ 2307986 w 11269336"/>
              <a:gd name="connsiteY227" fmla="*/ 2035583 h 2323145"/>
              <a:gd name="connsiteX228" fmla="*/ 2285481 w 11269336"/>
              <a:gd name="connsiteY228" fmla="*/ 2045197 h 2323145"/>
              <a:gd name="connsiteX229" fmla="*/ 2273666 w 11269336"/>
              <a:gd name="connsiteY229" fmla="*/ 2048710 h 2323145"/>
              <a:gd name="connsiteX230" fmla="*/ 2270719 w 11269336"/>
              <a:gd name="connsiteY230" fmla="*/ 2052702 h 2323145"/>
              <a:gd name="connsiteX231" fmla="*/ 2253080 w 11269336"/>
              <a:gd name="connsiteY231" fmla="*/ 2056363 h 2323145"/>
              <a:gd name="connsiteX232" fmla="*/ 2250906 w 11269336"/>
              <a:gd name="connsiteY232" fmla="*/ 2055654 h 2323145"/>
              <a:gd name="connsiteX233" fmla="*/ 2236905 w 11269336"/>
              <a:gd name="connsiteY233" fmla="*/ 2062882 h 2323145"/>
              <a:gd name="connsiteX234" fmla="*/ 2225830 w 11269336"/>
              <a:gd name="connsiteY234" fmla="*/ 2074027 h 2323145"/>
              <a:gd name="connsiteX235" fmla="*/ 2073776 w 11269336"/>
              <a:gd name="connsiteY235" fmla="*/ 2089244 h 2323145"/>
              <a:gd name="connsiteX236" fmla="*/ 1948256 w 11269336"/>
              <a:gd name="connsiteY236" fmla="*/ 2146616 h 2323145"/>
              <a:gd name="connsiteX237" fmla="*/ 1865582 w 11269336"/>
              <a:gd name="connsiteY237" fmla="*/ 2153738 h 2323145"/>
              <a:gd name="connsiteX238" fmla="*/ 1835210 w 11269336"/>
              <a:gd name="connsiteY238" fmla="*/ 2134244 h 2323145"/>
              <a:gd name="connsiteX239" fmla="*/ 1632661 w 11269336"/>
              <a:gd name="connsiteY239" fmla="*/ 2173882 h 2323145"/>
              <a:gd name="connsiteX240" fmla="*/ 1579590 w 11269336"/>
              <a:gd name="connsiteY240" fmla="*/ 2173680 h 2323145"/>
              <a:gd name="connsiteX241" fmla="*/ 1535601 w 11269336"/>
              <a:gd name="connsiteY241" fmla="*/ 2194590 h 2323145"/>
              <a:gd name="connsiteX242" fmla="*/ 1515594 w 11269336"/>
              <a:gd name="connsiteY242" fmla="*/ 2189622 h 2323145"/>
              <a:gd name="connsiteX243" fmla="*/ 1512113 w 11269336"/>
              <a:gd name="connsiteY243" fmla="*/ 2188534 h 2323145"/>
              <a:gd name="connsiteX244" fmla="*/ 1498838 w 11269336"/>
              <a:gd name="connsiteY244" fmla="*/ 2189213 h 2323145"/>
              <a:gd name="connsiteX245" fmla="*/ 1494279 w 11269336"/>
              <a:gd name="connsiteY245" fmla="*/ 2183112 h 2323145"/>
              <a:gd name="connsiteX246" fmla="*/ 1473714 w 11269336"/>
              <a:gd name="connsiteY246" fmla="*/ 2179625 h 2323145"/>
              <a:gd name="connsiteX247" fmla="*/ 1449503 w 11269336"/>
              <a:gd name="connsiteY247" fmla="*/ 2182633 h 2323145"/>
              <a:gd name="connsiteX248" fmla="*/ 1335495 w 11269336"/>
              <a:gd name="connsiteY248" fmla="*/ 2203940 h 2323145"/>
              <a:gd name="connsiteX249" fmla="*/ 1266687 w 11269336"/>
              <a:gd name="connsiteY249" fmla="*/ 2212688 h 2323145"/>
              <a:gd name="connsiteX250" fmla="*/ 1239614 w 11269336"/>
              <a:gd name="connsiteY250" fmla="*/ 2209727 h 2323145"/>
              <a:gd name="connsiteX251" fmla="*/ 1202436 w 11269336"/>
              <a:gd name="connsiteY251" fmla="*/ 2209817 h 2323145"/>
              <a:gd name="connsiteX252" fmla="*/ 1136097 w 11269336"/>
              <a:gd name="connsiteY252" fmla="*/ 2205112 h 2323145"/>
              <a:gd name="connsiteX253" fmla="*/ 1048229 w 11269336"/>
              <a:gd name="connsiteY253" fmla="*/ 2207249 h 2323145"/>
              <a:gd name="connsiteX254" fmla="*/ 988232 w 11269336"/>
              <a:gd name="connsiteY254" fmla="*/ 2235635 h 2323145"/>
              <a:gd name="connsiteX255" fmla="*/ 981959 w 11269336"/>
              <a:gd name="connsiteY255" fmla="*/ 2231607 h 2323145"/>
              <a:gd name="connsiteX256" fmla="*/ 938600 w 11269336"/>
              <a:gd name="connsiteY256" fmla="*/ 2238113 h 2323145"/>
              <a:gd name="connsiteX257" fmla="*/ 791788 w 11269336"/>
              <a:gd name="connsiteY257" fmla="*/ 2293224 h 2323145"/>
              <a:gd name="connsiteX258" fmla="*/ 706914 w 11269336"/>
              <a:gd name="connsiteY258" fmla="*/ 2305046 h 2323145"/>
              <a:gd name="connsiteX259" fmla="*/ 675971 w 11269336"/>
              <a:gd name="connsiteY259" fmla="*/ 2304030 h 2323145"/>
              <a:gd name="connsiteX260" fmla="*/ 624180 w 11269336"/>
              <a:gd name="connsiteY260" fmla="*/ 2302650 h 2323145"/>
              <a:gd name="connsiteX261" fmla="*/ 583453 w 11269336"/>
              <a:gd name="connsiteY261" fmla="*/ 2288788 h 2323145"/>
              <a:gd name="connsiteX262" fmla="*/ 540946 w 11269336"/>
              <a:gd name="connsiteY262" fmla="*/ 2292721 h 2323145"/>
              <a:gd name="connsiteX263" fmla="*/ 533680 w 11269336"/>
              <a:gd name="connsiteY263" fmla="*/ 2310233 h 2323145"/>
              <a:gd name="connsiteX264" fmla="*/ 487366 w 11269336"/>
              <a:gd name="connsiteY264" fmla="*/ 2309053 h 2323145"/>
              <a:gd name="connsiteX265" fmla="*/ 416820 w 11269336"/>
              <a:gd name="connsiteY265" fmla="*/ 2305443 h 2323145"/>
              <a:gd name="connsiteX266" fmla="*/ 376805 w 11269336"/>
              <a:gd name="connsiteY266" fmla="*/ 2307647 h 2323145"/>
              <a:gd name="connsiteX267" fmla="*/ 266777 w 11269336"/>
              <a:gd name="connsiteY267" fmla="*/ 2309012 h 2323145"/>
              <a:gd name="connsiteX268" fmla="*/ 156013 w 11269336"/>
              <a:gd name="connsiteY268" fmla="*/ 2306832 h 2323145"/>
              <a:gd name="connsiteX269" fmla="*/ 87258 w 11269336"/>
              <a:gd name="connsiteY269" fmla="*/ 2285511 h 2323145"/>
              <a:gd name="connsiteX270" fmla="*/ 23798 w 11269336"/>
              <a:gd name="connsiteY270" fmla="*/ 2281822 h 2323145"/>
              <a:gd name="connsiteX271" fmla="*/ 0 w 11269336"/>
              <a:gd name="connsiteY271" fmla="*/ 2285369 h 2323145"/>
              <a:gd name="connsiteX272" fmla="*/ 0 w 11269336"/>
              <a:gd name="connsiteY27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460591 w 11269336"/>
              <a:gd name="connsiteY184" fmla="*/ 2097951 h 2323145"/>
              <a:gd name="connsiteX185" fmla="*/ 3320348 w 11269336"/>
              <a:gd name="connsiteY185" fmla="*/ 2130191 h 2323145"/>
              <a:gd name="connsiteX186" fmla="*/ 3170922 w 11269336"/>
              <a:gd name="connsiteY186" fmla="*/ 2115957 h 2323145"/>
              <a:gd name="connsiteX187" fmla="*/ 3156256 w 11269336"/>
              <a:gd name="connsiteY187" fmla="*/ 2124773 h 2323145"/>
              <a:gd name="connsiteX188" fmla="*/ 3140298 w 11269336"/>
              <a:gd name="connsiteY188" fmla="*/ 2129182 h 2323145"/>
              <a:gd name="connsiteX189" fmla="*/ 3138514 w 11269336"/>
              <a:gd name="connsiteY189" fmla="*/ 2128069 h 2323145"/>
              <a:gd name="connsiteX190" fmla="*/ 3120467 w 11269336"/>
              <a:gd name="connsiteY190" fmla="*/ 2128281 h 2323145"/>
              <a:gd name="connsiteX191" fmla="*/ 3116175 w 11269336"/>
              <a:gd name="connsiteY191" fmla="*/ 2131633 h 2323145"/>
              <a:gd name="connsiteX192" fmla="*/ 3103685 w 11269336"/>
              <a:gd name="connsiteY192" fmla="*/ 2132814 h 2323145"/>
              <a:gd name="connsiteX193" fmla="*/ 3078794 w 11269336"/>
              <a:gd name="connsiteY193" fmla="*/ 2137935 h 2323145"/>
              <a:gd name="connsiteX194" fmla="*/ 3074407 w 11269336"/>
              <a:gd name="connsiteY194" fmla="*/ 2136274 h 2323145"/>
              <a:gd name="connsiteX195" fmla="*/ 3037285 w 11269336"/>
              <a:gd name="connsiteY195" fmla="*/ 2139919 h 2323145"/>
              <a:gd name="connsiteX196" fmla="*/ 3036901 w 11269336"/>
              <a:gd name="connsiteY196" fmla="*/ 2138726 h 2323145"/>
              <a:gd name="connsiteX197" fmla="*/ 3026996 w 11269336"/>
              <a:gd name="connsiteY197" fmla="*/ 2134322 h 2323145"/>
              <a:gd name="connsiteX198" fmla="*/ 3007772 w 11269336"/>
              <a:gd name="connsiteY198" fmla="*/ 2128742 h 2323145"/>
              <a:gd name="connsiteX199" fmla="*/ 2965030 w 11269336"/>
              <a:gd name="connsiteY199" fmla="*/ 2100494 h 2323145"/>
              <a:gd name="connsiteX200" fmla="*/ 2926342 w 11269336"/>
              <a:gd name="connsiteY200" fmla="*/ 2104155 h 2323145"/>
              <a:gd name="connsiteX201" fmla="*/ 2918608 w 11269336"/>
              <a:gd name="connsiteY201" fmla="*/ 2104215 h 2323145"/>
              <a:gd name="connsiteX202" fmla="*/ 2918475 w 11269336"/>
              <a:gd name="connsiteY202" fmla="*/ 2103937 h 2323145"/>
              <a:gd name="connsiteX203" fmla="*/ 2910360 w 11269336"/>
              <a:gd name="connsiteY203" fmla="*/ 2103444 h 2323145"/>
              <a:gd name="connsiteX204" fmla="*/ 2904507 w 11269336"/>
              <a:gd name="connsiteY204" fmla="*/ 2104326 h 2323145"/>
              <a:gd name="connsiteX205" fmla="*/ 2889503 w 11269336"/>
              <a:gd name="connsiteY205" fmla="*/ 2104443 h 2323145"/>
              <a:gd name="connsiteX206" fmla="*/ 2884480 w 11269336"/>
              <a:gd name="connsiteY206" fmla="*/ 2102626 h 2323145"/>
              <a:gd name="connsiteX207" fmla="*/ 2882689 w 11269336"/>
              <a:gd name="connsiteY207" fmla="*/ 2099228 h 2323145"/>
              <a:gd name="connsiteX208" fmla="*/ 2881291 w 11269336"/>
              <a:gd name="connsiteY208" fmla="*/ 2099618 h 2323145"/>
              <a:gd name="connsiteX209" fmla="*/ 2853979 w 11269336"/>
              <a:gd name="connsiteY209" fmla="*/ 2090388 h 2323145"/>
              <a:gd name="connsiteX210" fmla="*/ 2791790 w 11269336"/>
              <a:gd name="connsiteY210" fmla="*/ 2080332 h 2323145"/>
              <a:gd name="connsiteX211" fmla="*/ 2755844 w 11269336"/>
              <a:gd name="connsiteY211" fmla="*/ 2078874 h 2323145"/>
              <a:gd name="connsiteX212" fmla="*/ 2657742 w 11269336"/>
              <a:gd name="connsiteY212" fmla="*/ 2070179 h 2323145"/>
              <a:gd name="connsiteX213" fmla="*/ 2559549 w 11269336"/>
              <a:gd name="connsiteY213" fmla="*/ 2057873 h 2323145"/>
              <a:gd name="connsiteX214" fmla="*/ 2512054 w 11269336"/>
              <a:gd name="connsiteY214" fmla="*/ 2031671 h 2323145"/>
              <a:gd name="connsiteX215" fmla="*/ 2506437 w 11269336"/>
              <a:gd name="connsiteY215" fmla="*/ 2030918 h 2323145"/>
              <a:gd name="connsiteX216" fmla="*/ 2491752 w 11269336"/>
              <a:gd name="connsiteY216" fmla="*/ 2033906 h 2323145"/>
              <a:gd name="connsiteX217" fmla="*/ 2486338 w 11269336"/>
              <a:gd name="connsiteY217" fmla="*/ 2035862 h 2323145"/>
              <a:gd name="connsiteX218" fmla="*/ 2478186 w 11269336"/>
              <a:gd name="connsiteY218" fmla="*/ 2036953 h 2323145"/>
              <a:gd name="connsiteX219" fmla="*/ 2477950 w 11269336"/>
              <a:gd name="connsiteY219" fmla="*/ 2036715 h 2323145"/>
              <a:gd name="connsiteX220" fmla="*/ 2470381 w 11269336"/>
              <a:gd name="connsiteY220" fmla="*/ 2038256 h 2323145"/>
              <a:gd name="connsiteX221" fmla="*/ 2433781 w 11269336"/>
              <a:gd name="connsiteY221" fmla="*/ 2049140 h 2323145"/>
              <a:gd name="connsiteX222" fmla="*/ 2381172 w 11269336"/>
              <a:gd name="connsiteY222" fmla="*/ 2030645 h 2323145"/>
              <a:gd name="connsiteX223" fmla="*/ 2360198 w 11269336"/>
              <a:gd name="connsiteY223" fmla="*/ 2029059 h 2323145"/>
              <a:gd name="connsiteX224" fmla="*/ 2348815 w 11269336"/>
              <a:gd name="connsiteY224" fmla="*/ 2026798 h 2323145"/>
              <a:gd name="connsiteX225" fmla="*/ 2347988 w 11269336"/>
              <a:gd name="connsiteY225" fmla="*/ 2025745 h 2323145"/>
              <a:gd name="connsiteX226" fmla="*/ 2312920 w 11269336"/>
              <a:gd name="connsiteY226" fmla="*/ 2036311 h 2323145"/>
              <a:gd name="connsiteX227" fmla="*/ 2307986 w 11269336"/>
              <a:gd name="connsiteY227" fmla="*/ 2035583 h 2323145"/>
              <a:gd name="connsiteX228" fmla="*/ 2285481 w 11269336"/>
              <a:gd name="connsiteY228" fmla="*/ 2045197 h 2323145"/>
              <a:gd name="connsiteX229" fmla="*/ 2273666 w 11269336"/>
              <a:gd name="connsiteY229" fmla="*/ 2048710 h 2323145"/>
              <a:gd name="connsiteX230" fmla="*/ 2270719 w 11269336"/>
              <a:gd name="connsiteY230" fmla="*/ 2052702 h 2323145"/>
              <a:gd name="connsiteX231" fmla="*/ 2253080 w 11269336"/>
              <a:gd name="connsiteY231" fmla="*/ 2056363 h 2323145"/>
              <a:gd name="connsiteX232" fmla="*/ 2250906 w 11269336"/>
              <a:gd name="connsiteY232" fmla="*/ 2055654 h 2323145"/>
              <a:gd name="connsiteX233" fmla="*/ 2236905 w 11269336"/>
              <a:gd name="connsiteY233" fmla="*/ 2062882 h 2323145"/>
              <a:gd name="connsiteX234" fmla="*/ 2225830 w 11269336"/>
              <a:gd name="connsiteY234" fmla="*/ 2074027 h 2323145"/>
              <a:gd name="connsiteX235" fmla="*/ 2073776 w 11269336"/>
              <a:gd name="connsiteY235" fmla="*/ 2089244 h 2323145"/>
              <a:gd name="connsiteX236" fmla="*/ 1948256 w 11269336"/>
              <a:gd name="connsiteY236" fmla="*/ 2146616 h 2323145"/>
              <a:gd name="connsiteX237" fmla="*/ 1865582 w 11269336"/>
              <a:gd name="connsiteY237" fmla="*/ 2153738 h 2323145"/>
              <a:gd name="connsiteX238" fmla="*/ 1835210 w 11269336"/>
              <a:gd name="connsiteY238" fmla="*/ 2134244 h 2323145"/>
              <a:gd name="connsiteX239" fmla="*/ 1632661 w 11269336"/>
              <a:gd name="connsiteY239" fmla="*/ 2173882 h 2323145"/>
              <a:gd name="connsiteX240" fmla="*/ 1579590 w 11269336"/>
              <a:gd name="connsiteY240" fmla="*/ 2173680 h 2323145"/>
              <a:gd name="connsiteX241" fmla="*/ 1535601 w 11269336"/>
              <a:gd name="connsiteY241" fmla="*/ 2194590 h 2323145"/>
              <a:gd name="connsiteX242" fmla="*/ 1515594 w 11269336"/>
              <a:gd name="connsiteY242" fmla="*/ 2189622 h 2323145"/>
              <a:gd name="connsiteX243" fmla="*/ 1512113 w 11269336"/>
              <a:gd name="connsiteY243" fmla="*/ 2188534 h 2323145"/>
              <a:gd name="connsiteX244" fmla="*/ 1498838 w 11269336"/>
              <a:gd name="connsiteY244" fmla="*/ 2189213 h 2323145"/>
              <a:gd name="connsiteX245" fmla="*/ 1494279 w 11269336"/>
              <a:gd name="connsiteY245" fmla="*/ 2183112 h 2323145"/>
              <a:gd name="connsiteX246" fmla="*/ 1473714 w 11269336"/>
              <a:gd name="connsiteY246" fmla="*/ 2179625 h 2323145"/>
              <a:gd name="connsiteX247" fmla="*/ 1449503 w 11269336"/>
              <a:gd name="connsiteY247" fmla="*/ 2182633 h 2323145"/>
              <a:gd name="connsiteX248" fmla="*/ 1335495 w 11269336"/>
              <a:gd name="connsiteY248" fmla="*/ 2203940 h 2323145"/>
              <a:gd name="connsiteX249" fmla="*/ 1266687 w 11269336"/>
              <a:gd name="connsiteY249" fmla="*/ 2212688 h 2323145"/>
              <a:gd name="connsiteX250" fmla="*/ 1239614 w 11269336"/>
              <a:gd name="connsiteY250" fmla="*/ 2209727 h 2323145"/>
              <a:gd name="connsiteX251" fmla="*/ 1202436 w 11269336"/>
              <a:gd name="connsiteY251" fmla="*/ 2209817 h 2323145"/>
              <a:gd name="connsiteX252" fmla="*/ 1136097 w 11269336"/>
              <a:gd name="connsiteY252" fmla="*/ 2205112 h 2323145"/>
              <a:gd name="connsiteX253" fmla="*/ 1048229 w 11269336"/>
              <a:gd name="connsiteY253" fmla="*/ 2207249 h 2323145"/>
              <a:gd name="connsiteX254" fmla="*/ 988232 w 11269336"/>
              <a:gd name="connsiteY254" fmla="*/ 2235635 h 2323145"/>
              <a:gd name="connsiteX255" fmla="*/ 981959 w 11269336"/>
              <a:gd name="connsiteY255" fmla="*/ 2231607 h 2323145"/>
              <a:gd name="connsiteX256" fmla="*/ 938600 w 11269336"/>
              <a:gd name="connsiteY256" fmla="*/ 2238113 h 2323145"/>
              <a:gd name="connsiteX257" fmla="*/ 791788 w 11269336"/>
              <a:gd name="connsiteY257" fmla="*/ 2293224 h 2323145"/>
              <a:gd name="connsiteX258" fmla="*/ 706914 w 11269336"/>
              <a:gd name="connsiteY258" fmla="*/ 2305046 h 2323145"/>
              <a:gd name="connsiteX259" fmla="*/ 675971 w 11269336"/>
              <a:gd name="connsiteY259" fmla="*/ 2304030 h 2323145"/>
              <a:gd name="connsiteX260" fmla="*/ 624180 w 11269336"/>
              <a:gd name="connsiteY260" fmla="*/ 2302650 h 2323145"/>
              <a:gd name="connsiteX261" fmla="*/ 583453 w 11269336"/>
              <a:gd name="connsiteY261" fmla="*/ 2288788 h 2323145"/>
              <a:gd name="connsiteX262" fmla="*/ 540946 w 11269336"/>
              <a:gd name="connsiteY262" fmla="*/ 2292721 h 2323145"/>
              <a:gd name="connsiteX263" fmla="*/ 533680 w 11269336"/>
              <a:gd name="connsiteY263" fmla="*/ 2310233 h 2323145"/>
              <a:gd name="connsiteX264" fmla="*/ 487366 w 11269336"/>
              <a:gd name="connsiteY264" fmla="*/ 2309053 h 2323145"/>
              <a:gd name="connsiteX265" fmla="*/ 416820 w 11269336"/>
              <a:gd name="connsiteY265" fmla="*/ 2305443 h 2323145"/>
              <a:gd name="connsiteX266" fmla="*/ 376805 w 11269336"/>
              <a:gd name="connsiteY266" fmla="*/ 2307647 h 2323145"/>
              <a:gd name="connsiteX267" fmla="*/ 266777 w 11269336"/>
              <a:gd name="connsiteY267" fmla="*/ 2309012 h 2323145"/>
              <a:gd name="connsiteX268" fmla="*/ 156013 w 11269336"/>
              <a:gd name="connsiteY268" fmla="*/ 2306832 h 2323145"/>
              <a:gd name="connsiteX269" fmla="*/ 87258 w 11269336"/>
              <a:gd name="connsiteY269" fmla="*/ 2285511 h 2323145"/>
              <a:gd name="connsiteX270" fmla="*/ 23798 w 11269336"/>
              <a:gd name="connsiteY270" fmla="*/ 2281822 h 2323145"/>
              <a:gd name="connsiteX271" fmla="*/ 0 w 11269336"/>
              <a:gd name="connsiteY271" fmla="*/ 2285369 h 2323145"/>
              <a:gd name="connsiteX272" fmla="*/ 0 w 11269336"/>
              <a:gd name="connsiteY27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460591 w 11269336"/>
              <a:gd name="connsiteY184" fmla="*/ 2097951 h 2323145"/>
              <a:gd name="connsiteX185" fmla="*/ 3170922 w 11269336"/>
              <a:gd name="connsiteY185" fmla="*/ 2115957 h 2323145"/>
              <a:gd name="connsiteX186" fmla="*/ 3156256 w 11269336"/>
              <a:gd name="connsiteY186" fmla="*/ 2124773 h 2323145"/>
              <a:gd name="connsiteX187" fmla="*/ 3140298 w 11269336"/>
              <a:gd name="connsiteY187" fmla="*/ 2129182 h 2323145"/>
              <a:gd name="connsiteX188" fmla="*/ 3138514 w 11269336"/>
              <a:gd name="connsiteY188" fmla="*/ 2128069 h 2323145"/>
              <a:gd name="connsiteX189" fmla="*/ 3120467 w 11269336"/>
              <a:gd name="connsiteY189" fmla="*/ 2128281 h 2323145"/>
              <a:gd name="connsiteX190" fmla="*/ 3116175 w 11269336"/>
              <a:gd name="connsiteY190" fmla="*/ 2131633 h 2323145"/>
              <a:gd name="connsiteX191" fmla="*/ 3103685 w 11269336"/>
              <a:gd name="connsiteY191" fmla="*/ 2132814 h 2323145"/>
              <a:gd name="connsiteX192" fmla="*/ 3078794 w 11269336"/>
              <a:gd name="connsiteY192" fmla="*/ 2137935 h 2323145"/>
              <a:gd name="connsiteX193" fmla="*/ 3074407 w 11269336"/>
              <a:gd name="connsiteY193" fmla="*/ 2136274 h 2323145"/>
              <a:gd name="connsiteX194" fmla="*/ 3037285 w 11269336"/>
              <a:gd name="connsiteY194" fmla="*/ 2139919 h 2323145"/>
              <a:gd name="connsiteX195" fmla="*/ 3036901 w 11269336"/>
              <a:gd name="connsiteY195" fmla="*/ 2138726 h 2323145"/>
              <a:gd name="connsiteX196" fmla="*/ 3026996 w 11269336"/>
              <a:gd name="connsiteY196" fmla="*/ 2134322 h 2323145"/>
              <a:gd name="connsiteX197" fmla="*/ 3007772 w 11269336"/>
              <a:gd name="connsiteY197" fmla="*/ 2128742 h 2323145"/>
              <a:gd name="connsiteX198" fmla="*/ 2965030 w 11269336"/>
              <a:gd name="connsiteY198" fmla="*/ 2100494 h 2323145"/>
              <a:gd name="connsiteX199" fmla="*/ 2926342 w 11269336"/>
              <a:gd name="connsiteY199" fmla="*/ 2104155 h 2323145"/>
              <a:gd name="connsiteX200" fmla="*/ 2918608 w 11269336"/>
              <a:gd name="connsiteY200" fmla="*/ 2104215 h 2323145"/>
              <a:gd name="connsiteX201" fmla="*/ 2918475 w 11269336"/>
              <a:gd name="connsiteY201" fmla="*/ 2103937 h 2323145"/>
              <a:gd name="connsiteX202" fmla="*/ 2910360 w 11269336"/>
              <a:gd name="connsiteY202" fmla="*/ 2103444 h 2323145"/>
              <a:gd name="connsiteX203" fmla="*/ 2904507 w 11269336"/>
              <a:gd name="connsiteY203" fmla="*/ 2104326 h 2323145"/>
              <a:gd name="connsiteX204" fmla="*/ 2889503 w 11269336"/>
              <a:gd name="connsiteY204" fmla="*/ 2104443 h 2323145"/>
              <a:gd name="connsiteX205" fmla="*/ 2884480 w 11269336"/>
              <a:gd name="connsiteY205" fmla="*/ 2102626 h 2323145"/>
              <a:gd name="connsiteX206" fmla="*/ 2882689 w 11269336"/>
              <a:gd name="connsiteY206" fmla="*/ 2099228 h 2323145"/>
              <a:gd name="connsiteX207" fmla="*/ 2881291 w 11269336"/>
              <a:gd name="connsiteY207" fmla="*/ 2099618 h 2323145"/>
              <a:gd name="connsiteX208" fmla="*/ 2853979 w 11269336"/>
              <a:gd name="connsiteY208" fmla="*/ 2090388 h 2323145"/>
              <a:gd name="connsiteX209" fmla="*/ 2791790 w 11269336"/>
              <a:gd name="connsiteY209" fmla="*/ 2080332 h 2323145"/>
              <a:gd name="connsiteX210" fmla="*/ 2755844 w 11269336"/>
              <a:gd name="connsiteY210" fmla="*/ 2078874 h 2323145"/>
              <a:gd name="connsiteX211" fmla="*/ 2657742 w 11269336"/>
              <a:gd name="connsiteY211" fmla="*/ 2070179 h 2323145"/>
              <a:gd name="connsiteX212" fmla="*/ 2559549 w 11269336"/>
              <a:gd name="connsiteY212" fmla="*/ 2057873 h 2323145"/>
              <a:gd name="connsiteX213" fmla="*/ 2512054 w 11269336"/>
              <a:gd name="connsiteY213" fmla="*/ 2031671 h 2323145"/>
              <a:gd name="connsiteX214" fmla="*/ 2506437 w 11269336"/>
              <a:gd name="connsiteY214" fmla="*/ 2030918 h 2323145"/>
              <a:gd name="connsiteX215" fmla="*/ 2491752 w 11269336"/>
              <a:gd name="connsiteY215" fmla="*/ 2033906 h 2323145"/>
              <a:gd name="connsiteX216" fmla="*/ 2486338 w 11269336"/>
              <a:gd name="connsiteY216" fmla="*/ 2035862 h 2323145"/>
              <a:gd name="connsiteX217" fmla="*/ 2478186 w 11269336"/>
              <a:gd name="connsiteY217" fmla="*/ 2036953 h 2323145"/>
              <a:gd name="connsiteX218" fmla="*/ 2477950 w 11269336"/>
              <a:gd name="connsiteY218" fmla="*/ 2036715 h 2323145"/>
              <a:gd name="connsiteX219" fmla="*/ 2470381 w 11269336"/>
              <a:gd name="connsiteY219" fmla="*/ 2038256 h 2323145"/>
              <a:gd name="connsiteX220" fmla="*/ 2433781 w 11269336"/>
              <a:gd name="connsiteY220" fmla="*/ 2049140 h 2323145"/>
              <a:gd name="connsiteX221" fmla="*/ 2381172 w 11269336"/>
              <a:gd name="connsiteY221" fmla="*/ 2030645 h 2323145"/>
              <a:gd name="connsiteX222" fmla="*/ 2360198 w 11269336"/>
              <a:gd name="connsiteY222" fmla="*/ 2029059 h 2323145"/>
              <a:gd name="connsiteX223" fmla="*/ 2348815 w 11269336"/>
              <a:gd name="connsiteY223" fmla="*/ 2026798 h 2323145"/>
              <a:gd name="connsiteX224" fmla="*/ 2347988 w 11269336"/>
              <a:gd name="connsiteY224" fmla="*/ 2025745 h 2323145"/>
              <a:gd name="connsiteX225" fmla="*/ 2312920 w 11269336"/>
              <a:gd name="connsiteY225" fmla="*/ 2036311 h 2323145"/>
              <a:gd name="connsiteX226" fmla="*/ 2307986 w 11269336"/>
              <a:gd name="connsiteY226" fmla="*/ 2035583 h 2323145"/>
              <a:gd name="connsiteX227" fmla="*/ 2285481 w 11269336"/>
              <a:gd name="connsiteY227" fmla="*/ 2045197 h 2323145"/>
              <a:gd name="connsiteX228" fmla="*/ 2273666 w 11269336"/>
              <a:gd name="connsiteY228" fmla="*/ 2048710 h 2323145"/>
              <a:gd name="connsiteX229" fmla="*/ 2270719 w 11269336"/>
              <a:gd name="connsiteY229" fmla="*/ 2052702 h 2323145"/>
              <a:gd name="connsiteX230" fmla="*/ 2253080 w 11269336"/>
              <a:gd name="connsiteY230" fmla="*/ 2056363 h 2323145"/>
              <a:gd name="connsiteX231" fmla="*/ 2250906 w 11269336"/>
              <a:gd name="connsiteY231" fmla="*/ 2055654 h 2323145"/>
              <a:gd name="connsiteX232" fmla="*/ 2236905 w 11269336"/>
              <a:gd name="connsiteY232" fmla="*/ 2062882 h 2323145"/>
              <a:gd name="connsiteX233" fmla="*/ 2225830 w 11269336"/>
              <a:gd name="connsiteY233" fmla="*/ 2074027 h 2323145"/>
              <a:gd name="connsiteX234" fmla="*/ 2073776 w 11269336"/>
              <a:gd name="connsiteY234" fmla="*/ 2089244 h 2323145"/>
              <a:gd name="connsiteX235" fmla="*/ 1948256 w 11269336"/>
              <a:gd name="connsiteY235" fmla="*/ 2146616 h 2323145"/>
              <a:gd name="connsiteX236" fmla="*/ 1865582 w 11269336"/>
              <a:gd name="connsiteY236" fmla="*/ 2153738 h 2323145"/>
              <a:gd name="connsiteX237" fmla="*/ 1835210 w 11269336"/>
              <a:gd name="connsiteY237" fmla="*/ 2134244 h 2323145"/>
              <a:gd name="connsiteX238" fmla="*/ 1632661 w 11269336"/>
              <a:gd name="connsiteY238" fmla="*/ 2173882 h 2323145"/>
              <a:gd name="connsiteX239" fmla="*/ 1579590 w 11269336"/>
              <a:gd name="connsiteY239" fmla="*/ 2173680 h 2323145"/>
              <a:gd name="connsiteX240" fmla="*/ 1535601 w 11269336"/>
              <a:gd name="connsiteY240" fmla="*/ 2194590 h 2323145"/>
              <a:gd name="connsiteX241" fmla="*/ 1515594 w 11269336"/>
              <a:gd name="connsiteY241" fmla="*/ 2189622 h 2323145"/>
              <a:gd name="connsiteX242" fmla="*/ 1512113 w 11269336"/>
              <a:gd name="connsiteY242" fmla="*/ 2188534 h 2323145"/>
              <a:gd name="connsiteX243" fmla="*/ 1498838 w 11269336"/>
              <a:gd name="connsiteY243" fmla="*/ 2189213 h 2323145"/>
              <a:gd name="connsiteX244" fmla="*/ 1494279 w 11269336"/>
              <a:gd name="connsiteY244" fmla="*/ 2183112 h 2323145"/>
              <a:gd name="connsiteX245" fmla="*/ 1473714 w 11269336"/>
              <a:gd name="connsiteY245" fmla="*/ 2179625 h 2323145"/>
              <a:gd name="connsiteX246" fmla="*/ 1449503 w 11269336"/>
              <a:gd name="connsiteY246" fmla="*/ 2182633 h 2323145"/>
              <a:gd name="connsiteX247" fmla="*/ 1335495 w 11269336"/>
              <a:gd name="connsiteY247" fmla="*/ 2203940 h 2323145"/>
              <a:gd name="connsiteX248" fmla="*/ 1266687 w 11269336"/>
              <a:gd name="connsiteY248" fmla="*/ 2212688 h 2323145"/>
              <a:gd name="connsiteX249" fmla="*/ 1239614 w 11269336"/>
              <a:gd name="connsiteY249" fmla="*/ 2209727 h 2323145"/>
              <a:gd name="connsiteX250" fmla="*/ 1202436 w 11269336"/>
              <a:gd name="connsiteY250" fmla="*/ 2209817 h 2323145"/>
              <a:gd name="connsiteX251" fmla="*/ 1136097 w 11269336"/>
              <a:gd name="connsiteY251" fmla="*/ 2205112 h 2323145"/>
              <a:gd name="connsiteX252" fmla="*/ 1048229 w 11269336"/>
              <a:gd name="connsiteY252" fmla="*/ 2207249 h 2323145"/>
              <a:gd name="connsiteX253" fmla="*/ 988232 w 11269336"/>
              <a:gd name="connsiteY253" fmla="*/ 2235635 h 2323145"/>
              <a:gd name="connsiteX254" fmla="*/ 981959 w 11269336"/>
              <a:gd name="connsiteY254" fmla="*/ 2231607 h 2323145"/>
              <a:gd name="connsiteX255" fmla="*/ 938600 w 11269336"/>
              <a:gd name="connsiteY255" fmla="*/ 2238113 h 2323145"/>
              <a:gd name="connsiteX256" fmla="*/ 791788 w 11269336"/>
              <a:gd name="connsiteY256" fmla="*/ 2293224 h 2323145"/>
              <a:gd name="connsiteX257" fmla="*/ 706914 w 11269336"/>
              <a:gd name="connsiteY257" fmla="*/ 2305046 h 2323145"/>
              <a:gd name="connsiteX258" fmla="*/ 675971 w 11269336"/>
              <a:gd name="connsiteY258" fmla="*/ 2304030 h 2323145"/>
              <a:gd name="connsiteX259" fmla="*/ 624180 w 11269336"/>
              <a:gd name="connsiteY259" fmla="*/ 2302650 h 2323145"/>
              <a:gd name="connsiteX260" fmla="*/ 583453 w 11269336"/>
              <a:gd name="connsiteY260" fmla="*/ 2288788 h 2323145"/>
              <a:gd name="connsiteX261" fmla="*/ 540946 w 11269336"/>
              <a:gd name="connsiteY261" fmla="*/ 2292721 h 2323145"/>
              <a:gd name="connsiteX262" fmla="*/ 533680 w 11269336"/>
              <a:gd name="connsiteY262" fmla="*/ 2310233 h 2323145"/>
              <a:gd name="connsiteX263" fmla="*/ 487366 w 11269336"/>
              <a:gd name="connsiteY263" fmla="*/ 2309053 h 2323145"/>
              <a:gd name="connsiteX264" fmla="*/ 416820 w 11269336"/>
              <a:gd name="connsiteY264" fmla="*/ 2305443 h 2323145"/>
              <a:gd name="connsiteX265" fmla="*/ 376805 w 11269336"/>
              <a:gd name="connsiteY265" fmla="*/ 2307647 h 2323145"/>
              <a:gd name="connsiteX266" fmla="*/ 266777 w 11269336"/>
              <a:gd name="connsiteY266" fmla="*/ 2309012 h 2323145"/>
              <a:gd name="connsiteX267" fmla="*/ 156013 w 11269336"/>
              <a:gd name="connsiteY267" fmla="*/ 2306832 h 2323145"/>
              <a:gd name="connsiteX268" fmla="*/ 87258 w 11269336"/>
              <a:gd name="connsiteY268" fmla="*/ 2285511 h 2323145"/>
              <a:gd name="connsiteX269" fmla="*/ 23798 w 11269336"/>
              <a:gd name="connsiteY269" fmla="*/ 2281822 h 2323145"/>
              <a:gd name="connsiteX270" fmla="*/ 0 w 11269336"/>
              <a:gd name="connsiteY270" fmla="*/ 2285369 h 2323145"/>
              <a:gd name="connsiteX271" fmla="*/ 0 w 11269336"/>
              <a:gd name="connsiteY271"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365341 w 11269336"/>
              <a:gd name="connsiteY184" fmla="*/ 2077638 h 2323145"/>
              <a:gd name="connsiteX185" fmla="*/ 3170922 w 11269336"/>
              <a:gd name="connsiteY185" fmla="*/ 2115957 h 2323145"/>
              <a:gd name="connsiteX186" fmla="*/ 3156256 w 11269336"/>
              <a:gd name="connsiteY186" fmla="*/ 2124773 h 2323145"/>
              <a:gd name="connsiteX187" fmla="*/ 3140298 w 11269336"/>
              <a:gd name="connsiteY187" fmla="*/ 2129182 h 2323145"/>
              <a:gd name="connsiteX188" fmla="*/ 3138514 w 11269336"/>
              <a:gd name="connsiteY188" fmla="*/ 2128069 h 2323145"/>
              <a:gd name="connsiteX189" fmla="*/ 3120467 w 11269336"/>
              <a:gd name="connsiteY189" fmla="*/ 2128281 h 2323145"/>
              <a:gd name="connsiteX190" fmla="*/ 3116175 w 11269336"/>
              <a:gd name="connsiteY190" fmla="*/ 2131633 h 2323145"/>
              <a:gd name="connsiteX191" fmla="*/ 3103685 w 11269336"/>
              <a:gd name="connsiteY191" fmla="*/ 2132814 h 2323145"/>
              <a:gd name="connsiteX192" fmla="*/ 3078794 w 11269336"/>
              <a:gd name="connsiteY192" fmla="*/ 2137935 h 2323145"/>
              <a:gd name="connsiteX193" fmla="*/ 3074407 w 11269336"/>
              <a:gd name="connsiteY193" fmla="*/ 2136274 h 2323145"/>
              <a:gd name="connsiteX194" fmla="*/ 3037285 w 11269336"/>
              <a:gd name="connsiteY194" fmla="*/ 2139919 h 2323145"/>
              <a:gd name="connsiteX195" fmla="*/ 3036901 w 11269336"/>
              <a:gd name="connsiteY195" fmla="*/ 2138726 h 2323145"/>
              <a:gd name="connsiteX196" fmla="*/ 3026996 w 11269336"/>
              <a:gd name="connsiteY196" fmla="*/ 2134322 h 2323145"/>
              <a:gd name="connsiteX197" fmla="*/ 3007772 w 11269336"/>
              <a:gd name="connsiteY197" fmla="*/ 2128742 h 2323145"/>
              <a:gd name="connsiteX198" fmla="*/ 2965030 w 11269336"/>
              <a:gd name="connsiteY198" fmla="*/ 2100494 h 2323145"/>
              <a:gd name="connsiteX199" fmla="*/ 2926342 w 11269336"/>
              <a:gd name="connsiteY199" fmla="*/ 2104155 h 2323145"/>
              <a:gd name="connsiteX200" fmla="*/ 2918608 w 11269336"/>
              <a:gd name="connsiteY200" fmla="*/ 2104215 h 2323145"/>
              <a:gd name="connsiteX201" fmla="*/ 2918475 w 11269336"/>
              <a:gd name="connsiteY201" fmla="*/ 2103937 h 2323145"/>
              <a:gd name="connsiteX202" fmla="*/ 2910360 w 11269336"/>
              <a:gd name="connsiteY202" fmla="*/ 2103444 h 2323145"/>
              <a:gd name="connsiteX203" fmla="*/ 2904507 w 11269336"/>
              <a:gd name="connsiteY203" fmla="*/ 2104326 h 2323145"/>
              <a:gd name="connsiteX204" fmla="*/ 2889503 w 11269336"/>
              <a:gd name="connsiteY204" fmla="*/ 2104443 h 2323145"/>
              <a:gd name="connsiteX205" fmla="*/ 2884480 w 11269336"/>
              <a:gd name="connsiteY205" fmla="*/ 2102626 h 2323145"/>
              <a:gd name="connsiteX206" fmla="*/ 2882689 w 11269336"/>
              <a:gd name="connsiteY206" fmla="*/ 2099228 h 2323145"/>
              <a:gd name="connsiteX207" fmla="*/ 2881291 w 11269336"/>
              <a:gd name="connsiteY207" fmla="*/ 2099618 h 2323145"/>
              <a:gd name="connsiteX208" fmla="*/ 2853979 w 11269336"/>
              <a:gd name="connsiteY208" fmla="*/ 2090388 h 2323145"/>
              <a:gd name="connsiteX209" fmla="*/ 2791790 w 11269336"/>
              <a:gd name="connsiteY209" fmla="*/ 2080332 h 2323145"/>
              <a:gd name="connsiteX210" fmla="*/ 2755844 w 11269336"/>
              <a:gd name="connsiteY210" fmla="*/ 2078874 h 2323145"/>
              <a:gd name="connsiteX211" fmla="*/ 2657742 w 11269336"/>
              <a:gd name="connsiteY211" fmla="*/ 2070179 h 2323145"/>
              <a:gd name="connsiteX212" fmla="*/ 2559549 w 11269336"/>
              <a:gd name="connsiteY212" fmla="*/ 2057873 h 2323145"/>
              <a:gd name="connsiteX213" fmla="*/ 2512054 w 11269336"/>
              <a:gd name="connsiteY213" fmla="*/ 2031671 h 2323145"/>
              <a:gd name="connsiteX214" fmla="*/ 2506437 w 11269336"/>
              <a:gd name="connsiteY214" fmla="*/ 2030918 h 2323145"/>
              <a:gd name="connsiteX215" fmla="*/ 2491752 w 11269336"/>
              <a:gd name="connsiteY215" fmla="*/ 2033906 h 2323145"/>
              <a:gd name="connsiteX216" fmla="*/ 2486338 w 11269336"/>
              <a:gd name="connsiteY216" fmla="*/ 2035862 h 2323145"/>
              <a:gd name="connsiteX217" fmla="*/ 2478186 w 11269336"/>
              <a:gd name="connsiteY217" fmla="*/ 2036953 h 2323145"/>
              <a:gd name="connsiteX218" fmla="*/ 2477950 w 11269336"/>
              <a:gd name="connsiteY218" fmla="*/ 2036715 h 2323145"/>
              <a:gd name="connsiteX219" fmla="*/ 2470381 w 11269336"/>
              <a:gd name="connsiteY219" fmla="*/ 2038256 h 2323145"/>
              <a:gd name="connsiteX220" fmla="*/ 2433781 w 11269336"/>
              <a:gd name="connsiteY220" fmla="*/ 2049140 h 2323145"/>
              <a:gd name="connsiteX221" fmla="*/ 2381172 w 11269336"/>
              <a:gd name="connsiteY221" fmla="*/ 2030645 h 2323145"/>
              <a:gd name="connsiteX222" fmla="*/ 2360198 w 11269336"/>
              <a:gd name="connsiteY222" fmla="*/ 2029059 h 2323145"/>
              <a:gd name="connsiteX223" fmla="*/ 2348815 w 11269336"/>
              <a:gd name="connsiteY223" fmla="*/ 2026798 h 2323145"/>
              <a:gd name="connsiteX224" fmla="*/ 2347988 w 11269336"/>
              <a:gd name="connsiteY224" fmla="*/ 2025745 h 2323145"/>
              <a:gd name="connsiteX225" fmla="*/ 2312920 w 11269336"/>
              <a:gd name="connsiteY225" fmla="*/ 2036311 h 2323145"/>
              <a:gd name="connsiteX226" fmla="*/ 2307986 w 11269336"/>
              <a:gd name="connsiteY226" fmla="*/ 2035583 h 2323145"/>
              <a:gd name="connsiteX227" fmla="*/ 2285481 w 11269336"/>
              <a:gd name="connsiteY227" fmla="*/ 2045197 h 2323145"/>
              <a:gd name="connsiteX228" fmla="*/ 2273666 w 11269336"/>
              <a:gd name="connsiteY228" fmla="*/ 2048710 h 2323145"/>
              <a:gd name="connsiteX229" fmla="*/ 2270719 w 11269336"/>
              <a:gd name="connsiteY229" fmla="*/ 2052702 h 2323145"/>
              <a:gd name="connsiteX230" fmla="*/ 2253080 w 11269336"/>
              <a:gd name="connsiteY230" fmla="*/ 2056363 h 2323145"/>
              <a:gd name="connsiteX231" fmla="*/ 2250906 w 11269336"/>
              <a:gd name="connsiteY231" fmla="*/ 2055654 h 2323145"/>
              <a:gd name="connsiteX232" fmla="*/ 2236905 w 11269336"/>
              <a:gd name="connsiteY232" fmla="*/ 2062882 h 2323145"/>
              <a:gd name="connsiteX233" fmla="*/ 2225830 w 11269336"/>
              <a:gd name="connsiteY233" fmla="*/ 2074027 h 2323145"/>
              <a:gd name="connsiteX234" fmla="*/ 2073776 w 11269336"/>
              <a:gd name="connsiteY234" fmla="*/ 2089244 h 2323145"/>
              <a:gd name="connsiteX235" fmla="*/ 1948256 w 11269336"/>
              <a:gd name="connsiteY235" fmla="*/ 2146616 h 2323145"/>
              <a:gd name="connsiteX236" fmla="*/ 1865582 w 11269336"/>
              <a:gd name="connsiteY236" fmla="*/ 2153738 h 2323145"/>
              <a:gd name="connsiteX237" fmla="*/ 1835210 w 11269336"/>
              <a:gd name="connsiteY237" fmla="*/ 2134244 h 2323145"/>
              <a:gd name="connsiteX238" fmla="*/ 1632661 w 11269336"/>
              <a:gd name="connsiteY238" fmla="*/ 2173882 h 2323145"/>
              <a:gd name="connsiteX239" fmla="*/ 1579590 w 11269336"/>
              <a:gd name="connsiteY239" fmla="*/ 2173680 h 2323145"/>
              <a:gd name="connsiteX240" fmla="*/ 1535601 w 11269336"/>
              <a:gd name="connsiteY240" fmla="*/ 2194590 h 2323145"/>
              <a:gd name="connsiteX241" fmla="*/ 1515594 w 11269336"/>
              <a:gd name="connsiteY241" fmla="*/ 2189622 h 2323145"/>
              <a:gd name="connsiteX242" fmla="*/ 1512113 w 11269336"/>
              <a:gd name="connsiteY242" fmla="*/ 2188534 h 2323145"/>
              <a:gd name="connsiteX243" fmla="*/ 1498838 w 11269336"/>
              <a:gd name="connsiteY243" fmla="*/ 2189213 h 2323145"/>
              <a:gd name="connsiteX244" fmla="*/ 1494279 w 11269336"/>
              <a:gd name="connsiteY244" fmla="*/ 2183112 h 2323145"/>
              <a:gd name="connsiteX245" fmla="*/ 1473714 w 11269336"/>
              <a:gd name="connsiteY245" fmla="*/ 2179625 h 2323145"/>
              <a:gd name="connsiteX246" fmla="*/ 1449503 w 11269336"/>
              <a:gd name="connsiteY246" fmla="*/ 2182633 h 2323145"/>
              <a:gd name="connsiteX247" fmla="*/ 1335495 w 11269336"/>
              <a:gd name="connsiteY247" fmla="*/ 2203940 h 2323145"/>
              <a:gd name="connsiteX248" fmla="*/ 1266687 w 11269336"/>
              <a:gd name="connsiteY248" fmla="*/ 2212688 h 2323145"/>
              <a:gd name="connsiteX249" fmla="*/ 1239614 w 11269336"/>
              <a:gd name="connsiteY249" fmla="*/ 2209727 h 2323145"/>
              <a:gd name="connsiteX250" fmla="*/ 1202436 w 11269336"/>
              <a:gd name="connsiteY250" fmla="*/ 2209817 h 2323145"/>
              <a:gd name="connsiteX251" fmla="*/ 1136097 w 11269336"/>
              <a:gd name="connsiteY251" fmla="*/ 2205112 h 2323145"/>
              <a:gd name="connsiteX252" fmla="*/ 1048229 w 11269336"/>
              <a:gd name="connsiteY252" fmla="*/ 2207249 h 2323145"/>
              <a:gd name="connsiteX253" fmla="*/ 988232 w 11269336"/>
              <a:gd name="connsiteY253" fmla="*/ 2235635 h 2323145"/>
              <a:gd name="connsiteX254" fmla="*/ 981959 w 11269336"/>
              <a:gd name="connsiteY254" fmla="*/ 2231607 h 2323145"/>
              <a:gd name="connsiteX255" fmla="*/ 938600 w 11269336"/>
              <a:gd name="connsiteY255" fmla="*/ 2238113 h 2323145"/>
              <a:gd name="connsiteX256" fmla="*/ 791788 w 11269336"/>
              <a:gd name="connsiteY256" fmla="*/ 2293224 h 2323145"/>
              <a:gd name="connsiteX257" fmla="*/ 706914 w 11269336"/>
              <a:gd name="connsiteY257" fmla="*/ 2305046 h 2323145"/>
              <a:gd name="connsiteX258" fmla="*/ 675971 w 11269336"/>
              <a:gd name="connsiteY258" fmla="*/ 2304030 h 2323145"/>
              <a:gd name="connsiteX259" fmla="*/ 624180 w 11269336"/>
              <a:gd name="connsiteY259" fmla="*/ 2302650 h 2323145"/>
              <a:gd name="connsiteX260" fmla="*/ 583453 w 11269336"/>
              <a:gd name="connsiteY260" fmla="*/ 2288788 h 2323145"/>
              <a:gd name="connsiteX261" fmla="*/ 540946 w 11269336"/>
              <a:gd name="connsiteY261" fmla="*/ 2292721 h 2323145"/>
              <a:gd name="connsiteX262" fmla="*/ 533680 w 11269336"/>
              <a:gd name="connsiteY262" fmla="*/ 2310233 h 2323145"/>
              <a:gd name="connsiteX263" fmla="*/ 487366 w 11269336"/>
              <a:gd name="connsiteY263" fmla="*/ 2309053 h 2323145"/>
              <a:gd name="connsiteX264" fmla="*/ 416820 w 11269336"/>
              <a:gd name="connsiteY264" fmla="*/ 2305443 h 2323145"/>
              <a:gd name="connsiteX265" fmla="*/ 376805 w 11269336"/>
              <a:gd name="connsiteY265" fmla="*/ 2307647 h 2323145"/>
              <a:gd name="connsiteX266" fmla="*/ 266777 w 11269336"/>
              <a:gd name="connsiteY266" fmla="*/ 2309012 h 2323145"/>
              <a:gd name="connsiteX267" fmla="*/ 156013 w 11269336"/>
              <a:gd name="connsiteY267" fmla="*/ 2306832 h 2323145"/>
              <a:gd name="connsiteX268" fmla="*/ 87258 w 11269336"/>
              <a:gd name="connsiteY268" fmla="*/ 2285511 h 2323145"/>
              <a:gd name="connsiteX269" fmla="*/ 23798 w 11269336"/>
              <a:gd name="connsiteY269" fmla="*/ 2281822 h 2323145"/>
              <a:gd name="connsiteX270" fmla="*/ 0 w 11269336"/>
              <a:gd name="connsiteY270" fmla="*/ 2285369 h 2323145"/>
              <a:gd name="connsiteX271" fmla="*/ 0 w 11269336"/>
              <a:gd name="connsiteY271"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365341 w 11269336"/>
              <a:gd name="connsiteY184" fmla="*/ 2077638 h 2323145"/>
              <a:gd name="connsiteX185" fmla="*/ 3170922 w 11269336"/>
              <a:gd name="connsiteY185" fmla="*/ 2115957 h 2323145"/>
              <a:gd name="connsiteX186" fmla="*/ 3156256 w 11269336"/>
              <a:gd name="connsiteY186" fmla="*/ 2124773 h 2323145"/>
              <a:gd name="connsiteX187" fmla="*/ 3140298 w 11269336"/>
              <a:gd name="connsiteY187" fmla="*/ 2129182 h 2323145"/>
              <a:gd name="connsiteX188" fmla="*/ 3138514 w 11269336"/>
              <a:gd name="connsiteY188" fmla="*/ 2128069 h 2323145"/>
              <a:gd name="connsiteX189" fmla="*/ 3120467 w 11269336"/>
              <a:gd name="connsiteY189" fmla="*/ 2128281 h 2323145"/>
              <a:gd name="connsiteX190" fmla="*/ 3116175 w 11269336"/>
              <a:gd name="connsiteY190" fmla="*/ 2131633 h 2323145"/>
              <a:gd name="connsiteX191" fmla="*/ 3103685 w 11269336"/>
              <a:gd name="connsiteY191" fmla="*/ 2132814 h 2323145"/>
              <a:gd name="connsiteX192" fmla="*/ 3078794 w 11269336"/>
              <a:gd name="connsiteY192" fmla="*/ 2137935 h 2323145"/>
              <a:gd name="connsiteX193" fmla="*/ 3074407 w 11269336"/>
              <a:gd name="connsiteY193" fmla="*/ 2136274 h 2323145"/>
              <a:gd name="connsiteX194" fmla="*/ 3037285 w 11269336"/>
              <a:gd name="connsiteY194" fmla="*/ 2139919 h 2323145"/>
              <a:gd name="connsiteX195" fmla="*/ 3036901 w 11269336"/>
              <a:gd name="connsiteY195" fmla="*/ 2138726 h 2323145"/>
              <a:gd name="connsiteX196" fmla="*/ 3026996 w 11269336"/>
              <a:gd name="connsiteY196" fmla="*/ 2134322 h 2323145"/>
              <a:gd name="connsiteX197" fmla="*/ 3007772 w 11269336"/>
              <a:gd name="connsiteY197" fmla="*/ 2128742 h 2323145"/>
              <a:gd name="connsiteX198" fmla="*/ 2965030 w 11269336"/>
              <a:gd name="connsiteY198" fmla="*/ 2100494 h 2323145"/>
              <a:gd name="connsiteX199" fmla="*/ 2926342 w 11269336"/>
              <a:gd name="connsiteY199" fmla="*/ 2104155 h 2323145"/>
              <a:gd name="connsiteX200" fmla="*/ 2918608 w 11269336"/>
              <a:gd name="connsiteY200" fmla="*/ 2104215 h 2323145"/>
              <a:gd name="connsiteX201" fmla="*/ 2918475 w 11269336"/>
              <a:gd name="connsiteY201" fmla="*/ 2103937 h 2323145"/>
              <a:gd name="connsiteX202" fmla="*/ 2910360 w 11269336"/>
              <a:gd name="connsiteY202" fmla="*/ 2103444 h 2323145"/>
              <a:gd name="connsiteX203" fmla="*/ 2904507 w 11269336"/>
              <a:gd name="connsiteY203" fmla="*/ 2104326 h 2323145"/>
              <a:gd name="connsiteX204" fmla="*/ 2889503 w 11269336"/>
              <a:gd name="connsiteY204" fmla="*/ 2104443 h 2323145"/>
              <a:gd name="connsiteX205" fmla="*/ 2884480 w 11269336"/>
              <a:gd name="connsiteY205" fmla="*/ 2102626 h 2323145"/>
              <a:gd name="connsiteX206" fmla="*/ 2882689 w 11269336"/>
              <a:gd name="connsiteY206" fmla="*/ 2099228 h 2323145"/>
              <a:gd name="connsiteX207" fmla="*/ 2881291 w 11269336"/>
              <a:gd name="connsiteY207" fmla="*/ 2099618 h 2323145"/>
              <a:gd name="connsiteX208" fmla="*/ 2853979 w 11269336"/>
              <a:gd name="connsiteY208" fmla="*/ 2090388 h 2323145"/>
              <a:gd name="connsiteX209" fmla="*/ 2791790 w 11269336"/>
              <a:gd name="connsiteY209" fmla="*/ 2080332 h 2323145"/>
              <a:gd name="connsiteX210" fmla="*/ 2755844 w 11269336"/>
              <a:gd name="connsiteY210" fmla="*/ 2078874 h 2323145"/>
              <a:gd name="connsiteX211" fmla="*/ 2657742 w 11269336"/>
              <a:gd name="connsiteY211" fmla="*/ 2070179 h 2323145"/>
              <a:gd name="connsiteX212" fmla="*/ 2559549 w 11269336"/>
              <a:gd name="connsiteY212" fmla="*/ 2057873 h 2323145"/>
              <a:gd name="connsiteX213" fmla="*/ 2512054 w 11269336"/>
              <a:gd name="connsiteY213" fmla="*/ 2031671 h 2323145"/>
              <a:gd name="connsiteX214" fmla="*/ 2506437 w 11269336"/>
              <a:gd name="connsiteY214" fmla="*/ 2030918 h 2323145"/>
              <a:gd name="connsiteX215" fmla="*/ 2491752 w 11269336"/>
              <a:gd name="connsiteY215" fmla="*/ 2033906 h 2323145"/>
              <a:gd name="connsiteX216" fmla="*/ 2486338 w 11269336"/>
              <a:gd name="connsiteY216" fmla="*/ 2035862 h 2323145"/>
              <a:gd name="connsiteX217" fmla="*/ 2478186 w 11269336"/>
              <a:gd name="connsiteY217" fmla="*/ 2036953 h 2323145"/>
              <a:gd name="connsiteX218" fmla="*/ 2477950 w 11269336"/>
              <a:gd name="connsiteY218" fmla="*/ 2036715 h 2323145"/>
              <a:gd name="connsiteX219" fmla="*/ 2470381 w 11269336"/>
              <a:gd name="connsiteY219" fmla="*/ 2038256 h 2323145"/>
              <a:gd name="connsiteX220" fmla="*/ 2433781 w 11269336"/>
              <a:gd name="connsiteY220" fmla="*/ 2049140 h 2323145"/>
              <a:gd name="connsiteX221" fmla="*/ 2381172 w 11269336"/>
              <a:gd name="connsiteY221" fmla="*/ 2030645 h 2323145"/>
              <a:gd name="connsiteX222" fmla="*/ 2360198 w 11269336"/>
              <a:gd name="connsiteY222" fmla="*/ 2029059 h 2323145"/>
              <a:gd name="connsiteX223" fmla="*/ 2348815 w 11269336"/>
              <a:gd name="connsiteY223" fmla="*/ 2026798 h 2323145"/>
              <a:gd name="connsiteX224" fmla="*/ 2347988 w 11269336"/>
              <a:gd name="connsiteY224" fmla="*/ 2025745 h 2323145"/>
              <a:gd name="connsiteX225" fmla="*/ 2312920 w 11269336"/>
              <a:gd name="connsiteY225" fmla="*/ 2036311 h 2323145"/>
              <a:gd name="connsiteX226" fmla="*/ 2307986 w 11269336"/>
              <a:gd name="connsiteY226" fmla="*/ 2035583 h 2323145"/>
              <a:gd name="connsiteX227" fmla="*/ 2285481 w 11269336"/>
              <a:gd name="connsiteY227" fmla="*/ 2045197 h 2323145"/>
              <a:gd name="connsiteX228" fmla="*/ 2273666 w 11269336"/>
              <a:gd name="connsiteY228" fmla="*/ 2048710 h 2323145"/>
              <a:gd name="connsiteX229" fmla="*/ 2270719 w 11269336"/>
              <a:gd name="connsiteY229" fmla="*/ 2052702 h 2323145"/>
              <a:gd name="connsiteX230" fmla="*/ 2253080 w 11269336"/>
              <a:gd name="connsiteY230" fmla="*/ 2056363 h 2323145"/>
              <a:gd name="connsiteX231" fmla="*/ 2250906 w 11269336"/>
              <a:gd name="connsiteY231" fmla="*/ 2055654 h 2323145"/>
              <a:gd name="connsiteX232" fmla="*/ 2236905 w 11269336"/>
              <a:gd name="connsiteY232" fmla="*/ 2062882 h 2323145"/>
              <a:gd name="connsiteX233" fmla="*/ 2225830 w 11269336"/>
              <a:gd name="connsiteY233" fmla="*/ 2074027 h 2323145"/>
              <a:gd name="connsiteX234" fmla="*/ 2073776 w 11269336"/>
              <a:gd name="connsiteY234" fmla="*/ 2089244 h 2323145"/>
              <a:gd name="connsiteX235" fmla="*/ 1948256 w 11269336"/>
              <a:gd name="connsiteY235" fmla="*/ 2146616 h 2323145"/>
              <a:gd name="connsiteX236" fmla="*/ 1865582 w 11269336"/>
              <a:gd name="connsiteY236" fmla="*/ 2153738 h 2323145"/>
              <a:gd name="connsiteX237" fmla="*/ 1835210 w 11269336"/>
              <a:gd name="connsiteY237" fmla="*/ 2134244 h 2323145"/>
              <a:gd name="connsiteX238" fmla="*/ 1632661 w 11269336"/>
              <a:gd name="connsiteY238" fmla="*/ 2173882 h 2323145"/>
              <a:gd name="connsiteX239" fmla="*/ 1579590 w 11269336"/>
              <a:gd name="connsiteY239" fmla="*/ 2173680 h 2323145"/>
              <a:gd name="connsiteX240" fmla="*/ 1535601 w 11269336"/>
              <a:gd name="connsiteY240" fmla="*/ 2194590 h 2323145"/>
              <a:gd name="connsiteX241" fmla="*/ 1515594 w 11269336"/>
              <a:gd name="connsiteY241" fmla="*/ 2189622 h 2323145"/>
              <a:gd name="connsiteX242" fmla="*/ 1512113 w 11269336"/>
              <a:gd name="connsiteY242" fmla="*/ 2188534 h 2323145"/>
              <a:gd name="connsiteX243" fmla="*/ 1498838 w 11269336"/>
              <a:gd name="connsiteY243" fmla="*/ 2189213 h 2323145"/>
              <a:gd name="connsiteX244" fmla="*/ 1494279 w 11269336"/>
              <a:gd name="connsiteY244" fmla="*/ 2183112 h 2323145"/>
              <a:gd name="connsiteX245" fmla="*/ 1473714 w 11269336"/>
              <a:gd name="connsiteY245" fmla="*/ 2179625 h 2323145"/>
              <a:gd name="connsiteX246" fmla="*/ 1449503 w 11269336"/>
              <a:gd name="connsiteY246" fmla="*/ 2182633 h 2323145"/>
              <a:gd name="connsiteX247" fmla="*/ 1335495 w 11269336"/>
              <a:gd name="connsiteY247" fmla="*/ 2203940 h 2323145"/>
              <a:gd name="connsiteX248" fmla="*/ 1266687 w 11269336"/>
              <a:gd name="connsiteY248" fmla="*/ 2212688 h 2323145"/>
              <a:gd name="connsiteX249" fmla="*/ 1239614 w 11269336"/>
              <a:gd name="connsiteY249" fmla="*/ 2209727 h 2323145"/>
              <a:gd name="connsiteX250" fmla="*/ 1202436 w 11269336"/>
              <a:gd name="connsiteY250" fmla="*/ 2209817 h 2323145"/>
              <a:gd name="connsiteX251" fmla="*/ 1136097 w 11269336"/>
              <a:gd name="connsiteY251" fmla="*/ 2205112 h 2323145"/>
              <a:gd name="connsiteX252" fmla="*/ 988232 w 11269336"/>
              <a:gd name="connsiteY252" fmla="*/ 2235635 h 2323145"/>
              <a:gd name="connsiteX253" fmla="*/ 981959 w 11269336"/>
              <a:gd name="connsiteY253" fmla="*/ 2231607 h 2323145"/>
              <a:gd name="connsiteX254" fmla="*/ 938600 w 11269336"/>
              <a:gd name="connsiteY254" fmla="*/ 2238113 h 2323145"/>
              <a:gd name="connsiteX255" fmla="*/ 791788 w 11269336"/>
              <a:gd name="connsiteY255" fmla="*/ 2293224 h 2323145"/>
              <a:gd name="connsiteX256" fmla="*/ 706914 w 11269336"/>
              <a:gd name="connsiteY256" fmla="*/ 2305046 h 2323145"/>
              <a:gd name="connsiteX257" fmla="*/ 675971 w 11269336"/>
              <a:gd name="connsiteY257" fmla="*/ 2304030 h 2323145"/>
              <a:gd name="connsiteX258" fmla="*/ 624180 w 11269336"/>
              <a:gd name="connsiteY258" fmla="*/ 2302650 h 2323145"/>
              <a:gd name="connsiteX259" fmla="*/ 583453 w 11269336"/>
              <a:gd name="connsiteY259" fmla="*/ 2288788 h 2323145"/>
              <a:gd name="connsiteX260" fmla="*/ 540946 w 11269336"/>
              <a:gd name="connsiteY260" fmla="*/ 2292721 h 2323145"/>
              <a:gd name="connsiteX261" fmla="*/ 533680 w 11269336"/>
              <a:gd name="connsiteY261" fmla="*/ 2310233 h 2323145"/>
              <a:gd name="connsiteX262" fmla="*/ 487366 w 11269336"/>
              <a:gd name="connsiteY262" fmla="*/ 2309053 h 2323145"/>
              <a:gd name="connsiteX263" fmla="*/ 416820 w 11269336"/>
              <a:gd name="connsiteY263" fmla="*/ 2305443 h 2323145"/>
              <a:gd name="connsiteX264" fmla="*/ 376805 w 11269336"/>
              <a:gd name="connsiteY264" fmla="*/ 2307647 h 2323145"/>
              <a:gd name="connsiteX265" fmla="*/ 266777 w 11269336"/>
              <a:gd name="connsiteY265" fmla="*/ 2309012 h 2323145"/>
              <a:gd name="connsiteX266" fmla="*/ 156013 w 11269336"/>
              <a:gd name="connsiteY266" fmla="*/ 2306832 h 2323145"/>
              <a:gd name="connsiteX267" fmla="*/ 87258 w 11269336"/>
              <a:gd name="connsiteY267" fmla="*/ 2285511 h 2323145"/>
              <a:gd name="connsiteX268" fmla="*/ 23798 w 11269336"/>
              <a:gd name="connsiteY268" fmla="*/ 2281822 h 2323145"/>
              <a:gd name="connsiteX269" fmla="*/ 0 w 11269336"/>
              <a:gd name="connsiteY269" fmla="*/ 2285369 h 2323145"/>
              <a:gd name="connsiteX270" fmla="*/ 0 w 11269336"/>
              <a:gd name="connsiteY270"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218531 w 11269336"/>
              <a:gd name="connsiteY54" fmla="*/ 1107622 h 2323145"/>
              <a:gd name="connsiteX55" fmla="*/ 8197391 w 11269336"/>
              <a:gd name="connsiteY55" fmla="*/ 1107746 h 2323145"/>
              <a:gd name="connsiteX56" fmla="*/ 8081474 w 11269336"/>
              <a:gd name="connsiteY56" fmla="*/ 1130125 h 2323145"/>
              <a:gd name="connsiteX57" fmla="*/ 8053585 w 11269336"/>
              <a:gd name="connsiteY57" fmla="*/ 1129169 h 2323145"/>
              <a:gd name="connsiteX58" fmla="*/ 8038422 w 11269336"/>
              <a:gd name="connsiteY58" fmla="*/ 1119092 h 2323145"/>
              <a:gd name="connsiteX59" fmla="*/ 8029450 w 11269336"/>
              <a:gd name="connsiteY59" fmla="*/ 1125592 h 2323145"/>
              <a:gd name="connsiteX60" fmla="*/ 7959552 w 11269336"/>
              <a:gd name="connsiteY60" fmla="*/ 1140188 h 2323145"/>
              <a:gd name="connsiteX61" fmla="*/ 7914188 w 11269336"/>
              <a:gd name="connsiteY61" fmla="*/ 1150862 h 2323145"/>
              <a:gd name="connsiteX62" fmla="*/ 7914918 w 11269336"/>
              <a:gd name="connsiteY62" fmla="*/ 1168758 h 2323145"/>
              <a:gd name="connsiteX63" fmla="*/ 7875510 w 11269336"/>
              <a:gd name="connsiteY63" fmla="*/ 1183153 h 2323145"/>
              <a:gd name="connsiteX64" fmla="*/ 7829932 w 11269336"/>
              <a:gd name="connsiteY64" fmla="*/ 1180782 h 2323145"/>
              <a:gd name="connsiteX65" fmla="*/ 7779182 w 11269336"/>
              <a:gd name="connsiteY65" fmla="*/ 1192665 h 2323145"/>
              <a:gd name="connsiteX66" fmla="*/ 7748774 w 11269336"/>
              <a:gd name="connsiteY66" fmla="*/ 1199586 h 2323145"/>
              <a:gd name="connsiteX67" fmla="*/ 7671846 w 11269336"/>
              <a:gd name="connsiteY67" fmla="*/ 1231966 h 2323145"/>
              <a:gd name="connsiteX68" fmla="*/ 7554146 w 11269336"/>
              <a:gd name="connsiteY68" fmla="*/ 1319748 h 2323145"/>
              <a:gd name="connsiteX69" fmla="*/ 7515052 w 11269336"/>
              <a:gd name="connsiteY69" fmla="*/ 1336718 h 2323145"/>
              <a:gd name="connsiteX70" fmla="*/ 7507193 w 11269336"/>
              <a:gd name="connsiteY70" fmla="*/ 1334617 h 2323145"/>
              <a:gd name="connsiteX71" fmla="*/ 7461694 w 11269336"/>
              <a:gd name="connsiteY71" fmla="*/ 1375866 h 2323145"/>
              <a:gd name="connsiteX72" fmla="*/ 7377571 w 11269336"/>
              <a:gd name="connsiteY72" fmla="*/ 1400128 h 2323145"/>
              <a:gd name="connsiteX73" fmla="*/ 7311261 w 11269336"/>
              <a:gd name="connsiteY73" fmla="*/ 1412652 h 2323145"/>
              <a:gd name="connsiteX74" fmla="*/ 7275307 w 11269336"/>
              <a:gd name="connsiteY74" fmla="*/ 1422171 h 2323145"/>
              <a:gd name="connsiteX75" fmla="*/ 7247783 w 11269336"/>
              <a:gd name="connsiteY75" fmla="*/ 1426330 h 2323145"/>
              <a:gd name="connsiteX76" fmla="*/ 7185047 w 11269336"/>
              <a:gd name="connsiteY76" fmla="*/ 1451812 h 2323145"/>
              <a:gd name="connsiteX77" fmla="*/ 7084117 w 11269336"/>
              <a:gd name="connsiteY77" fmla="*/ 1500281 h 2323145"/>
              <a:gd name="connsiteX78" fmla="*/ 7062011 w 11269336"/>
              <a:gd name="connsiteY78" fmla="*/ 1509183 h 2323145"/>
              <a:gd name="connsiteX79" fmla="*/ 7040555 w 11269336"/>
              <a:gd name="connsiteY79" fmla="*/ 1511207 h 2323145"/>
              <a:gd name="connsiteX80" fmla="*/ 7033438 w 11269336"/>
              <a:gd name="connsiteY80" fmla="*/ 1506772 h 2323145"/>
              <a:gd name="connsiteX81" fmla="*/ 7020886 w 11269336"/>
              <a:gd name="connsiteY81" fmla="*/ 1510764 h 2323145"/>
              <a:gd name="connsiteX82" fmla="*/ 7017033 w 11269336"/>
              <a:gd name="connsiteY82" fmla="*/ 1510650 h 2323145"/>
              <a:gd name="connsiteX83" fmla="*/ 6995460 w 11269336"/>
              <a:gd name="connsiteY83" fmla="*/ 1511173 h 2323145"/>
              <a:gd name="connsiteX84" fmla="*/ 6962144 w 11269336"/>
              <a:gd name="connsiteY84" fmla="*/ 1541508 h 2323145"/>
              <a:gd name="connsiteX85" fmla="*/ 6910674 w 11269336"/>
              <a:gd name="connsiteY85" fmla="*/ 1554793 h 2323145"/>
              <a:gd name="connsiteX86" fmla="*/ 6732152 w 11269336"/>
              <a:gd name="connsiteY86" fmla="*/ 1642538 h 2323145"/>
              <a:gd name="connsiteX87" fmla="*/ 6694106 w 11269336"/>
              <a:gd name="connsiteY87" fmla="*/ 1632377 h 2323145"/>
              <a:gd name="connsiteX88" fmla="*/ 6617223 w 11269336"/>
              <a:gd name="connsiteY88" fmla="*/ 1659889 h 2323145"/>
              <a:gd name="connsiteX89" fmla="*/ 6521138 w 11269336"/>
              <a:gd name="connsiteY89" fmla="*/ 1744340 h 2323145"/>
              <a:gd name="connsiteX90" fmla="*/ 6380677 w 11269336"/>
              <a:gd name="connsiteY90" fmla="*/ 1796883 h 2323145"/>
              <a:gd name="connsiteX91" fmla="*/ 6374897 w 11269336"/>
              <a:gd name="connsiteY91" fmla="*/ 1809910 h 2323145"/>
              <a:gd name="connsiteX92" fmla="*/ 6364545 w 11269336"/>
              <a:gd name="connsiteY92" fmla="*/ 1820090 h 2323145"/>
              <a:gd name="connsiteX93" fmla="*/ 6362126 w 11269336"/>
              <a:gd name="connsiteY93" fmla="*/ 1819991 h 2323145"/>
              <a:gd name="connsiteX94" fmla="*/ 6346673 w 11269336"/>
              <a:gd name="connsiteY94" fmla="*/ 1827824 h 2323145"/>
              <a:gd name="connsiteX95" fmla="*/ 6345588 w 11269336"/>
              <a:gd name="connsiteY95" fmla="*/ 1832232 h 2323145"/>
              <a:gd name="connsiteX96" fmla="*/ 6335708 w 11269336"/>
              <a:gd name="connsiteY96" fmla="*/ 1838451 h 2323145"/>
              <a:gd name="connsiteX97" fmla="*/ 6318182 w 11269336"/>
              <a:gd name="connsiteY97" fmla="*/ 1852975 h 2323145"/>
              <a:gd name="connsiteX98" fmla="*/ 6313084 w 11269336"/>
              <a:gd name="connsiteY98" fmla="*/ 1853561 h 2323145"/>
              <a:gd name="connsiteX99" fmla="*/ 6283816 w 11269336"/>
              <a:gd name="connsiteY99" fmla="*/ 1872148 h 2323145"/>
              <a:gd name="connsiteX100" fmla="*/ 6282550 w 11269336"/>
              <a:gd name="connsiteY100" fmla="*/ 1871392 h 2323145"/>
              <a:gd name="connsiteX101" fmla="*/ 6270527 w 11269336"/>
              <a:gd name="connsiteY101" fmla="*/ 1872208 h 2323145"/>
              <a:gd name="connsiteX102" fmla="*/ 6249518 w 11269336"/>
              <a:gd name="connsiteY102" fmla="*/ 1876079 h 2323145"/>
              <a:gd name="connsiteX103" fmla="*/ 6190386 w 11269336"/>
              <a:gd name="connsiteY103" fmla="*/ 1872478 h 2323145"/>
              <a:gd name="connsiteX104" fmla="*/ 6159777 w 11269336"/>
              <a:gd name="connsiteY104" fmla="*/ 1891745 h 2323145"/>
              <a:gd name="connsiteX105" fmla="*/ 6153131 w 11269336"/>
              <a:gd name="connsiteY105" fmla="*/ 1895079 h 2323145"/>
              <a:gd name="connsiteX106" fmla="*/ 6152798 w 11269336"/>
              <a:gd name="connsiteY106" fmla="*/ 1894920 h 2323145"/>
              <a:gd name="connsiteX107" fmla="*/ 6145388 w 11269336"/>
              <a:gd name="connsiteY107" fmla="*/ 1897990 h 2323145"/>
              <a:gd name="connsiteX108" fmla="*/ 6141014 w 11269336"/>
              <a:gd name="connsiteY108" fmla="*/ 1901155 h 2323145"/>
              <a:gd name="connsiteX109" fmla="*/ 6128122 w 11269336"/>
              <a:gd name="connsiteY109" fmla="*/ 1907623 h 2323145"/>
              <a:gd name="connsiteX110" fmla="*/ 6122351 w 11269336"/>
              <a:gd name="connsiteY110" fmla="*/ 1908359 h 2323145"/>
              <a:gd name="connsiteX111" fmla="*/ 6064750 w 11269336"/>
              <a:gd name="connsiteY111" fmla="*/ 1896394 h 2323145"/>
              <a:gd name="connsiteX112" fmla="*/ 5964230 w 11269336"/>
              <a:gd name="connsiteY112" fmla="*/ 1910038 h 2323145"/>
              <a:gd name="connsiteX113" fmla="*/ 5865399 w 11269336"/>
              <a:gd name="connsiteY113" fmla="*/ 1926966 h 2323145"/>
              <a:gd name="connsiteX114" fmla="*/ 5829951 w 11269336"/>
              <a:gd name="connsiteY114" fmla="*/ 1934755 h 2323145"/>
              <a:gd name="connsiteX115" fmla="*/ 5765285 w 11269336"/>
              <a:gd name="connsiteY115" fmla="*/ 1941322 h 2323145"/>
              <a:gd name="connsiteX116" fmla="*/ 5734750 w 11269336"/>
              <a:gd name="connsiteY116" fmla="*/ 1939793 h 2323145"/>
              <a:gd name="connsiteX117" fmla="*/ 5733569 w 11269336"/>
              <a:gd name="connsiteY117" fmla="*/ 1940505 h 2323145"/>
              <a:gd name="connsiteX118" fmla="*/ 5730329 w 11269336"/>
              <a:gd name="connsiteY118" fmla="*/ 1937845 h 2323145"/>
              <a:gd name="connsiteX119" fmla="*/ 5724661 w 11269336"/>
              <a:gd name="connsiteY119" fmla="*/ 1937455 h 2323145"/>
              <a:gd name="connsiteX120" fmla="*/ 5710186 w 11269336"/>
              <a:gd name="connsiteY120" fmla="*/ 1941370 h 2323145"/>
              <a:gd name="connsiteX121" fmla="*/ 5704910 w 11269336"/>
              <a:gd name="connsiteY121" fmla="*/ 1943663 h 2323145"/>
              <a:gd name="connsiteX122" fmla="*/ 5696836 w 11269336"/>
              <a:gd name="connsiteY122" fmla="*/ 1945271 h 2323145"/>
              <a:gd name="connsiteX123" fmla="*/ 5696583 w 11269336"/>
              <a:gd name="connsiteY123" fmla="*/ 1945050 h 2323145"/>
              <a:gd name="connsiteX124" fmla="*/ 5689123 w 11269336"/>
              <a:gd name="connsiteY124" fmla="*/ 1947067 h 2323145"/>
              <a:gd name="connsiteX125" fmla="*/ 5653291 w 11269336"/>
              <a:gd name="connsiteY125" fmla="*/ 1960245 h 2323145"/>
              <a:gd name="connsiteX126" fmla="*/ 5599385 w 11269336"/>
              <a:gd name="connsiteY126" fmla="*/ 1945198 h 2323145"/>
              <a:gd name="connsiteX127" fmla="*/ 5578300 w 11269336"/>
              <a:gd name="connsiteY127" fmla="*/ 1944963 h 2323145"/>
              <a:gd name="connsiteX128" fmla="*/ 5566758 w 11269336"/>
              <a:gd name="connsiteY128" fmla="*/ 1943441 h 2323145"/>
              <a:gd name="connsiteX129" fmla="*/ 5565857 w 11269336"/>
              <a:gd name="connsiteY129" fmla="*/ 1942445 h 2323145"/>
              <a:gd name="connsiteX130" fmla="*/ 5531534 w 11269336"/>
              <a:gd name="connsiteY130" fmla="*/ 1955208 h 2323145"/>
              <a:gd name="connsiteX131" fmla="*/ 5526552 w 11269336"/>
              <a:gd name="connsiteY131" fmla="*/ 1954799 h 2323145"/>
              <a:gd name="connsiteX132" fmla="*/ 5504723 w 11269336"/>
              <a:gd name="connsiteY132" fmla="*/ 1965811 h 2323145"/>
              <a:gd name="connsiteX133" fmla="*/ 5493156 w 11269336"/>
              <a:gd name="connsiteY133" fmla="*/ 1970063 h 2323145"/>
              <a:gd name="connsiteX134" fmla="*/ 5490486 w 11269336"/>
              <a:gd name="connsiteY134" fmla="*/ 1974227 h 2323145"/>
              <a:gd name="connsiteX135" fmla="*/ 5473107 w 11269336"/>
              <a:gd name="connsiteY135" fmla="*/ 1979001 h 2323145"/>
              <a:gd name="connsiteX136" fmla="*/ 5470885 w 11269336"/>
              <a:gd name="connsiteY136" fmla="*/ 1978432 h 2323145"/>
              <a:gd name="connsiteX137" fmla="*/ 5457393 w 11269336"/>
              <a:gd name="connsiteY137" fmla="*/ 1986525 h 2323145"/>
              <a:gd name="connsiteX138" fmla="*/ 5447102 w 11269336"/>
              <a:gd name="connsiteY138" fmla="*/ 1998329 h 2323145"/>
              <a:gd name="connsiteX139" fmla="*/ 5159151 w 11269336"/>
              <a:gd name="connsiteY139" fmla="*/ 2029640 h 2323145"/>
              <a:gd name="connsiteX140" fmla="*/ 5041688 w 11269336"/>
              <a:gd name="connsiteY140" fmla="*/ 2022334 h 2323145"/>
              <a:gd name="connsiteX141" fmla="*/ 4860988 w 11269336"/>
              <a:gd name="connsiteY141" fmla="*/ 2135698 h 2323145"/>
              <a:gd name="connsiteX142" fmla="*/ 4807902 w 11269336"/>
              <a:gd name="connsiteY142" fmla="*/ 2138894 h 2323145"/>
              <a:gd name="connsiteX143" fmla="*/ 4765388 w 11269336"/>
              <a:gd name="connsiteY143" fmla="*/ 2162525 h 2323145"/>
              <a:gd name="connsiteX144" fmla="*/ 4745033 w 11269336"/>
              <a:gd name="connsiteY144" fmla="*/ 2158859 h 2323145"/>
              <a:gd name="connsiteX145" fmla="*/ 4741475 w 11269336"/>
              <a:gd name="connsiteY145" fmla="*/ 2157998 h 2323145"/>
              <a:gd name="connsiteX146" fmla="*/ 4728247 w 11269336"/>
              <a:gd name="connsiteY146" fmla="*/ 2159526 h 2323145"/>
              <a:gd name="connsiteX147" fmla="*/ 4723263 w 11269336"/>
              <a:gd name="connsiteY147" fmla="*/ 2153742 h 2323145"/>
              <a:gd name="connsiteX148" fmla="*/ 4702453 w 11269336"/>
              <a:gd name="connsiteY148" fmla="*/ 2151586 h 2323145"/>
              <a:gd name="connsiteX149" fmla="*/ 4678455 w 11269336"/>
              <a:gd name="connsiteY149" fmla="*/ 2156131 h 2323145"/>
              <a:gd name="connsiteX150" fmla="*/ 4593061 w 11269336"/>
              <a:gd name="connsiteY150" fmla="*/ 2171597 h 2323145"/>
              <a:gd name="connsiteX151" fmla="*/ 4579902 w 11269336"/>
              <a:gd name="connsiteY151" fmla="*/ 2177927 h 2323145"/>
              <a:gd name="connsiteX152" fmla="*/ 4533444 w 11269336"/>
              <a:gd name="connsiteY152" fmla="*/ 2181200 h 2323145"/>
              <a:gd name="connsiteX153" fmla="*/ 4492832 w 11269336"/>
              <a:gd name="connsiteY153" fmla="*/ 2188033 h 2323145"/>
              <a:gd name="connsiteX154" fmla="*/ 4467257 w 11269336"/>
              <a:gd name="connsiteY154" fmla="*/ 2196121 h 2323145"/>
              <a:gd name="connsiteX155" fmla="*/ 4459937 w 11269336"/>
              <a:gd name="connsiteY155" fmla="*/ 2195182 h 2323145"/>
              <a:gd name="connsiteX156" fmla="*/ 4433312 w 11269336"/>
              <a:gd name="connsiteY156" fmla="*/ 2199004 h 2323145"/>
              <a:gd name="connsiteX157" fmla="*/ 4420601 w 11269336"/>
              <a:gd name="connsiteY157" fmla="*/ 2205158 h 2323145"/>
              <a:gd name="connsiteX158" fmla="*/ 4405765 w 11269336"/>
              <a:gd name="connsiteY158" fmla="*/ 2199902 h 2323145"/>
              <a:gd name="connsiteX159" fmla="*/ 4401354 w 11269336"/>
              <a:gd name="connsiteY159" fmla="*/ 2194745 h 2323145"/>
              <a:gd name="connsiteX160" fmla="*/ 4383151 w 11269336"/>
              <a:gd name="connsiteY160" fmla="*/ 2201140 h 2323145"/>
              <a:gd name="connsiteX161" fmla="*/ 4366646 w 11269336"/>
              <a:gd name="connsiteY161" fmla="*/ 2198564 h 2323145"/>
              <a:gd name="connsiteX162" fmla="*/ 4354009 w 11269336"/>
              <a:gd name="connsiteY162" fmla="*/ 2204984 h 2323145"/>
              <a:gd name="connsiteX163" fmla="*/ 4348284 w 11269336"/>
              <a:gd name="connsiteY163" fmla="*/ 2205270 h 2323145"/>
              <a:gd name="connsiteX164" fmla="*/ 4333906 w 11269336"/>
              <a:gd name="connsiteY164" fmla="*/ 2205251 h 2323145"/>
              <a:gd name="connsiteX165" fmla="*/ 4308819 w 11269336"/>
              <a:gd name="connsiteY165" fmla="*/ 2203822 h 2323145"/>
              <a:gd name="connsiteX166" fmla="*/ 4301210 w 11269336"/>
              <a:gd name="connsiteY166" fmla="*/ 2204456 h 2323145"/>
              <a:gd name="connsiteX167" fmla="*/ 4283095 w 11269336"/>
              <a:gd name="connsiteY167" fmla="*/ 2198177 h 2323145"/>
              <a:gd name="connsiteX168" fmla="*/ 4250119 w 11269336"/>
              <a:gd name="connsiteY168" fmla="*/ 2196342 h 2323145"/>
              <a:gd name="connsiteX169" fmla="*/ 4189203 w 11269336"/>
              <a:gd name="connsiteY169" fmla="*/ 2178994 h 2323145"/>
              <a:gd name="connsiteX170" fmla="*/ 4154035 w 11269336"/>
              <a:gd name="connsiteY170" fmla="*/ 2171950 h 2323145"/>
              <a:gd name="connsiteX171" fmla="*/ 4129569 w 11269336"/>
              <a:gd name="connsiteY171" fmla="*/ 2163850 h 2323145"/>
              <a:gd name="connsiteX172" fmla="*/ 4061250 w 11269336"/>
              <a:gd name="connsiteY172" fmla="*/ 2159236 h 2323145"/>
              <a:gd name="connsiteX173" fmla="*/ 3945480 w 11269336"/>
              <a:gd name="connsiteY173" fmla="*/ 2158279 h 2323145"/>
              <a:gd name="connsiteX174" fmla="*/ 3921468 w 11269336"/>
              <a:gd name="connsiteY174" fmla="*/ 2156588 h 2323145"/>
              <a:gd name="connsiteX175" fmla="*/ 3903348 w 11269336"/>
              <a:gd name="connsiteY175" fmla="*/ 2149220 h 2323145"/>
              <a:gd name="connsiteX176" fmla="*/ 3901342 w 11269336"/>
              <a:gd name="connsiteY176" fmla="*/ 2142355 h 2323145"/>
              <a:gd name="connsiteX177" fmla="*/ 3888539 w 11269336"/>
              <a:gd name="connsiteY177" fmla="*/ 2140476 h 2323145"/>
              <a:gd name="connsiteX178" fmla="*/ 3885662 w 11269336"/>
              <a:gd name="connsiteY178" fmla="*/ 2138740 h 2323145"/>
              <a:gd name="connsiteX179" fmla="*/ 3868627 w 11269336"/>
              <a:gd name="connsiteY179" fmla="*/ 2130023 h 2323145"/>
              <a:gd name="connsiteX180" fmla="*/ 3819177 w 11269336"/>
              <a:gd name="connsiteY180" fmla="*/ 2142111 h 2323145"/>
              <a:gd name="connsiteX181" fmla="*/ 3769100 w 11269336"/>
              <a:gd name="connsiteY181" fmla="*/ 2131731 h 2323145"/>
              <a:gd name="connsiteX182" fmla="*/ 3562752 w 11269336"/>
              <a:gd name="connsiteY182" fmla="*/ 2131785 h 2323145"/>
              <a:gd name="connsiteX183" fmla="*/ 3541402 w 11269336"/>
              <a:gd name="connsiteY183" fmla="*/ 2106821 h 2323145"/>
              <a:gd name="connsiteX184" fmla="*/ 3365341 w 11269336"/>
              <a:gd name="connsiteY184" fmla="*/ 2077638 h 2323145"/>
              <a:gd name="connsiteX185" fmla="*/ 3170922 w 11269336"/>
              <a:gd name="connsiteY185" fmla="*/ 2115957 h 2323145"/>
              <a:gd name="connsiteX186" fmla="*/ 3156256 w 11269336"/>
              <a:gd name="connsiteY186" fmla="*/ 2124773 h 2323145"/>
              <a:gd name="connsiteX187" fmla="*/ 3140298 w 11269336"/>
              <a:gd name="connsiteY187" fmla="*/ 2129182 h 2323145"/>
              <a:gd name="connsiteX188" fmla="*/ 3138514 w 11269336"/>
              <a:gd name="connsiteY188" fmla="*/ 2128069 h 2323145"/>
              <a:gd name="connsiteX189" fmla="*/ 3120467 w 11269336"/>
              <a:gd name="connsiteY189" fmla="*/ 2128281 h 2323145"/>
              <a:gd name="connsiteX190" fmla="*/ 3116175 w 11269336"/>
              <a:gd name="connsiteY190" fmla="*/ 2131633 h 2323145"/>
              <a:gd name="connsiteX191" fmla="*/ 3103685 w 11269336"/>
              <a:gd name="connsiteY191" fmla="*/ 2132814 h 2323145"/>
              <a:gd name="connsiteX192" fmla="*/ 3078794 w 11269336"/>
              <a:gd name="connsiteY192" fmla="*/ 2137935 h 2323145"/>
              <a:gd name="connsiteX193" fmla="*/ 3074407 w 11269336"/>
              <a:gd name="connsiteY193" fmla="*/ 2136274 h 2323145"/>
              <a:gd name="connsiteX194" fmla="*/ 3037285 w 11269336"/>
              <a:gd name="connsiteY194" fmla="*/ 2139919 h 2323145"/>
              <a:gd name="connsiteX195" fmla="*/ 3036901 w 11269336"/>
              <a:gd name="connsiteY195" fmla="*/ 2138726 h 2323145"/>
              <a:gd name="connsiteX196" fmla="*/ 3026996 w 11269336"/>
              <a:gd name="connsiteY196" fmla="*/ 2134322 h 2323145"/>
              <a:gd name="connsiteX197" fmla="*/ 3007772 w 11269336"/>
              <a:gd name="connsiteY197" fmla="*/ 2128742 h 2323145"/>
              <a:gd name="connsiteX198" fmla="*/ 2965030 w 11269336"/>
              <a:gd name="connsiteY198" fmla="*/ 2100494 h 2323145"/>
              <a:gd name="connsiteX199" fmla="*/ 2926342 w 11269336"/>
              <a:gd name="connsiteY199" fmla="*/ 2104155 h 2323145"/>
              <a:gd name="connsiteX200" fmla="*/ 2918608 w 11269336"/>
              <a:gd name="connsiteY200" fmla="*/ 2104215 h 2323145"/>
              <a:gd name="connsiteX201" fmla="*/ 2918475 w 11269336"/>
              <a:gd name="connsiteY201" fmla="*/ 2103937 h 2323145"/>
              <a:gd name="connsiteX202" fmla="*/ 2910360 w 11269336"/>
              <a:gd name="connsiteY202" fmla="*/ 2103444 h 2323145"/>
              <a:gd name="connsiteX203" fmla="*/ 2904507 w 11269336"/>
              <a:gd name="connsiteY203" fmla="*/ 2104326 h 2323145"/>
              <a:gd name="connsiteX204" fmla="*/ 2889503 w 11269336"/>
              <a:gd name="connsiteY204" fmla="*/ 2104443 h 2323145"/>
              <a:gd name="connsiteX205" fmla="*/ 2884480 w 11269336"/>
              <a:gd name="connsiteY205" fmla="*/ 2102626 h 2323145"/>
              <a:gd name="connsiteX206" fmla="*/ 2882689 w 11269336"/>
              <a:gd name="connsiteY206" fmla="*/ 2099228 h 2323145"/>
              <a:gd name="connsiteX207" fmla="*/ 2881291 w 11269336"/>
              <a:gd name="connsiteY207" fmla="*/ 2099618 h 2323145"/>
              <a:gd name="connsiteX208" fmla="*/ 2853979 w 11269336"/>
              <a:gd name="connsiteY208" fmla="*/ 2090388 h 2323145"/>
              <a:gd name="connsiteX209" fmla="*/ 2791790 w 11269336"/>
              <a:gd name="connsiteY209" fmla="*/ 2080332 h 2323145"/>
              <a:gd name="connsiteX210" fmla="*/ 2755844 w 11269336"/>
              <a:gd name="connsiteY210" fmla="*/ 2078874 h 2323145"/>
              <a:gd name="connsiteX211" fmla="*/ 2657742 w 11269336"/>
              <a:gd name="connsiteY211" fmla="*/ 2070179 h 2323145"/>
              <a:gd name="connsiteX212" fmla="*/ 2559549 w 11269336"/>
              <a:gd name="connsiteY212" fmla="*/ 2057873 h 2323145"/>
              <a:gd name="connsiteX213" fmla="*/ 2512054 w 11269336"/>
              <a:gd name="connsiteY213" fmla="*/ 2031671 h 2323145"/>
              <a:gd name="connsiteX214" fmla="*/ 2506437 w 11269336"/>
              <a:gd name="connsiteY214" fmla="*/ 2030918 h 2323145"/>
              <a:gd name="connsiteX215" fmla="*/ 2491752 w 11269336"/>
              <a:gd name="connsiteY215" fmla="*/ 2033906 h 2323145"/>
              <a:gd name="connsiteX216" fmla="*/ 2486338 w 11269336"/>
              <a:gd name="connsiteY216" fmla="*/ 2035862 h 2323145"/>
              <a:gd name="connsiteX217" fmla="*/ 2478186 w 11269336"/>
              <a:gd name="connsiteY217" fmla="*/ 2036953 h 2323145"/>
              <a:gd name="connsiteX218" fmla="*/ 2477950 w 11269336"/>
              <a:gd name="connsiteY218" fmla="*/ 2036715 h 2323145"/>
              <a:gd name="connsiteX219" fmla="*/ 2470381 w 11269336"/>
              <a:gd name="connsiteY219" fmla="*/ 2038256 h 2323145"/>
              <a:gd name="connsiteX220" fmla="*/ 2433781 w 11269336"/>
              <a:gd name="connsiteY220" fmla="*/ 2049140 h 2323145"/>
              <a:gd name="connsiteX221" fmla="*/ 2381172 w 11269336"/>
              <a:gd name="connsiteY221" fmla="*/ 2030645 h 2323145"/>
              <a:gd name="connsiteX222" fmla="*/ 2360198 w 11269336"/>
              <a:gd name="connsiteY222" fmla="*/ 2029059 h 2323145"/>
              <a:gd name="connsiteX223" fmla="*/ 2348815 w 11269336"/>
              <a:gd name="connsiteY223" fmla="*/ 2026798 h 2323145"/>
              <a:gd name="connsiteX224" fmla="*/ 2347988 w 11269336"/>
              <a:gd name="connsiteY224" fmla="*/ 2025745 h 2323145"/>
              <a:gd name="connsiteX225" fmla="*/ 2312920 w 11269336"/>
              <a:gd name="connsiteY225" fmla="*/ 2036311 h 2323145"/>
              <a:gd name="connsiteX226" fmla="*/ 2307986 w 11269336"/>
              <a:gd name="connsiteY226" fmla="*/ 2035583 h 2323145"/>
              <a:gd name="connsiteX227" fmla="*/ 2285481 w 11269336"/>
              <a:gd name="connsiteY227" fmla="*/ 2045197 h 2323145"/>
              <a:gd name="connsiteX228" fmla="*/ 2273666 w 11269336"/>
              <a:gd name="connsiteY228" fmla="*/ 2048710 h 2323145"/>
              <a:gd name="connsiteX229" fmla="*/ 2270719 w 11269336"/>
              <a:gd name="connsiteY229" fmla="*/ 2052702 h 2323145"/>
              <a:gd name="connsiteX230" fmla="*/ 2253080 w 11269336"/>
              <a:gd name="connsiteY230" fmla="*/ 2056363 h 2323145"/>
              <a:gd name="connsiteX231" fmla="*/ 2250906 w 11269336"/>
              <a:gd name="connsiteY231" fmla="*/ 2055654 h 2323145"/>
              <a:gd name="connsiteX232" fmla="*/ 2236905 w 11269336"/>
              <a:gd name="connsiteY232" fmla="*/ 2062882 h 2323145"/>
              <a:gd name="connsiteX233" fmla="*/ 2225830 w 11269336"/>
              <a:gd name="connsiteY233" fmla="*/ 2074027 h 2323145"/>
              <a:gd name="connsiteX234" fmla="*/ 2073776 w 11269336"/>
              <a:gd name="connsiteY234" fmla="*/ 2089244 h 2323145"/>
              <a:gd name="connsiteX235" fmla="*/ 1948256 w 11269336"/>
              <a:gd name="connsiteY235" fmla="*/ 2146616 h 2323145"/>
              <a:gd name="connsiteX236" fmla="*/ 1865582 w 11269336"/>
              <a:gd name="connsiteY236" fmla="*/ 2153738 h 2323145"/>
              <a:gd name="connsiteX237" fmla="*/ 1835210 w 11269336"/>
              <a:gd name="connsiteY237" fmla="*/ 2134244 h 2323145"/>
              <a:gd name="connsiteX238" fmla="*/ 1632661 w 11269336"/>
              <a:gd name="connsiteY238" fmla="*/ 2173882 h 2323145"/>
              <a:gd name="connsiteX239" fmla="*/ 1579590 w 11269336"/>
              <a:gd name="connsiteY239" fmla="*/ 2173680 h 2323145"/>
              <a:gd name="connsiteX240" fmla="*/ 1535601 w 11269336"/>
              <a:gd name="connsiteY240" fmla="*/ 2194590 h 2323145"/>
              <a:gd name="connsiteX241" fmla="*/ 1515594 w 11269336"/>
              <a:gd name="connsiteY241" fmla="*/ 2189622 h 2323145"/>
              <a:gd name="connsiteX242" fmla="*/ 1512113 w 11269336"/>
              <a:gd name="connsiteY242" fmla="*/ 2188534 h 2323145"/>
              <a:gd name="connsiteX243" fmla="*/ 1498838 w 11269336"/>
              <a:gd name="connsiteY243" fmla="*/ 2189213 h 2323145"/>
              <a:gd name="connsiteX244" fmla="*/ 1494279 w 11269336"/>
              <a:gd name="connsiteY244" fmla="*/ 2183112 h 2323145"/>
              <a:gd name="connsiteX245" fmla="*/ 1473714 w 11269336"/>
              <a:gd name="connsiteY245" fmla="*/ 2179625 h 2323145"/>
              <a:gd name="connsiteX246" fmla="*/ 1449503 w 11269336"/>
              <a:gd name="connsiteY246" fmla="*/ 2182633 h 2323145"/>
              <a:gd name="connsiteX247" fmla="*/ 1266687 w 11269336"/>
              <a:gd name="connsiteY247" fmla="*/ 2212688 h 2323145"/>
              <a:gd name="connsiteX248" fmla="*/ 1239614 w 11269336"/>
              <a:gd name="connsiteY248" fmla="*/ 2209727 h 2323145"/>
              <a:gd name="connsiteX249" fmla="*/ 1202436 w 11269336"/>
              <a:gd name="connsiteY249" fmla="*/ 2209817 h 2323145"/>
              <a:gd name="connsiteX250" fmla="*/ 1136097 w 11269336"/>
              <a:gd name="connsiteY250" fmla="*/ 2205112 h 2323145"/>
              <a:gd name="connsiteX251" fmla="*/ 988232 w 11269336"/>
              <a:gd name="connsiteY251" fmla="*/ 2235635 h 2323145"/>
              <a:gd name="connsiteX252" fmla="*/ 981959 w 11269336"/>
              <a:gd name="connsiteY252" fmla="*/ 2231607 h 2323145"/>
              <a:gd name="connsiteX253" fmla="*/ 938600 w 11269336"/>
              <a:gd name="connsiteY253" fmla="*/ 2238113 h 2323145"/>
              <a:gd name="connsiteX254" fmla="*/ 791788 w 11269336"/>
              <a:gd name="connsiteY254" fmla="*/ 2293224 h 2323145"/>
              <a:gd name="connsiteX255" fmla="*/ 706914 w 11269336"/>
              <a:gd name="connsiteY255" fmla="*/ 2305046 h 2323145"/>
              <a:gd name="connsiteX256" fmla="*/ 675971 w 11269336"/>
              <a:gd name="connsiteY256" fmla="*/ 2304030 h 2323145"/>
              <a:gd name="connsiteX257" fmla="*/ 624180 w 11269336"/>
              <a:gd name="connsiteY257" fmla="*/ 2302650 h 2323145"/>
              <a:gd name="connsiteX258" fmla="*/ 583453 w 11269336"/>
              <a:gd name="connsiteY258" fmla="*/ 2288788 h 2323145"/>
              <a:gd name="connsiteX259" fmla="*/ 540946 w 11269336"/>
              <a:gd name="connsiteY259" fmla="*/ 2292721 h 2323145"/>
              <a:gd name="connsiteX260" fmla="*/ 533680 w 11269336"/>
              <a:gd name="connsiteY260" fmla="*/ 2310233 h 2323145"/>
              <a:gd name="connsiteX261" fmla="*/ 487366 w 11269336"/>
              <a:gd name="connsiteY261" fmla="*/ 2309053 h 2323145"/>
              <a:gd name="connsiteX262" fmla="*/ 416820 w 11269336"/>
              <a:gd name="connsiteY262" fmla="*/ 2305443 h 2323145"/>
              <a:gd name="connsiteX263" fmla="*/ 376805 w 11269336"/>
              <a:gd name="connsiteY263" fmla="*/ 2307647 h 2323145"/>
              <a:gd name="connsiteX264" fmla="*/ 266777 w 11269336"/>
              <a:gd name="connsiteY264" fmla="*/ 2309012 h 2323145"/>
              <a:gd name="connsiteX265" fmla="*/ 156013 w 11269336"/>
              <a:gd name="connsiteY265" fmla="*/ 2306832 h 2323145"/>
              <a:gd name="connsiteX266" fmla="*/ 87258 w 11269336"/>
              <a:gd name="connsiteY266" fmla="*/ 2285511 h 2323145"/>
              <a:gd name="connsiteX267" fmla="*/ 23798 w 11269336"/>
              <a:gd name="connsiteY267" fmla="*/ 2281822 h 2323145"/>
              <a:gd name="connsiteX268" fmla="*/ 0 w 11269336"/>
              <a:gd name="connsiteY268" fmla="*/ 2285369 h 2323145"/>
              <a:gd name="connsiteX269" fmla="*/ 0 w 11269336"/>
              <a:gd name="connsiteY269"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837498 w 11269336"/>
              <a:gd name="connsiteY32" fmla="*/ 885664 h 2323145"/>
              <a:gd name="connsiteX33" fmla="*/ 8795998 w 11269336"/>
              <a:gd name="connsiteY33" fmla="*/ 863337 h 2323145"/>
              <a:gd name="connsiteX34" fmla="*/ 8776970 w 11269336"/>
              <a:gd name="connsiteY34" fmla="*/ 885177 h 2323145"/>
              <a:gd name="connsiteX35" fmla="*/ 8755719 w 11269336"/>
              <a:gd name="connsiteY35" fmla="*/ 889754 h 2323145"/>
              <a:gd name="connsiteX36" fmla="*/ 8743257 w 11269336"/>
              <a:gd name="connsiteY36" fmla="*/ 904723 h 2323145"/>
              <a:gd name="connsiteX37" fmla="*/ 8721366 w 11269336"/>
              <a:gd name="connsiteY37" fmla="*/ 904711 h 2323145"/>
              <a:gd name="connsiteX38" fmla="*/ 8678353 w 11269336"/>
              <a:gd name="connsiteY38" fmla="*/ 926318 h 2323145"/>
              <a:gd name="connsiteX39" fmla="*/ 8636849 w 11269336"/>
              <a:gd name="connsiteY39" fmla="*/ 937900 h 2323145"/>
              <a:gd name="connsiteX40" fmla="*/ 8620213 w 11269336"/>
              <a:gd name="connsiteY40" fmla="*/ 943068 h 2323145"/>
              <a:gd name="connsiteX41" fmla="*/ 8612581 w 11269336"/>
              <a:gd name="connsiteY41" fmla="*/ 952695 h 2323145"/>
              <a:gd name="connsiteX42" fmla="*/ 8589038 w 11269336"/>
              <a:gd name="connsiteY42" fmla="*/ 963892 h 2323145"/>
              <a:gd name="connsiteX43" fmla="*/ 8579950 w 11269336"/>
              <a:gd name="connsiteY43" fmla="*/ 960899 h 2323145"/>
              <a:gd name="connsiteX44" fmla="*/ 8579319 w 11269336"/>
              <a:gd name="connsiteY44" fmla="*/ 965630 h 2323145"/>
              <a:gd name="connsiteX45" fmla="*/ 8547429 w 11269336"/>
              <a:gd name="connsiteY45" fmla="*/ 984506 h 2323145"/>
              <a:gd name="connsiteX46" fmla="*/ 8478704 w 11269336"/>
              <a:gd name="connsiteY46" fmla="*/ 1025490 h 2323145"/>
              <a:gd name="connsiteX47" fmla="*/ 8461421 w 11269336"/>
              <a:gd name="connsiteY47" fmla="*/ 1035512 h 2323145"/>
              <a:gd name="connsiteX48" fmla="*/ 8445003 w 11269336"/>
              <a:gd name="connsiteY48" fmla="*/ 1036851 h 2323145"/>
              <a:gd name="connsiteX49" fmla="*/ 8357350 w 11269336"/>
              <a:gd name="connsiteY49" fmla="*/ 1060213 h 2323145"/>
              <a:gd name="connsiteX50" fmla="*/ 8335565 w 11269336"/>
              <a:gd name="connsiteY50" fmla="*/ 1061151 h 2323145"/>
              <a:gd name="connsiteX51" fmla="*/ 8325267 w 11269336"/>
              <a:gd name="connsiteY51" fmla="*/ 1055919 h 2323145"/>
              <a:gd name="connsiteX52" fmla="*/ 8293586 w 11269336"/>
              <a:gd name="connsiteY52" fmla="*/ 1076144 h 2323145"/>
              <a:gd name="connsiteX53" fmla="*/ 8242405 w 11269336"/>
              <a:gd name="connsiteY53" fmla="*/ 1095960 h 2323145"/>
              <a:gd name="connsiteX54" fmla="*/ 8197391 w 11269336"/>
              <a:gd name="connsiteY54" fmla="*/ 1107746 h 2323145"/>
              <a:gd name="connsiteX55" fmla="*/ 8081474 w 11269336"/>
              <a:gd name="connsiteY55" fmla="*/ 1130125 h 2323145"/>
              <a:gd name="connsiteX56" fmla="*/ 8053585 w 11269336"/>
              <a:gd name="connsiteY56" fmla="*/ 1129169 h 2323145"/>
              <a:gd name="connsiteX57" fmla="*/ 8038422 w 11269336"/>
              <a:gd name="connsiteY57" fmla="*/ 1119092 h 2323145"/>
              <a:gd name="connsiteX58" fmla="*/ 8029450 w 11269336"/>
              <a:gd name="connsiteY58" fmla="*/ 1125592 h 2323145"/>
              <a:gd name="connsiteX59" fmla="*/ 7959552 w 11269336"/>
              <a:gd name="connsiteY59" fmla="*/ 1140188 h 2323145"/>
              <a:gd name="connsiteX60" fmla="*/ 7914188 w 11269336"/>
              <a:gd name="connsiteY60" fmla="*/ 1150862 h 2323145"/>
              <a:gd name="connsiteX61" fmla="*/ 7914918 w 11269336"/>
              <a:gd name="connsiteY61" fmla="*/ 1168758 h 2323145"/>
              <a:gd name="connsiteX62" fmla="*/ 7875510 w 11269336"/>
              <a:gd name="connsiteY62" fmla="*/ 1183153 h 2323145"/>
              <a:gd name="connsiteX63" fmla="*/ 7829932 w 11269336"/>
              <a:gd name="connsiteY63" fmla="*/ 1180782 h 2323145"/>
              <a:gd name="connsiteX64" fmla="*/ 7779182 w 11269336"/>
              <a:gd name="connsiteY64" fmla="*/ 1192665 h 2323145"/>
              <a:gd name="connsiteX65" fmla="*/ 7748774 w 11269336"/>
              <a:gd name="connsiteY65" fmla="*/ 1199586 h 2323145"/>
              <a:gd name="connsiteX66" fmla="*/ 7671846 w 11269336"/>
              <a:gd name="connsiteY66" fmla="*/ 1231966 h 2323145"/>
              <a:gd name="connsiteX67" fmla="*/ 7554146 w 11269336"/>
              <a:gd name="connsiteY67" fmla="*/ 1319748 h 2323145"/>
              <a:gd name="connsiteX68" fmla="*/ 7515052 w 11269336"/>
              <a:gd name="connsiteY68" fmla="*/ 1336718 h 2323145"/>
              <a:gd name="connsiteX69" fmla="*/ 7507193 w 11269336"/>
              <a:gd name="connsiteY69" fmla="*/ 1334617 h 2323145"/>
              <a:gd name="connsiteX70" fmla="*/ 7461694 w 11269336"/>
              <a:gd name="connsiteY70" fmla="*/ 1375866 h 2323145"/>
              <a:gd name="connsiteX71" fmla="*/ 7377571 w 11269336"/>
              <a:gd name="connsiteY71" fmla="*/ 1400128 h 2323145"/>
              <a:gd name="connsiteX72" fmla="*/ 7311261 w 11269336"/>
              <a:gd name="connsiteY72" fmla="*/ 1412652 h 2323145"/>
              <a:gd name="connsiteX73" fmla="*/ 7275307 w 11269336"/>
              <a:gd name="connsiteY73" fmla="*/ 1422171 h 2323145"/>
              <a:gd name="connsiteX74" fmla="*/ 7247783 w 11269336"/>
              <a:gd name="connsiteY74" fmla="*/ 1426330 h 2323145"/>
              <a:gd name="connsiteX75" fmla="*/ 7185047 w 11269336"/>
              <a:gd name="connsiteY75" fmla="*/ 1451812 h 2323145"/>
              <a:gd name="connsiteX76" fmla="*/ 7084117 w 11269336"/>
              <a:gd name="connsiteY76" fmla="*/ 1500281 h 2323145"/>
              <a:gd name="connsiteX77" fmla="*/ 7062011 w 11269336"/>
              <a:gd name="connsiteY77" fmla="*/ 1509183 h 2323145"/>
              <a:gd name="connsiteX78" fmla="*/ 7040555 w 11269336"/>
              <a:gd name="connsiteY78" fmla="*/ 1511207 h 2323145"/>
              <a:gd name="connsiteX79" fmla="*/ 7033438 w 11269336"/>
              <a:gd name="connsiteY79" fmla="*/ 1506772 h 2323145"/>
              <a:gd name="connsiteX80" fmla="*/ 7020886 w 11269336"/>
              <a:gd name="connsiteY80" fmla="*/ 1510764 h 2323145"/>
              <a:gd name="connsiteX81" fmla="*/ 7017033 w 11269336"/>
              <a:gd name="connsiteY81" fmla="*/ 1510650 h 2323145"/>
              <a:gd name="connsiteX82" fmla="*/ 6995460 w 11269336"/>
              <a:gd name="connsiteY82" fmla="*/ 1511173 h 2323145"/>
              <a:gd name="connsiteX83" fmla="*/ 6962144 w 11269336"/>
              <a:gd name="connsiteY83" fmla="*/ 1541508 h 2323145"/>
              <a:gd name="connsiteX84" fmla="*/ 6910674 w 11269336"/>
              <a:gd name="connsiteY84" fmla="*/ 1554793 h 2323145"/>
              <a:gd name="connsiteX85" fmla="*/ 6732152 w 11269336"/>
              <a:gd name="connsiteY85" fmla="*/ 1642538 h 2323145"/>
              <a:gd name="connsiteX86" fmla="*/ 6694106 w 11269336"/>
              <a:gd name="connsiteY86" fmla="*/ 1632377 h 2323145"/>
              <a:gd name="connsiteX87" fmla="*/ 6617223 w 11269336"/>
              <a:gd name="connsiteY87" fmla="*/ 1659889 h 2323145"/>
              <a:gd name="connsiteX88" fmla="*/ 6521138 w 11269336"/>
              <a:gd name="connsiteY88" fmla="*/ 1744340 h 2323145"/>
              <a:gd name="connsiteX89" fmla="*/ 6380677 w 11269336"/>
              <a:gd name="connsiteY89" fmla="*/ 1796883 h 2323145"/>
              <a:gd name="connsiteX90" fmla="*/ 6374897 w 11269336"/>
              <a:gd name="connsiteY90" fmla="*/ 1809910 h 2323145"/>
              <a:gd name="connsiteX91" fmla="*/ 6364545 w 11269336"/>
              <a:gd name="connsiteY91" fmla="*/ 1820090 h 2323145"/>
              <a:gd name="connsiteX92" fmla="*/ 6362126 w 11269336"/>
              <a:gd name="connsiteY92" fmla="*/ 1819991 h 2323145"/>
              <a:gd name="connsiteX93" fmla="*/ 6346673 w 11269336"/>
              <a:gd name="connsiteY93" fmla="*/ 1827824 h 2323145"/>
              <a:gd name="connsiteX94" fmla="*/ 6345588 w 11269336"/>
              <a:gd name="connsiteY94" fmla="*/ 1832232 h 2323145"/>
              <a:gd name="connsiteX95" fmla="*/ 6335708 w 11269336"/>
              <a:gd name="connsiteY95" fmla="*/ 1838451 h 2323145"/>
              <a:gd name="connsiteX96" fmla="*/ 6318182 w 11269336"/>
              <a:gd name="connsiteY96" fmla="*/ 1852975 h 2323145"/>
              <a:gd name="connsiteX97" fmla="*/ 6313084 w 11269336"/>
              <a:gd name="connsiteY97" fmla="*/ 1853561 h 2323145"/>
              <a:gd name="connsiteX98" fmla="*/ 6283816 w 11269336"/>
              <a:gd name="connsiteY98" fmla="*/ 1872148 h 2323145"/>
              <a:gd name="connsiteX99" fmla="*/ 6282550 w 11269336"/>
              <a:gd name="connsiteY99" fmla="*/ 1871392 h 2323145"/>
              <a:gd name="connsiteX100" fmla="*/ 6270527 w 11269336"/>
              <a:gd name="connsiteY100" fmla="*/ 1872208 h 2323145"/>
              <a:gd name="connsiteX101" fmla="*/ 6249518 w 11269336"/>
              <a:gd name="connsiteY101" fmla="*/ 1876079 h 2323145"/>
              <a:gd name="connsiteX102" fmla="*/ 6190386 w 11269336"/>
              <a:gd name="connsiteY102" fmla="*/ 1872478 h 2323145"/>
              <a:gd name="connsiteX103" fmla="*/ 6159777 w 11269336"/>
              <a:gd name="connsiteY103" fmla="*/ 1891745 h 2323145"/>
              <a:gd name="connsiteX104" fmla="*/ 6153131 w 11269336"/>
              <a:gd name="connsiteY104" fmla="*/ 1895079 h 2323145"/>
              <a:gd name="connsiteX105" fmla="*/ 6152798 w 11269336"/>
              <a:gd name="connsiteY105" fmla="*/ 1894920 h 2323145"/>
              <a:gd name="connsiteX106" fmla="*/ 6145388 w 11269336"/>
              <a:gd name="connsiteY106" fmla="*/ 1897990 h 2323145"/>
              <a:gd name="connsiteX107" fmla="*/ 6141014 w 11269336"/>
              <a:gd name="connsiteY107" fmla="*/ 1901155 h 2323145"/>
              <a:gd name="connsiteX108" fmla="*/ 6128122 w 11269336"/>
              <a:gd name="connsiteY108" fmla="*/ 1907623 h 2323145"/>
              <a:gd name="connsiteX109" fmla="*/ 6122351 w 11269336"/>
              <a:gd name="connsiteY109" fmla="*/ 1908359 h 2323145"/>
              <a:gd name="connsiteX110" fmla="*/ 6064750 w 11269336"/>
              <a:gd name="connsiteY110" fmla="*/ 1896394 h 2323145"/>
              <a:gd name="connsiteX111" fmla="*/ 5964230 w 11269336"/>
              <a:gd name="connsiteY111" fmla="*/ 1910038 h 2323145"/>
              <a:gd name="connsiteX112" fmla="*/ 5865399 w 11269336"/>
              <a:gd name="connsiteY112" fmla="*/ 1926966 h 2323145"/>
              <a:gd name="connsiteX113" fmla="*/ 5829951 w 11269336"/>
              <a:gd name="connsiteY113" fmla="*/ 1934755 h 2323145"/>
              <a:gd name="connsiteX114" fmla="*/ 5765285 w 11269336"/>
              <a:gd name="connsiteY114" fmla="*/ 1941322 h 2323145"/>
              <a:gd name="connsiteX115" fmla="*/ 5734750 w 11269336"/>
              <a:gd name="connsiteY115" fmla="*/ 1939793 h 2323145"/>
              <a:gd name="connsiteX116" fmla="*/ 5733569 w 11269336"/>
              <a:gd name="connsiteY116" fmla="*/ 1940505 h 2323145"/>
              <a:gd name="connsiteX117" fmla="*/ 5730329 w 11269336"/>
              <a:gd name="connsiteY117" fmla="*/ 1937845 h 2323145"/>
              <a:gd name="connsiteX118" fmla="*/ 5724661 w 11269336"/>
              <a:gd name="connsiteY118" fmla="*/ 1937455 h 2323145"/>
              <a:gd name="connsiteX119" fmla="*/ 5710186 w 11269336"/>
              <a:gd name="connsiteY119" fmla="*/ 1941370 h 2323145"/>
              <a:gd name="connsiteX120" fmla="*/ 5704910 w 11269336"/>
              <a:gd name="connsiteY120" fmla="*/ 1943663 h 2323145"/>
              <a:gd name="connsiteX121" fmla="*/ 5696836 w 11269336"/>
              <a:gd name="connsiteY121" fmla="*/ 1945271 h 2323145"/>
              <a:gd name="connsiteX122" fmla="*/ 5696583 w 11269336"/>
              <a:gd name="connsiteY122" fmla="*/ 1945050 h 2323145"/>
              <a:gd name="connsiteX123" fmla="*/ 5689123 w 11269336"/>
              <a:gd name="connsiteY123" fmla="*/ 1947067 h 2323145"/>
              <a:gd name="connsiteX124" fmla="*/ 5653291 w 11269336"/>
              <a:gd name="connsiteY124" fmla="*/ 1960245 h 2323145"/>
              <a:gd name="connsiteX125" fmla="*/ 5599385 w 11269336"/>
              <a:gd name="connsiteY125" fmla="*/ 1945198 h 2323145"/>
              <a:gd name="connsiteX126" fmla="*/ 5578300 w 11269336"/>
              <a:gd name="connsiteY126" fmla="*/ 1944963 h 2323145"/>
              <a:gd name="connsiteX127" fmla="*/ 5566758 w 11269336"/>
              <a:gd name="connsiteY127" fmla="*/ 1943441 h 2323145"/>
              <a:gd name="connsiteX128" fmla="*/ 5565857 w 11269336"/>
              <a:gd name="connsiteY128" fmla="*/ 1942445 h 2323145"/>
              <a:gd name="connsiteX129" fmla="*/ 5531534 w 11269336"/>
              <a:gd name="connsiteY129" fmla="*/ 1955208 h 2323145"/>
              <a:gd name="connsiteX130" fmla="*/ 5526552 w 11269336"/>
              <a:gd name="connsiteY130" fmla="*/ 1954799 h 2323145"/>
              <a:gd name="connsiteX131" fmla="*/ 5504723 w 11269336"/>
              <a:gd name="connsiteY131" fmla="*/ 1965811 h 2323145"/>
              <a:gd name="connsiteX132" fmla="*/ 5493156 w 11269336"/>
              <a:gd name="connsiteY132" fmla="*/ 1970063 h 2323145"/>
              <a:gd name="connsiteX133" fmla="*/ 5490486 w 11269336"/>
              <a:gd name="connsiteY133" fmla="*/ 1974227 h 2323145"/>
              <a:gd name="connsiteX134" fmla="*/ 5473107 w 11269336"/>
              <a:gd name="connsiteY134" fmla="*/ 1979001 h 2323145"/>
              <a:gd name="connsiteX135" fmla="*/ 5470885 w 11269336"/>
              <a:gd name="connsiteY135" fmla="*/ 1978432 h 2323145"/>
              <a:gd name="connsiteX136" fmla="*/ 5457393 w 11269336"/>
              <a:gd name="connsiteY136" fmla="*/ 1986525 h 2323145"/>
              <a:gd name="connsiteX137" fmla="*/ 5447102 w 11269336"/>
              <a:gd name="connsiteY137" fmla="*/ 1998329 h 2323145"/>
              <a:gd name="connsiteX138" fmla="*/ 5159151 w 11269336"/>
              <a:gd name="connsiteY138" fmla="*/ 2029640 h 2323145"/>
              <a:gd name="connsiteX139" fmla="*/ 5041688 w 11269336"/>
              <a:gd name="connsiteY139" fmla="*/ 2022334 h 2323145"/>
              <a:gd name="connsiteX140" fmla="*/ 4860988 w 11269336"/>
              <a:gd name="connsiteY140" fmla="*/ 2135698 h 2323145"/>
              <a:gd name="connsiteX141" fmla="*/ 4807902 w 11269336"/>
              <a:gd name="connsiteY141" fmla="*/ 2138894 h 2323145"/>
              <a:gd name="connsiteX142" fmla="*/ 4765388 w 11269336"/>
              <a:gd name="connsiteY142" fmla="*/ 2162525 h 2323145"/>
              <a:gd name="connsiteX143" fmla="*/ 4745033 w 11269336"/>
              <a:gd name="connsiteY143" fmla="*/ 2158859 h 2323145"/>
              <a:gd name="connsiteX144" fmla="*/ 4741475 w 11269336"/>
              <a:gd name="connsiteY144" fmla="*/ 2157998 h 2323145"/>
              <a:gd name="connsiteX145" fmla="*/ 4728247 w 11269336"/>
              <a:gd name="connsiteY145" fmla="*/ 2159526 h 2323145"/>
              <a:gd name="connsiteX146" fmla="*/ 4723263 w 11269336"/>
              <a:gd name="connsiteY146" fmla="*/ 2153742 h 2323145"/>
              <a:gd name="connsiteX147" fmla="*/ 4702453 w 11269336"/>
              <a:gd name="connsiteY147" fmla="*/ 2151586 h 2323145"/>
              <a:gd name="connsiteX148" fmla="*/ 4678455 w 11269336"/>
              <a:gd name="connsiteY148" fmla="*/ 2156131 h 2323145"/>
              <a:gd name="connsiteX149" fmla="*/ 4593061 w 11269336"/>
              <a:gd name="connsiteY149" fmla="*/ 2171597 h 2323145"/>
              <a:gd name="connsiteX150" fmla="*/ 4579902 w 11269336"/>
              <a:gd name="connsiteY150" fmla="*/ 2177927 h 2323145"/>
              <a:gd name="connsiteX151" fmla="*/ 4533444 w 11269336"/>
              <a:gd name="connsiteY151" fmla="*/ 2181200 h 2323145"/>
              <a:gd name="connsiteX152" fmla="*/ 4492832 w 11269336"/>
              <a:gd name="connsiteY152" fmla="*/ 2188033 h 2323145"/>
              <a:gd name="connsiteX153" fmla="*/ 4467257 w 11269336"/>
              <a:gd name="connsiteY153" fmla="*/ 2196121 h 2323145"/>
              <a:gd name="connsiteX154" fmla="*/ 4459937 w 11269336"/>
              <a:gd name="connsiteY154" fmla="*/ 2195182 h 2323145"/>
              <a:gd name="connsiteX155" fmla="*/ 4433312 w 11269336"/>
              <a:gd name="connsiteY155" fmla="*/ 2199004 h 2323145"/>
              <a:gd name="connsiteX156" fmla="*/ 4420601 w 11269336"/>
              <a:gd name="connsiteY156" fmla="*/ 2205158 h 2323145"/>
              <a:gd name="connsiteX157" fmla="*/ 4405765 w 11269336"/>
              <a:gd name="connsiteY157" fmla="*/ 2199902 h 2323145"/>
              <a:gd name="connsiteX158" fmla="*/ 4401354 w 11269336"/>
              <a:gd name="connsiteY158" fmla="*/ 2194745 h 2323145"/>
              <a:gd name="connsiteX159" fmla="*/ 4383151 w 11269336"/>
              <a:gd name="connsiteY159" fmla="*/ 2201140 h 2323145"/>
              <a:gd name="connsiteX160" fmla="*/ 4366646 w 11269336"/>
              <a:gd name="connsiteY160" fmla="*/ 2198564 h 2323145"/>
              <a:gd name="connsiteX161" fmla="*/ 4354009 w 11269336"/>
              <a:gd name="connsiteY161" fmla="*/ 2204984 h 2323145"/>
              <a:gd name="connsiteX162" fmla="*/ 4348284 w 11269336"/>
              <a:gd name="connsiteY162" fmla="*/ 2205270 h 2323145"/>
              <a:gd name="connsiteX163" fmla="*/ 4333906 w 11269336"/>
              <a:gd name="connsiteY163" fmla="*/ 2205251 h 2323145"/>
              <a:gd name="connsiteX164" fmla="*/ 4308819 w 11269336"/>
              <a:gd name="connsiteY164" fmla="*/ 2203822 h 2323145"/>
              <a:gd name="connsiteX165" fmla="*/ 4301210 w 11269336"/>
              <a:gd name="connsiteY165" fmla="*/ 2204456 h 2323145"/>
              <a:gd name="connsiteX166" fmla="*/ 4283095 w 11269336"/>
              <a:gd name="connsiteY166" fmla="*/ 2198177 h 2323145"/>
              <a:gd name="connsiteX167" fmla="*/ 4250119 w 11269336"/>
              <a:gd name="connsiteY167" fmla="*/ 2196342 h 2323145"/>
              <a:gd name="connsiteX168" fmla="*/ 4189203 w 11269336"/>
              <a:gd name="connsiteY168" fmla="*/ 2178994 h 2323145"/>
              <a:gd name="connsiteX169" fmla="*/ 4154035 w 11269336"/>
              <a:gd name="connsiteY169" fmla="*/ 2171950 h 2323145"/>
              <a:gd name="connsiteX170" fmla="*/ 4129569 w 11269336"/>
              <a:gd name="connsiteY170" fmla="*/ 2163850 h 2323145"/>
              <a:gd name="connsiteX171" fmla="*/ 4061250 w 11269336"/>
              <a:gd name="connsiteY171" fmla="*/ 2159236 h 2323145"/>
              <a:gd name="connsiteX172" fmla="*/ 3945480 w 11269336"/>
              <a:gd name="connsiteY172" fmla="*/ 2158279 h 2323145"/>
              <a:gd name="connsiteX173" fmla="*/ 3921468 w 11269336"/>
              <a:gd name="connsiteY173" fmla="*/ 2156588 h 2323145"/>
              <a:gd name="connsiteX174" fmla="*/ 3903348 w 11269336"/>
              <a:gd name="connsiteY174" fmla="*/ 2149220 h 2323145"/>
              <a:gd name="connsiteX175" fmla="*/ 3901342 w 11269336"/>
              <a:gd name="connsiteY175" fmla="*/ 2142355 h 2323145"/>
              <a:gd name="connsiteX176" fmla="*/ 3888539 w 11269336"/>
              <a:gd name="connsiteY176" fmla="*/ 2140476 h 2323145"/>
              <a:gd name="connsiteX177" fmla="*/ 3885662 w 11269336"/>
              <a:gd name="connsiteY177" fmla="*/ 2138740 h 2323145"/>
              <a:gd name="connsiteX178" fmla="*/ 3868627 w 11269336"/>
              <a:gd name="connsiteY178" fmla="*/ 2130023 h 2323145"/>
              <a:gd name="connsiteX179" fmla="*/ 3819177 w 11269336"/>
              <a:gd name="connsiteY179" fmla="*/ 2142111 h 2323145"/>
              <a:gd name="connsiteX180" fmla="*/ 3769100 w 11269336"/>
              <a:gd name="connsiteY180" fmla="*/ 2131731 h 2323145"/>
              <a:gd name="connsiteX181" fmla="*/ 3562752 w 11269336"/>
              <a:gd name="connsiteY181" fmla="*/ 2131785 h 2323145"/>
              <a:gd name="connsiteX182" fmla="*/ 3541402 w 11269336"/>
              <a:gd name="connsiteY182" fmla="*/ 2106821 h 2323145"/>
              <a:gd name="connsiteX183" fmla="*/ 3365341 w 11269336"/>
              <a:gd name="connsiteY183" fmla="*/ 2077638 h 2323145"/>
              <a:gd name="connsiteX184" fmla="*/ 3170922 w 11269336"/>
              <a:gd name="connsiteY184" fmla="*/ 2115957 h 2323145"/>
              <a:gd name="connsiteX185" fmla="*/ 3156256 w 11269336"/>
              <a:gd name="connsiteY185" fmla="*/ 2124773 h 2323145"/>
              <a:gd name="connsiteX186" fmla="*/ 3140298 w 11269336"/>
              <a:gd name="connsiteY186" fmla="*/ 2129182 h 2323145"/>
              <a:gd name="connsiteX187" fmla="*/ 3138514 w 11269336"/>
              <a:gd name="connsiteY187" fmla="*/ 2128069 h 2323145"/>
              <a:gd name="connsiteX188" fmla="*/ 3120467 w 11269336"/>
              <a:gd name="connsiteY188" fmla="*/ 2128281 h 2323145"/>
              <a:gd name="connsiteX189" fmla="*/ 3116175 w 11269336"/>
              <a:gd name="connsiteY189" fmla="*/ 2131633 h 2323145"/>
              <a:gd name="connsiteX190" fmla="*/ 3103685 w 11269336"/>
              <a:gd name="connsiteY190" fmla="*/ 2132814 h 2323145"/>
              <a:gd name="connsiteX191" fmla="*/ 3078794 w 11269336"/>
              <a:gd name="connsiteY191" fmla="*/ 2137935 h 2323145"/>
              <a:gd name="connsiteX192" fmla="*/ 3074407 w 11269336"/>
              <a:gd name="connsiteY192" fmla="*/ 2136274 h 2323145"/>
              <a:gd name="connsiteX193" fmla="*/ 3037285 w 11269336"/>
              <a:gd name="connsiteY193" fmla="*/ 2139919 h 2323145"/>
              <a:gd name="connsiteX194" fmla="*/ 3036901 w 11269336"/>
              <a:gd name="connsiteY194" fmla="*/ 2138726 h 2323145"/>
              <a:gd name="connsiteX195" fmla="*/ 3026996 w 11269336"/>
              <a:gd name="connsiteY195" fmla="*/ 2134322 h 2323145"/>
              <a:gd name="connsiteX196" fmla="*/ 3007772 w 11269336"/>
              <a:gd name="connsiteY196" fmla="*/ 2128742 h 2323145"/>
              <a:gd name="connsiteX197" fmla="*/ 2965030 w 11269336"/>
              <a:gd name="connsiteY197" fmla="*/ 2100494 h 2323145"/>
              <a:gd name="connsiteX198" fmla="*/ 2926342 w 11269336"/>
              <a:gd name="connsiteY198" fmla="*/ 2104155 h 2323145"/>
              <a:gd name="connsiteX199" fmla="*/ 2918608 w 11269336"/>
              <a:gd name="connsiteY199" fmla="*/ 2104215 h 2323145"/>
              <a:gd name="connsiteX200" fmla="*/ 2918475 w 11269336"/>
              <a:gd name="connsiteY200" fmla="*/ 2103937 h 2323145"/>
              <a:gd name="connsiteX201" fmla="*/ 2910360 w 11269336"/>
              <a:gd name="connsiteY201" fmla="*/ 2103444 h 2323145"/>
              <a:gd name="connsiteX202" fmla="*/ 2904507 w 11269336"/>
              <a:gd name="connsiteY202" fmla="*/ 2104326 h 2323145"/>
              <a:gd name="connsiteX203" fmla="*/ 2889503 w 11269336"/>
              <a:gd name="connsiteY203" fmla="*/ 2104443 h 2323145"/>
              <a:gd name="connsiteX204" fmla="*/ 2884480 w 11269336"/>
              <a:gd name="connsiteY204" fmla="*/ 2102626 h 2323145"/>
              <a:gd name="connsiteX205" fmla="*/ 2882689 w 11269336"/>
              <a:gd name="connsiteY205" fmla="*/ 2099228 h 2323145"/>
              <a:gd name="connsiteX206" fmla="*/ 2881291 w 11269336"/>
              <a:gd name="connsiteY206" fmla="*/ 2099618 h 2323145"/>
              <a:gd name="connsiteX207" fmla="*/ 2853979 w 11269336"/>
              <a:gd name="connsiteY207" fmla="*/ 2090388 h 2323145"/>
              <a:gd name="connsiteX208" fmla="*/ 2791790 w 11269336"/>
              <a:gd name="connsiteY208" fmla="*/ 2080332 h 2323145"/>
              <a:gd name="connsiteX209" fmla="*/ 2755844 w 11269336"/>
              <a:gd name="connsiteY209" fmla="*/ 2078874 h 2323145"/>
              <a:gd name="connsiteX210" fmla="*/ 2657742 w 11269336"/>
              <a:gd name="connsiteY210" fmla="*/ 2070179 h 2323145"/>
              <a:gd name="connsiteX211" fmla="*/ 2559549 w 11269336"/>
              <a:gd name="connsiteY211" fmla="*/ 2057873 h 2323145"/>
              <a:gd name="connsiteX212" fmla="*/ 2512054 w 11269336"/>
              <a:gd name="connsiteY212" fmla="*/ 2031671 h 2323145"/>
              <a:gd name="connsiteX213" fmla="*/ 2506437 w 11269336"/>
              <a:gd name="connsiteY213" fmla="*/ 2030918 h 2323145"/>
              <a:gd name="connsiteX214" fmla="*/ 2491752 w 11269336"/>
              <a:gd name="connsiteY214" fmla="*/ 2033906 h 2323145"/>
              <a:gd name="connsiteX215" fmla="*/ 2486338 w 11269336"/>
              <a:gd name="connsiteY215" fmla="*/ 2035862 h 2323145"/>
              <a:gd name="connsiteX216" fmla="*/ 2478186 w 11269336"/>
              <a:gd name="connsiteY216" fmla="*/ 2036953 h 2323145"/>
              <a:gd name="connsiteX217" fmla="*/ 2477950 w 11269336"/>
              <a:gd name="connsiteY217" fmla="*/ 2036715 h 2323145"/>
              <a:gd name="connsiteX218" fmla="*/ 2470381 w 11269336"/>
              <a:gd name="connsiteY218" fmla="*/ 2038256 h 2323145"/>
              <a:gd name="connsiteX219" fmla="*/ 2433781 w 11269336"/>
              <a:gd name="connsiteY219" fmla="*/ 2049140 h 2323145"/>
              <a:gd name="connsiteX220" fmla="*/ 2381172 w 11269336"/>
              <a:gd name="connsiteY220" fmla="*/ 2030645 h 2323145"/>
              <a:gd name="connsiteX221" fmla="*/ 2360198 w 11269336"/>
              <a:gd name="connsiteY221" fmla="*/ 2029059 h 2323145"/>
              <a:gd name="connsiteX222" fmla="*/ 2348815 w 11269336"/>
              <a:gd name="connsiteY222" fmla="*/ 2026798 h 2323145"/>
              <a:gd name="connsiteX223" fmla="*/ 2347988 w 11269336"/>
              <a:gd name="connsiteY223" fmla="*/ 2025745 h 2323145"/>
              <a:gd name="connsiteX224" fmla="*/ 2312920 w 11269336"/>
              <a:gd name="connsiteY224" fmla="*/ 2036311 h 2323145"/>
              <a:gd name="connsiteX225" fmla="*/ 2307986 w 11269336"/>
              <a:gd name="connsiteY225" fmla="*/ 2035583 h 2323145"/>
              <a:gd name="connsiteX226" fmla="*/ 2285481 w 11269336"/>
              <a:gd name="connsiteY226" fmla="*/ 2045197 h 2323145"/>
              <a:gd name="connsiteX227" fmla="*/ 2273666 w 11269336"/>
              <a:gd name="connsiteY227" fmla="*/ 2048710 h 2323145"/>
              <a:gd name="connsiteX228" fmla="*/ 2270719 w 11269336"/>
              <a:gd name="connsiteY228" fmla="*/ 2052702 h 2323145"/>
              <a:gd name="connsiteX229" fmla="*/ 2253080 w 11269336"/>
              <a:gd name="connsiteY229" fmla="*/ 2056363 h 2323145"/>
              <a:gd name="connsiteX230" fmla="*/ 2250906 w 11269336"/>
              <a:gd name="connsiteY230" fmla="*/ 2055654 h 2323145"/>
              <a:gd name="connsiteX231" fmla="*/ 2236905 w 11269336"/>
              <a:gd name="connsiteY231" fmla="*/ 2062882 h 2323145"/>
              <a:gd name="connsiteX232" fmla="*/ 2225830 w 11269336"/>
              <a:gd name="connsiteY232" fmla="*/ 2074027 h 2323145"/>
              <a:gd name="connsiteX233" fmla="*/ 2073776 w 11269336"/>
              <a:gd name="connsiteY233" fmla="*/ 2089244 h 2323145"/>
              <a:gd name="connsiteX234" fmla="*/ 1948256 w 11269336"/>
              <a:gd name="connsiteY234" fmla="*/ 2146616 h 2323145"/>
              <a:gd name="connsiteX235" fmla="*/ 1865582 w 11269336"/>
              <a:gd name="connsiteY235" fmla="*/ 2153738 h 2323145"/>
              <a:gd name="connsiteX236" fmla="*/ 1835210 w 11269336"/>
              <a:gd name="connsiteY236" fmla="*/ 2134244 h 2323145"/>
              <a:gd name="connsiteX237" fmla="*/ 1632661 w 11269336"/>
              <a:gd name="connsiteY237" fmla="*/ 2173882 h 2323145"/>
              <a:gd name="connsiteX238" fmla="*/ 1579590 w 11269336"/>
              <a:gd name="connsiteY238" fmla="*/ 2173680 h 2323145"/>
              <a:gd name="connsiteX239" fmla="*/ 1535601 w 11269336"/>
              <a:gd name="connsiteY239" fmla="*/ 2194590 h 2323145"/>
              <a:gd name="connsiteX240" fmla="*/ 1515594 w 11269336"/>
              <a:gd name="connsiteY240" fmla="*/ 2189622 h 2323145"/>
              <a:gd name="connsiteX241" fmla="*/ 1512113 w 11269336"/>
              <a:gd name="connsiteY241" fmla="*/ 2188534 h 2323145"/>
              <a:gd name="connsiteX242" fmla="*/ 1498838 w 11269336"/>
              <a:gd name="connsiteY242" fmla="*/ 2189213 h 2323145"/>
              <a:gd name="connsiteX243" fmla="*/ 1494279 w 11269336"/>
              <a:gd name="connsiteY243" fmla="*/ 2183112 h 2323145"/>
              <a:gd name="connsiteX244" fmla="*/ 1473714 w 11269336"/>
              <a:gd name="connsiteY244" fmla="*/ 2179625 h 2323145"/>
              <a:gd name="connsiteX245" fmla="*/ 1449503 w 11269336"/>
              <a:gd name="connsiteY245" fmla="*/ 2182633 h 2323145"/>
              <a:gd name="connsiteX246" fmla="*/ 1266687 w 11269336"/>
              <a:gd name="connsiteY246" fmla="*/ 2212688 h 2323145"/>
              <a:gd name="connsiteX247" fmla="*/ 1239614 w 11269336"/>
              <a:gd name="connsiteY247" fmla="*/ 2209727 h 2323145"/>
              <a:gd name="connsiteX248" fmla="*/ 1202436 w 11269336"/>
              <a:gd name="connsiteY248" fmla="*/ 2209817 h 2323145"/>
              <a:gd name="connsiteX249" fmla="*/ 1136097 w 11269336"/>
              <a:gd name="connsiteY249" fmla="*/ 2205112 h 2323145"/>
              <a:gd name="connsiteX250" fmla="*/ 988232 w 11269336"/>
              <a:gd name="connsiteY250" fmla="*/ 2235635 h 2323145"/>
              <a:gd name="connsiteX251" fmla="*/ 981959 w 11269336"/>
              <a:gd name="connsiteY251" fmla="*/ 2231607 h 2323145"/>
              <a:gd name="connsiteX252" fmla="*/ 938600 w 11269336"/>
              <a:gd name="connsiteY252" fmla="*/ 2238113 h 2323145"/>
              <a:gd name="connsiteX253" fmla="*/ 791788 w 11269336"/>
              <a:gd name="connsiteY253" fmla="*/ 2293224 h 2323145"/>
              <a:gd name="connsiteX254" fmla="*/ 706914 w 11269336"/>
              <a:gd name="connsiteY254" fmla="*/ 2305046 h 2323145"/>
              <a:gd name="connsiteX255" fmla="*/ 675971 w 11269336"/>
              <a:gd name="connsiteY255" fmla="*/ 2304030 h 2323145"/>
              <a:gd name="connsiteX256" fmla="*/ 624180 w 11269336"/>
              <a:gd name="connsiteY256" fmla="*/ 2302650 h 2323145"/>
              <a:gd name="connsiteX257" fmla="*/ 583453 w 11269336"/>
              <a:gd name="connsiteY257" fmla="*/ 2288788 h 2323145"/>
              <a:gd name="connsiteX258" fmla="*/ 540946 w 11269336"/>
              <a:gd name="connsiteY258" fmla="*/ 2292721 h 2323145"/>
              <a:gd name="connsiteX259" fmla="*/ 533680 w 11269336"/>
              <a:gd name="connsiteY259" fmla="*/ 2310233 h 2323145"/>
              <a:gd name="connsiteX260" fmla="*/ 487366 w 11269336"/>
              <a:gd name="connsiteY260" fmla="*/ 2309053 h 2323145"/>
              <a:gd name="connsiteX261" fmla="*/ 416820 w 11269336"/>
              <a:gd name="connsiteY261" fmla="*/ 2305443 h 2323145"/>
              <a:gd name="connsiteX262" fmla="*/ 376805 w 11269336"/>
              <a:gd name="connsiteY262" fmla="*/ 2307647 h 2323145"/>
              <a:gd name="connsiteX263" fmla="*/ 266777 w 11269336"/>
              <a:gd name="connsiteY263" fmla="*/ 2309012 h 2323145"/>
              <a:gd name="connsiteX264" fmla="*/ 156013 w 11269336"/>
              <a:gd name="connsiteY264" fmla="*/ 2306832 h 2323145"/>
              <a:gd name="connsiteX265" fmla="*/ 87258 w 11269336"/>
              <a:gd name="connsiteY265" fmla="*/ 2285511 h 2323145"/>
              <a:gd name="connsiteX266" fmla="*/ 23798 w 11269336"/>
              <a:gd name="connsiteY266" fmla="*/ 2281822 h 2323145"/>
              <a:gd name="connsiteX267" fmla="*/ 0 w 11269336"/>
              <a:gd name="connsiteY267" fmla="*/ 2285369 h 2323145"/>
              <a:gd name="connsiteX268" fmla="*/ 0 w 11269336"/>
              <a:gd name="connsiteY268"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561831 w 11269336"/>
              <a:gd name="connsiteY19" fmla="*/ 547649 h 2323145"/>
              <a:gd name="connsiteX20" fmla="*/ 9380600 w 11269336"/>
              <a:gd name="connsiteY20" fmla="*/ 549821 h 2323145"/>
              <a:gd name="connsiteX21" fmla="*/ 9139429 w 11269336"/>
              <a:gd name="connsiteY21" fmla="*/ 696446 h 2323145"/>
              <a:gd name="connsiteX22" fmla="*/ 9114263 w 11269336"/>
              <a:gd name="connsiteY22" fmla="*/ 709213 h 2323145"/>
              <a:gd name="connsiteX23" fmla="*/ 9028928 w 11269336"/>
              <a:gd name="connsiteY23" fmla="*/ 745350 h 2323145"/>
              <a:gd name="connsiteX24" fmla="*/ 8977138 w 11269336"/>
              <a:gd name="connsiteY24" fmla="*/ 774970 h 2323145"/>
              <a:gd name="connsiteX25" fmla="*/ 8947030 w 11269336"/>
              <a:gd name="connsiteY25" fmla="*/ 814934 h 2323145"/>
              <a:gd name="connsiteX26" fmla="*/ 8914746 w 11269336"/>
              <a:gd name="connsiteY26" fmla="*/ 826428 h 2323145"/>
              <a:gd name="connsiteX27" fmla="*/ 8917778 w 11269336"/>
              <a:gd name="connsiteY27" fmla="*/ 835198 h 2323145"/>
              <a:gd name="connsiteX28" fmla="*/ 8905560 w 11269336"/>
              <a:gd name="connsiteY28" fmla="*/ 838358 h 2323145"/>
              <a:gd name="connsiteX29" fmla="*/ 8897564 w 11269336"/>
              <a:gd name="connsiteY29" fmla="*/ 834287 h 2323145"/>
              <a:gd name="connsiteX30" fmla="*/ 8878040 w 11269336"/>
              <a:gd name="connsiteY30" fmla="*/ 844150 h 2323145"/>
              <a:gd name="connsiteX31" fmla="*/ 8882654 w 11269336"/>
              <a:gd name="connsiteY31" fmla="*/ 892768 h 2323145"/>
              <a:gd name="connsiteX32" fmla="*/ 8795998 w 11269336"/>
              <a:gd name="connsiteY32" fmla="*/ 863337 h 2323145"/>
              <a:gd name="connsiteX33" fmla="*/ 8776970 w 11269336"/>
              <a:gd name="connsiteY33" fmla="*/ 885177 h 2323145"/>
              <a:gd name="connsiteX34" fmla="*/ 8755719 w 11269336"/>
              <a:gd name="connsiteY34" fmla="*/ 889754 h 2323145"/>
              <a:gd name="connsiteX35" fmla="*/ 8743257 w 11269336"/>
              <a:gd name="connsiteY35" fmla="*/ 904723 h 2323145"/>
              <a:gd name="connsiteX36" fmla="*/ 8721366 w 11269336"/>
              <a:gd name="connsiteY36" fmla="*/ 904711 h 2323145"/>
              <a:gd name="connsiteX37" fmla="*/ 8678353 w 11269336"/>
              <a:gd name="connsiteY37" fmla="*/ 926318 h 2323145"/>
              <a:gd name="connsiteX38" fmla="*/ 8636849 w 11269336"/>
              <a:gd name="connsiteY38" fmla="*/ 937900 h 2323145"/>
              <a:gd name="connsiteX39" fmla="*/ 8620213 w 11269336"/>
              <a:gd name="connsiteY39" fmla="*/ 943068 h 2323145"/>
              <a:gd name="connsiteX40" fmla="*/ 8612581 w 11269336"/>
              <a:gd name="connsiteY40" fmla="*/ 952695 h 2323145"/>
              <a:gd name="connsiteX41" fmla="*/ 8589038 w 11269336"/>
              <a:gd name="connsiteY41" fmla="*/ 963892 h 2323145"/>
              <a:gd name="connsiteX42" fmla="*/ 8579950 w 11269336"/>
              <a:gd name="connsiteY42" fmla="*/ 960899 h 2323145"/>
              <a:gd name="connsiteX43" fmla="*/ 8579319 w 11269336"/>
              <a:gd name="connsiteY43" fmla="*/ 965630 h 2323145"/>
              <a:gd name="connsiteX44" fmla="*/ 8547429 w 11269336"/>
              <a:gd name="connsiteY44" fmla="*/ 984506 h 2323145"/>
              <a:gd name="connsiteX45" fmla="*/ 8478704 w 11269336"/>
              <a:gd name="connsiteY45" fmla="*/ 1025490 h 2323145"/>
              <a:gd name="connsiteX46" fmla="*/ 8461421 w 11269336"/>
              <a:gd name="connsiteY46" fmla="*/ 1035512 h 2323145"/>
              <a:gd name="connsiteX47" fmla="*/ 8445003 w 11269336"/>
              <a:gd name="connsiteY47" fmla="*/ 1036851 h 2323145"/>
              <a:gd name="connsiteX48" fmla="*/ 8357350 w 11269336"/>
              <a:gd name="connsiteY48" fmla="*/ 1060213 h 2323145"/>
              <a:gd name="connsiteX49" fmla="*/ 8335565 w 11269336"/>
              <a:gd name="connsiteY49" fmla="*/ 1061151 h 2323145"/>
              <a:gd name="connsiteX50" fmla="*/ 8325267 w 11269336"/>
              <a:gd name="connsiteY50" fmla="*/ 1055919 h 2323145"/>
              <a:gd name="connsiteX51" fmla="*/ 8293586 w 11269336"/>
              <a:gd name="connsiteY51" fmla="*/ 1076144 h 2323145"/>
              <a:gd name="connsiteX52" fmla="*/ 8242405 w 11269336"/>
              <a:gd name="connsiteY52" fmla="*/ 1095960 h 2323145"/>
              <a:gd name="connsiteX53" fmla="*/ 8197391 w 11269336"/>
              <a:gd name="connsiteY53" fmla="*/ 1107746 h 2323145"/>
              <a:gd name="connsiteX54" fmla="*/ 8081474 w 11269336"/>
              <a:gd name="connsiteY54" fmla="*/ 1130125 h 2323145"/>
              <a:gd name="connsiteX55" fmla="*/ 8053585 w 11269336"/>
              <a:gd name="connsiteY55" fmla="*/ 1129169 h 2323145"/>
              <a:gd name="connsiteX56" fmla="*/ 8038422 w 11269336"/>
              <a:gd name="connsiteY56" fmla="*/ 1119092 h 2323145"/>
              <a:gd name="connsiteX57" fmla="*/ 8029450 w 11269336"/>
              <a:gd name="connsiteY57" fmla="*/ 1125592 h 2323145"/>
              <a:gd name="connsiteX58" fmla="*/ 7959552 w 11269336"/>
              <a:gd name="connsiteY58" fmla="*/ 1140188 h 2323145"/>
              <a:gd name="connsiteX59" fmla="*/ 7914188 w 11269336"/>
              <a:gd name="connsiteY59" fmla="*/ 1150862 h 2323145"/>
              <a:gd name="connsiteX60" fmla="*/ 7914918 w 11269336"/>
              <a:gd name="connsiteY60" fmla="*/ 1168758 h 2323145"/>
              <a:gd name="connsiteX61" fmla="*/ 7875510 w 11269336"/>
              <a:gd name="connsiteY61" fmla="*/ 1183153 h 2323145"/>
              <a:gd name="connsiteX62" fmla="*/ 7829932 w 11269336"/>
              <a:gd name="connsiteY62" fmla="*/ 1180782 h 2323145"/>
              <a:gd name="connsiteX63" fmla="*/ 7779182 w 11269336"/>
              <a:gd name="connsiteY63" fmla="*/ 1192665 h 2323145"/>
              <a:gd name="connsiteX64" fmla="*/ 7748774 w 11269336"/>
              <a:gd name="connsiteY64" fmla="*/ 1199586 h 2323145"/>
              <a:gd name="connsiteX65" fmla="*/ 7671846 w 11269336"/>
              <a:gd name="connsiteY65" fmla="*/ 1231966 h 2323145"/>
              <a:gd name="connsiteX66" fmla="*/ 7554146 w 11269336"/>
              <a:gd name="connsiteY66" fmla="*/ 1319748 h 2323145"/>
              <a:gd name="connsiteX67" fmla="*/ 7515052 w 11269336"/>
              <a:gd name="connsiteY67" fmla="*/ 1336718 h 2323145"/>
              <a:gd name="connsiteX68" fmla="*/ 7507193 w 11269336"/>
              <a:gd name="connsiteY68" fmla="*/ 1334617 h 2323145"/>
              <a:gd name="connsiteX69" fmla="*/ 7461694 w 11269336"/>
              <a:gd name="connsiteY69" fmla="*/ 1375866 h 2323145"/>
              <a:gd name="connsiteX70" fmla="*/ 7377571 w 11269336"/>
              <a:gd name="connsiteY70" fmla="*/ 1400128 h 2323145"/>
              <a:gd name="connsiteX71" fmla="*/ 7311261 w 11269336"/>
              <a:gd name="connsiteY71" fmla="*/ 1412652 h 2323145"/>
              <a:gd name="connsiteX72" fmla="*/ 7275307 w 11269336"/>
              <a:gd name="connsiteY72" fmla="*/ 1422171 h 2323145"/>
              <a:gd name="connsiteX73" fmla="*/ 7247783 w 11269336"/>
              <a:gd name="connsiteY73" fmla="*/ 1426330 h 2323145"/>
              <a:gd name="connsiteX74" fmla="*/ 7185047 w 11269336"/>
              <a:gd name="connsiteY74" fmla="*/ 1451812 h 2323145"/>
              <a:gd name="connsiteX75" fmla="*/ 7084117 w 11269336"/>
              <a:gd name="connsiteY75" fmla="*/ 1500281 h 2323145"/>
              <a:gd name="connsiteX76" fmla="*/ 7062011 w 11269336"/>
              <a:gd name="connsiteY76" fmla="*/ 1509183 h 2323145"/>
              <a:gd name="connsiteX77" fmla="*/ 7040555 w 11269336"/>
              <a:gd name="connsiteY77" fmla="*/ 1511207 h 2323145"/>
              <a:gd name="connsiteX78" fmla="*/ 7033438 w 11269336"/>
              <a:gd name="connsiteY78" fmla="*/ 1506772 h 2323145"/>
              <a:gd name="connsiteX79" fmla="*/ 7020886 w 11269336"/>
              <a:gd name="connsiteY79" fmla="*/ 1510764 h 2323145"/>
              <a:gd name="connsiteX80" fmla="*/ 7017033 w 11269336"/>
              <a:gd name="connsiteY80" fmla="*/ 1510650 h 2323145"/>
              <a:gd name="connsiteX81" fmla="*/ 6995460 w 11269336"/>
              <a:gd name="connsiteY81" fmla="*/ 1511173 h 2323145"/>
              <a:gd name="connsiteX82" fmla="*/ 6962144 w 11269336"/>
              <a:gd name="connsiteY82" fmla="*/ 1541508 h 2323145"/>
              <a:gd name="connsiteX83" fmla="*/ 6910674 w 11269336"/>
              <a:gd name="connsiteY83" fmla="*/ 1554793 h 2323145"/>
              <a:gd name="connsiteX84" fmla="*/ 6732152 w 11269336"/>
              <a:gd name="connsiteY84" fmla="*/ 1642538 h 2323145"/>
              <a:gd name="connsiteX85" fmla="*/ 6694106 w 11269336"/>
              <a:gd name="connsiteY85" fmla="*/ 1632377 h 2323145"/>
              <a:gd name="connsiteX86" fmla="*/ 6617223 w 11269336"/>
              <a:gd name="connsiteY86" fmla="*/ 1659889 h 2323145"/>
              <a:gd name="connsiteX87" fmla="*/ 6521138 w 11269336"/>
              <a:gd name="connsiteY87" fmla="*/ 1744340 h 2323145"/>
              <a:gd name="connsiteX88" fmla="*/ 6380677 w 11269336"/>
              <a:gd name="connsiteY88" fmla="*/ 1796883 h 2323145"/>
              <a:gd name="connsiteX89" fmla="*/ 6374897 w 11269336"/>
              <a:gd name="connsiteY89" fmla="*/ 1809910 h 2323145"/>
              <a:gd name="connsiteX90" fmla="*/ 6364545 w 11269336"/>
              <a:gd name="connsiteY90" fmla="*/ 1820090 h 2323145"/>
              <a:gd name="connsiteX91" fmla="*/ 6362126 w 11269336"/>
              <a:gd name="connsiteY91" fmla="*/ 1819991 h 2323145"/>
              <a:gd name="connsiteX92" fmla="*/ 6346673 w 11269336"/>
              <a:gd name="connsiteY92" fmla="*/ 1827824 h 2323145"/>
              <a:gd name="connsiteX93" fmla="*/ 6345588 w 11269336"/>
              <a:gd name="connsiteY93" fmla="*/ 1832232 h 2323145"/>
              <a:gd name="connsiteX94" fmla="*/ 6335708 w 11269336"/>
              <a:gd name="connsiteY94" fmla="*/ 1838451 h 2323145"/>
              <a:gd name="connsiteX95" fmla="*/ 6318182 w 11269336"/>
              <a:gd name="connsiteY95" fmla="*/ 1852975 h 2323145"/>
              <a:gd name="connsiteX96" fmla="*/ 6313084 w 11269336"/>
              <a:gd name="connsiteY96" fmla="*/ 1853561 h 2323145"/>
              <a:gd name="connsiteX97" fmla="*/ 6283816 w 11269336"/>
              <a:gd name="connsiteY97" fmla="*/ 1872148 h 2323145"/>
              <a:gd name="connsiteX98" fmla="*/ 6282550 w 11269336"/>
              <a:gd name="connsiteY98" fmla="*/ 1871392 h 2323145"/>
              <a:gd name="connsiteX99" fmla="*/ 6270527 w 11269336"/>
              <a:gd name="connsiteY99" fmla="*/ 1872208 h 2323145"/>
              <a:gd name="connsiteX100" fmla="*/ 6249518 w 11269336"/>
              <a:gd name="connsiteY100" fmla="*/ 1876079 h 2323145"/>
              <a:gd name="connsiteX101" fmla="*/ 6190386 w 11269336"/>
              <a:gd name="connsiteY101" fmla="*/ 1872478 h 2323145"/>
              <a:gd name="connsiteX102" fmla="*/ 6159777 w 11269336"/>
              <a:gd name="connsiteY102" fmla="*/ 1891745 h 2323145"/>
              <a:gd name="connsiteX103" fmla="*/ 6153131 w 11269336"/>
              <a:gd name="connsiteY103" fmla="*/ 1895079 h 2323145"/>
              <a:gd name="connsiteX104" fmla="*/ 6152798 w 11269336"/>
              <a:gd name="connsiteY104" fmla="*/ 1894920 h 2323145"/>
              <a:gd name="connsiteX105" fmla="*/ 6145388 w 11269336"/>
              <a:gd name="connsiteY105" fmla="*/ 1897990 h 2323145"/>
              <a:gd name="connsiteX106" fmla="*/ 6141014 w 11269336"/>
              <a:gd name="connsiteY106" fmla="*/ 1901155 h 2323145"/>
              <a:gd name="connsiteX107" fmla="*/ 6128122 w 11269336"/>
              <a:gd name="connsiteY107" fmla="*/ 1907623 h 2323145"/>
              <a:gd name="connsiteX108" fmla="*/ 6122351 w 11269336"/>
              <a:gd name="connsiteY108" fmla="*/ 1908359 h 2323145"/>
              <a:gd name="connsiteX109" fmla="*/ 6064750 w 11269336"/>
              <a:gd name="connsiteY109" fmla="*/ 1896394 h 2323145"/>
              <a:gd name="connsiteX110" fmla="*/ 5964230 w 11269336"/>
              <a:gd name="connsiteY110" fmla="*/ 1910038 h 2323145"/>
              <a:gd name="connsiteX111" fmla="*/ 5865399 w 11269336"/>
              <a:gd name="connsiteY111" fmla="*/ 1926966 h 2323145"/>
              <a:gd name="connsiteX112" fmla="*/ 5829951 w 11269336"/>
              <a:gd name="connsiteY112" fmla="*/ 1934755 h 2323145"/>
              <a:gd name="connsiteX113" fmla="*/ 5765285 w 11269336"/>
              <a:gd name="connsiteY113" fmla="*/ 1941322 h 2323145"/>
              <a:gd name="connsiteX114" fmla="*/ 5734750 w 11269336"/>
              <a:gd name="connsiteY114" fmla="*/ 1939793 h 2323145"/>
              <a:gd name="connsiteX115" fmla="*/ 5733569 w 11269336"/>
              <a:gd name="connsiteY115" fmla="*/ 1940505 h 2323145"/>
              <a:gd name="connsiteX116" fmla="*/ 5730329 w 11269336"/>
              <a:gd name="connsiteY116" fmla="*/ 1937845 h 2323145"/>
              <a:gd name="connsiteX117" fmla="*/ 5724661 w 11269336"/>
              <a:gd name="connsiteY117" fmla="*/ 1937455 h 2323145"/>
              <a:gd name="connsiteX118" fmla="*/ 5710186 w 11269336"/>
              <a:gd name="connsiteY118" fmla="*/ 1941370 h 2323145"/>
              <a:gd name="connsiteX119" fmla="*/ 5704910 w 11269336"/>
              <a:gd name="connsiteY119" fmla="*/ 1943663 h 2323145"/>
              <a:gd name="connsiteX120" fmla="*/ 5696836 w 11269336"/>
              <a:gd name="connsiteY120" fmla="*/ 1945271 h 2323145"/>
              <a:gd name="connsiteX121" fmla="*/ 5696583 w 11269336"/>
              <a:gd name="connsiteY121" fmla="*/ 1945050 h 2323145"/>
              <a:gd name="connsiteX122" fmla="*/ 5689123 w 11269336"/>
              <a:gd name="connsiteY122" fmla="*/ 1947067 h 2323145"/>
              <a:gd name="connsiteX123" fmla="*/ 5653291 w 11269336"/>
              <a:gd name="connsiteY123" fmla="*/ 1960245 h 2323145"/>
              <a:gd name="connsiteX124" fmla="*/ 5599385 w 11269336"/>
              <a:gd name="connsiteY124" fmla="*/ 1945198 h 2323145"/>
              <a:gd name="connsiteX125" fmla="*/ 5578300 w 11269336"/>
              <a:gd name="connsiteY125" fmla="*/ 1944963 h 2323145"/>
              <a:gd name="connsiteX126" fmla="*/ 5566758 w 11269336"/>
              <a:gd name="connsiteY126" fmla="*/ 1943441 h 2323145"/>
              <a:gd name="connsiteX127" fmla="*/ 5565857 w 11269336"/>
              <a:gd name="connsiteY127" fmla="*/ 1942445 h 2323145"/>
              <a:gd name="connsiteX128" fmla="*/ 5531534 w 11269336"/>
              <a:gd name="connsiteY128" fmla="*/ 1955208 h 2323145"/>
              <a:gd name="connsiteX129" fmla="*/ 5526552 w 11269336"/>
              <a:gd name="connsiteY129" fmla="*/ 1954799 h 2323145"/>
              <a:gd name="connsiteX130" fmla="*/ 5504723 w 11269336"/>
              <a:gd name="connsiteY130" fmla="*/ 1965811 h 2323145"/>
              <a:gd name="connsiteX131" fmla="*/ 5493156 w 11269336"/>
              <a:gd name="connsiteY131" fmla="*/ 1970063 h 2323145"/>
              <a:gd name="connsiteX132" fmla="*/ 5490486 w 11269336"/>
              <a:gd name="connsiteY132" fmla="*/ 1974227 h 2323145"/>
              <a:gd name="connsiteX133" fmla="*/ 5473107 w 11269336"/>
              <a:gd name="connsiteY133" fmla="*/ 1979001 h 2323145"/>
              <a:gd name="connsiteX134" fmla="*/ 5470885 w 11269336"/>
              <a:gd name="connsiteY134" fmla="*/ 1978432 h 2323145"/>
              <a:gd name="connsiteX135" fmla="*/ 5457393 w 11269336"/>
              <a:gd name="connsiteY135" fmla="*/ 1986525 h 2323145"/>
              <a:gd name="connsiteX136" fmla="*/ 5447102 w 11269336"/>
              <a:gd name="connsiteY136" fmla="*/ 1998329 h 2323145"/>
              <a:gd name="connsiteX137" fmla="*/ 5159151 w 11269336"/>
              <a:gd name="connsiteY137" fmla="*/ 2029640 h 2323145"/>
              <a:gd name="connsiteX138" fmla="*/ 5041688 w 11269336"/>
              <a:gd name="connsiteY138" fmla="*/ 2022334 h 2323145"/>
              <a:gd name="connsiteX139" fmla="*/ 4860988 w 11269336"/>
              <a:gd name="connsiteY139" fmla="*/ 2135698 h 2323145"/>
              <a:gd name="connsiteX140" fmla="*/ 4807902 w 11269336"/>
              <a:gd name="connsiteY140" fmla="*/ 2138894 h 2323145"/>
              <a:gd name="connsiteX141" fmla="*/ 4765388 w 11269336"/>
              <a:gd name="connsiteY141" fmla="*/ 2162525 h 2323145"/>
              <a:gd name="connsiteX142" fmla="*/ 4745033 w 11269336"/>
              <a:gd name="connsiteY142" fmla="*/ 2158859 h 2323145"/>
              <a:gd name="connsiteX143" fmla="*/ 4741475 w 11269336"/>
              <a:gd name="connsiteY143" fmla="*/ 2157998 h 2323145"/>
              <a:gd name="connsiteX144" fmla="*/ 4728247 w 11269336"/>
              <a:gd name="connsiteY144" fmla="*/ 2159526 h 2323145"/>
              <a:gd name="connsiteX145" fmla="*/ 4723263 w 11269336"/>
              <a:gd name="connsiteY145" fmla="*/ 2153742 h 2323145"/>
              <a:gd name="connsiteX146" fmla="*/ 4702453 w 11269336"/>
              <a:gd name="connsiteY146" fmla="*/ 2151586 h 2323145"/>
              <a:gd name="connsiteX147" fmla="*/ 4678455 w 11269336"/>
              <a:gd name="connsiteY147" fmla="*/ 2156131 h 2323145"/>
              <a:gd name="connsiteX148" fmla="*/ 4593061 w 11269336"/>
              <a:gd name="connsiteY148" fmla="*/ 2171597 h 2323145"/>
              <a:gd name="connsiteX149" fmla="*/ 4579902 w 11269336"/>
              <a:gd name="connsiteY149" fmla="*/ 2177927 h 2323145"/>
              <a:gd name="connsiteX150" fmla="*/ 4533444 w 11269336"/>
              <a:gd name="connsiteY150" fmla="*/ 2181200 h 2323145"/>
              <a:gd name="connsiteX151" fmla="*/ 4492832 w 11269336"/>
              <a:gd name="connsiteY151" fmla="*/ 2188033 h 2323145"/>
              <a:gd name="connsiteX152" fmla="*/ 4467257 w 11269336"/>
              <a:gd name="connsiteY152" fmla="*/ 2196121 h 2323145"/>
              <a:gd name="connsiteX153" fmla="*/ 4459937 w 11269336"/>
              <a:gd name="connsiteY153" fmla="*/ 2195182 h 2323145"/>
              <a:gd name="connsiteX154" fmla="*/ 4433312 w 11269336"/>
              <a:gd name="connsiteY154" fmla="*/ 2199004 h 2323145"/>
              <a:gd name="connsiteX155" fmla="*/ 4420601 w 11269336"/>
              <a:gd name="connsiteY155" fmla="*/ 2205158 h 2323145"/>
              <a:gd name="connsiteX156" fmla="*/ 4405765 w 11269336"/>
              <a:gd name="connsiteY156" fmla="*/ 2199902 h 2323145"/>
              <a:gd name="connsiteX157" fmla="*/ 4401354 w 11269336"/>
              <a:gd name="connsiteY157" fmla="*/ 2194745 h 2323145"/>
              <a:gd name="connsiteX158" fmla="*/ 4383151 w 11269336"/>
              <a:gd name="connsiteY158" fmla="*/ 2201140 h 2323145"/>
              <a:gd name="connsiteX159" fmla="*/ 4366646 w 11269336"/>
              <a:gd name="connsiteY159" fmla="*/ 2198564 h 2323145"/>
              <a:gd name="connsiteX160" fmla="*/ 4354009 w 11269336"/>
              <a:gd name="connsiteY160" fmla="*/ 2204984 h 2323145"/>
              <a:gd name="connsiteX161" fmla="*/ 4348284 w 11269336"/>
              <a:gd name="connsiteY161" fmla="*/ 2205270 h 2323145"/>
              <a:gd name="connsiteX162" fmla="*/ 4333906 w 11269336"/>
              <a:gd name="connsiteY162" fmla="*/ 2205251 h 2323145"/>
              <a:gd name="connsiteX163" fmla="*/ 4308819 w 11269336"/>
              <a:gd name="connsiteY163" fmla="*/ 2203822 h 2323145"/>
              <a:gd name="connsiteX164" fmla="*/ 4301210 w 11269336"/>
              <a:gd name="connsiteY164" fmla="*/ 2204456 h 2323145"/>
              <a:gd name="connsiteX165" fmla="*/ 4283095 w 11269336"/>
              <a:gd name="connsiteY165" fmla="*/ 2198177 h 2323145"/>
              <a:gd name="connsiteX166" fmla="*/ 4250119 w 11269336"/>
              <a:gd name="connsiteY166" fmla="*/ 2196342 h 2323145"/>
              <a:gd name="connsiteX167" fmla="*/ 4189203 w 11269336"/>
              <a:gd name="connsiteY167" fmla="*/ 2178994 h 2323145"/>
              <a:gd name="connsiteX168" fmla="*/ 4154035 w 11269336"/>
              <a:gd name="connsiteY168" fmla="*/ 2171950 h 2323145"/>
              <a:gd name="connsiteX169" fmla="*/ 4129569 w 11269336"/>
              <a:gd name="connsiteY169" fmla="*/ 2163850 h 2323145"/>
              <a:gd name="connsiteX170" fmla="*/ 4061250 w 11269336"/>
              <a:gd name="connsiteY170" fmla="*/ 2159236 h 2323145"/>
              <a:gd name="connsiteX171" fmla="*/ 3945480 w 11269336"/>
              <a:gd name="connsiteY171" fmla="*/ 2158279 h 2323145"/>
              <a:gd name="connsiteX172" fmla="*/ 3921468 w 11269336"/>
              <a:gd name="connsiteY172" fmla="*/ 2156588 h 2323145"/>
              <a:gd name="connsiteX173" fmla="*/ 3903348 w 11269336"/>
              <a:gd name="connsiteY173" fmla="*/ 2149220 h 2323145"/>
              <a:gd name="connsiteX174" fmla="*/ 3901342 w 11269336"/>
              <a:gd name="connsiteY174" fmla="*/ 2142355 h 2323145"/>
              <a:gd name="connsiteX175" fmla="*/ 3888539 w 11269336"/>
              <a:gd name="connsiteY175" fmla="*/ 2140476 h 2323145"/>
              <a:gd name="connsiteX176" fmla="*/ 3885662 w 11269336"/>
              <a:gd name="connsiteY176" fmla="*/ 2138740 h 2323145"/>
              <a:gd name="connsiteX177" fmla="*/ 3868627 w 11269336"/>
              <a:gd name="connsiteY177" fmla="*/ 2130023 h 2323145"/>
              <a:gd name="connsiteX178" fmla="*/ 3819177 w 11269336"/>
              <a:gd name="connsiteY178" fmla="*/ 2142111 h 2323145"/>
              <a:gd name="connsiteX179" fmla="*/ 3769100 w 11269336"/>
              <a:gd name="connsiteY179" fmla="*/ 2131731 h 2323145"/>
              <a:gd name="connsiteX180" fmla="*/ 3562752 w 11269336"/>
              <a:gd name="connsiteY180" fmla="*/ 2131785 h 2323145"/>
              <a:gd name="connsiteX181" fmla="*/ 3541402 w 11269336"/>
              <a:gd name="connsiteY181" fmla="*/ 2106821 h 2323145"/>
              <a:gd name="connsiteX182" fmla="*/ 3365341 w 11269336"/>
              <a:gd name="connsiteY182" fmla="*/ 2077638 h 2323145"/>
              <a:gd name="connsiteX183" fmla="*/ 3170922 w 11269336"/>
              <a:gd name="connsiteY183" fmla="*/ 2115957 h 2323145"/>
              <a:gd name="connsiteX184" fmla="*/ 3156256 w 11269336"/>
              <a:gd name="connsiteY184" fmla="*/ 2124773 h 2323145"/>
              <a:gd name="connsiteX185" fmla="*/ 3140298 w 11269336"/>
              <a:gd name="connsiteY185" fmla="*/ 2129182 h 2323145"/>
              <a:gd name="connsiteX186" fmla="*/ 3138514 w 11269336"/>
              <a:gd name="connsiteY186" fmla="*/ 2128069 h 2323145"/>
              <a:gd name="connsiteX187" fmla="*/ 3120467 w 11269336"/>
              <a:gd name="connsiteY187" fmla="*/ 2128281 h 2323145"/>
              <a:gd name="connsiteX188" fmla="*/ 3116175 w 11269336"/>
              <a:gd name="connsiteY188" fmla="*/ 2131633 h 2323145"/>
              <a:gd name="connsiteX189" fmla="*/ 3103685 w 11269336"/>
              <a:gd name="connsiteY189" fmla="*/ 2132814 h 2323145"/>
              <a:gd name="connsiteX190" fmla="*/ 3078794 w 11269336"/>
              <a:gd name="connsiteY190" fmla="*/ 2137935 h 2323145"/>
              <a:gd name="connsiteX191" fmla="*/ 3074407 w 11269336"/>
              <a:gd name="connsiteY191" fmla="*/ 2136274 h 2323145"/>
              <a:gd name="connsiteX192" fmla="*/ 3037285 w 11269336"/>
              <a:gd name="connsiteY192" fmla="*/ 2139919 h 2323145"/>
              <a:gd name="connsiteX193" fmla="*/ 3036901 w 11269336"/>
              <a:gd name="connsiteY193" fmla="*/ 2138726 h 2323145"/>
              <a:gd name="connsiteX194" fmla="*/ 3026996 w 11269336"/>
              <a:gd name="connsiteY194" fmla="*/ 2134322 h 2323145"/>
              <a:gd name="connsiteX195" fmla="*/ 3007772 w 11269336"/>
              <a:gd name="connsiteY195" fmla="*/ 2128742 h 2323145"/>
              <a:gd name="connsiteX196" fmla="*/ 2965030 w 11269336"/>
              <a:gd name="connsiteY196" fmla="*/ 2100494 h 2323145"/>
              <a:gd name="connsiteX197" fmla="*/ 2926342 w 11269336"/>
              <a:gd name="connsiteY197" fmla="*/ 2104155 h 2323145"/>
              <a:gd name="connsiteX198" fmla="*/ 2918608 w 11269336"/>
              <a:gd name="connsiteY198" fmla="*/ 2104215 h 2323145"/>
              <a:gd name="connsiteX199" fmla="*/ 2918475 w 11269336"/>
              <a:gd name="connsiteY199" fmla="*/ 2103937 h 2323145"/>
              <a:gd name="connsiteX200" fmla="*/ 2910360 w 11269336"/>
              <a:gd name="connsiteY200" fmla="*/ 2103444 h 2323145"/>
              <a:gd name="connsiteX201" fmla="*/ 2904507 w 11269336"/>
              <a:gd name="connsiteY201" fmla="*/ 2104326 h 2323145"/>
              <a:gd name="connsiteX202" fmla="*/ 2889503 w 11269336"/>
              <a:gd name="connsiteY202" fmla="*/ 2104443 h 2323145"/>
              <a:gd name="connsiteX203" fmla="*/ 2884480 w 11269336"/>
              <a:gd name="connsiteY203" fmla="*/ 2102626 h 2323145"/>
              <a:gd name="connsiteX204" fmla="*/ 2882689 w 11269336"/>
              <a:gd name="connsiteY204" fmla="*/ 2099228 h 2323145"/>
              <a:gd name="connsiteX205" fmla="*/ 2881291 w 11269336"/>
              <a:gd name="connsiteY205" fmla="*/ 2099618 h 2323145"/>
              <a:gd name="connsiteX206" fmla="*/ 2853979 w 11269336"/>
              <a:gd name="connsiteY206" fmla="*/ 2090388 h 2323145"/>
              <a:gd name="connsiteX207" fmla="*/ 2791790 w 11269336"/>
              <a:gd name="connsiteY207" fmla="*/ 2080332 h 2323145"/>
              <a:gd name="connsiteX208" fmla="*/ 2755844 w 11269336"/>
              <a:gd name="connsiteY208" fmla="*/ 2078874 h 2323145"/>
              <a:gd name="connsiteX209" fmla="*/ 2657742 w 11269336"/>
              <a:gd name="connsiteY209" fmla="*/ 2070179 h 2323145"/>
              <a:gd name="connsiteX210" fmla="*/ 2559549 w 11269336"/>
              <a:gd name="connsiteY210" fmla="*/ 2057873 h 2323145"/>
              <a:gd name="connsiteX211" fmla="*/ 2512054 w 11269336"/>
              <a:gd name="connsiteY211" fmla="*/ 2031671 h 2323145"/>
              <a:gd name="connsiteX212" fmla="*/ 2506437 w 11269336"/>
              <a:gd name="connsiteY212" fmla="*/ 2030918 h 2323145"/>
              <a:gd name="connsiteX213" fmla="*/ 2491752 w 11269336"/>
              <a:gd name="connsiteY213" fmla="*/ 2033906 h 2323145"/>
              <a:gd name="connsiteX214" fmla="*/ 2486338 w 11269336"/>
              <a:gd name="connsiteY214" fmla="*/ 2035862 h 2323145"/>
              <a:gd name="connsiteX215" fmla="*/ 2478186 w 11269336"/>
              <a:gd name="connsiteY215" fmla="*/ 2036953 h 2323145"/>
              <a:gd name="connsiteX216" fmla="*/ 2477950 w 11269336"/>
              <a:gd name="connsiteY216" fmla="*/ 2036715 h 2323145"/>
              <a:gd name="connsiteX217" fmla="*/ 2470381 w 11269336"/>
              <a:gd name="connsiteY217" fmla="*/ 2038256 h 2323145"/>
              <a:gd name="connsiteX218" fmla="*/ 2433781 w 11269336"/>
              <a:gd name="connsiteY218" fmla="*/ 2049140 h 2323145"/>
              <a:gd name="connsiteX219" fmla="*/ 2381172 w 11269336"/>
              <a:gd name="connsiteY219" fmla="*/ 2030645 h 2323145"/>
              <a:gd name="connsiteX220" fmla="*/ 2360198 w 11269336"/>
              <a:gd name="connsiteY220" fmla="*/ 2029059 h 2323145"/>
              <a:gd name="connsiteX221" fmla="*/ 2348815 w 11269336"/>
              <a:gd name="connsiteY221" fmla="*/ 2026798 h 2323145"/>
              <a:gd name="connsiteX222" fmla="*/ 2347988 w 11269336"/>
              <a:gd name="connsiteY222" fmla="*/ 2025745 h 2323145"/>
              <a:gd name="connsiteX223" fmla="*/ 2312920 w 11269336"/>
              <a:gd name="connsiteY223" fmla="*/ 2036311 h 2323145"/>
              <a:gd name="connsiteX224" fmla="*/ 2307986 w 11269336"/>
              <a:gd name="connsiteY224" fmla="*/ 2035583 h 2323145"/>
              <a:gd name="connsiteX225" fmla="*/ 2285481 w 11269336"/>
              <a:gd name="connsiteY225" fmla="*/ 2045197 h 2323145"/>
              <a:gd name="connsiteX226" fmla="*/ 2273666 w 11269336"/>
              <a:gd name="connsiteY226" fmla="*/ 2048710 h 2323145"/>
              <a:gd name="connsiteX227" fmla="*/ 2270719 w 11269336"/>
              <a:gd name="connsiteY227" fmla="*/ 2052702 h 2323145"/>
              <a:gd name="connsiteX228" fmla="*/ 2253080 w 11269336"/>
              <a:gd name="connsiteY228" fmla="*/ 2056363 h 2323145"/>
              <a:gd name="connsiteX229" fmla="*/ 2250906 w 11269336"/>
              <a:gd name="connsiteY229" fmla="*/ 2055654 h 2323145"/>
              <a:gd name="connsiteX230" fmla="*/ 2236905 w 11269336"/>
              <a:gd name="connsiteY230" fmla="*/ 2062882 h 2323145"/>
              <a:gd name="connsiteX231" fmla="*/ 2225830 w 11269336"/>
              <a:gd name="connsiteY231" fmla="*/ 2074027 h 2323145"/>
              <a:gd name="connsiteX232" fmla="*/ 2073776 w 11269336"/>
              <a:gd name="connsiteY232" fmla="*/ 2089244 h 2323145"/>
              <a:gd name="connsiteX233" fmla="*/ 1948256 w 11269336"/>
              <a:gd name="connsiteY233" fmla="*/ 2146616 h 2323145"/>
              <a:gd name="connsiteX234" fmla="*/ 1865582 w 11269336"/>
              <a:gd name="connsiteY234" fmla="*/ 2153738 h 2323145"/>
              <a:gd name="connsiteX235" fmla="*/ 1835210 w 11269336"/>
              <a:gd name="connsiteY235" fmla="*/ 2134244 h 2323145"/>
              <a:gd name="connsiteX236" fmla="*/ 1632661 w 11269336"/>
              <a:gd name="connsiteY236" fmla="*/ 2173882 h 2323145"/>
              <a:gd name="connsiteX237" fmla="*/ 1579590 w 11269336"/>
              <a:gd name="connsiteY237" fmla="*/ 2173680 h 2323145"/>
              <a:gd name="connsiteX238" fmla="*/ 1535601 w 11269336"/>
              <a:gd name="connsiteY238" fmla="*/ 2194590 h 2323145"/>
              <a:gd name="connsiteX239" fmla="*/ 1515594 w 11269336"/>
              <a:gd name="connsiteY239" fmla="*/ 2189622 h 2323145"/>
              <a:gd name="connsiteX240" fmla="*/ 1512113 w 11269336"/>
              <a:gd name="connsiteY240" fmla="*/ 2188534 h 2323145"/>
              <a:gd name="connsiteX241" fmla="*/ 1498838 w 11269336"/>
              <a:gd name="connsiteY241" fmla="*/ 2189213 h 2323145"/>
              <a:gd name="connsiteX242" fmla="*/ 1494279 w 11269336"/>
              <a:gd name="connsiteY242" fmla="*/ 2183112 h 2323145"/>
              <a:gd name="connsiteX243" fmla="*/ 1473714 w 11269336"/>
              <a:gd name="connsiteY243" fmla="*/ 2179625 h 2323145"/>
              <a:gd name="connsiteX244" fmla="*/ 1449503 w 11269336"/>
              <a:gd name="connsiteY244" fmla="*/ 2182633 h 2323145"/>
              <a:gd name="connsiteX245" fmla="*/ 1266687 w 11269336"/>
              <a:gd name="connsiteY245" fmla="*/ 2212688 h 2323145"/>
              <a:gd name="connsiteX246" fmla="*/ 1239614 w 11269336"/>
              <a:gd name="connsiteY246" fmla="*/ 2209727 h 2323145"/>
              <a:gd name="connsiteX247" fmla="*/ 1202436 w 11269336"/>
              <a:gd name="connsiteY247" fmla="*/ 2209817 h 2323145"/>
              <a:gd name="connsiteX248" fmla="*/ 1136097 w 11269336"/>
              <a:gd name="connsiteY248" fmla="*/ 2205112 h 2323145"/>
              <a:gd name="connsiteX249" fmla="*/ 988232 w 11269336"/>
              <a:gd name="connsiteY249" fmla="*/ 2235635 h 2323145"/>
              <a:gd name="connsiteX250" fmla="*/ 981959 w 11269336"/>
              <a:gd name="connsiteY250" fmla="*/ 2231607 h 2323145"/>
              <a:gd name="connsiteX251" fmla="*/ 938600 w 11269336"/>
              <a:gd name="connsiteY251" fmla="*/ 2238113 h 2323145"/>
              <a:gd name="connsiteX252" fmla="*/ 791788 w 11269336"/>
              <a:gd name="connsiteY252" fmla="*/ 2293224 h 2323145"/>
              <a:gd name="connsiteX253" fmla="*/ 706914 w 11269336"/>
              <a:gd name="connsiteY253" fmla="*/ 2305046 h 2323145"/>
              <a:gd name="connsiteX254" fmla="*/ 675971 w 11269336"/>
              <a:gd name="connsiteY254" fmla="*/ 2304030 h 2323145"/>
              <a:gd name="connsiteX255" fmla="*/ 624180 w 11269336"/>
              <a:gd name="connsiteY255" fmla="*/ 2302650 h 2323145"/>
              <a:gd name="connsiteX256" fmla="*/ 583453 w 11269336"/>
              <a:gd name="connsiteY256" fmla="*/ 2288788 h 2323145"/>
              <a:gd name="connsiteX257" fmla="*/ 540946 w 11269336"/>
              <a:gd name="connsiteY257" fmla="*/ 2292721 h 2323145"/>
              <a:gd name="connsiteX258" fmla="*/ 533680 w 11269336"/>
              <a:gd name="connsiteY258" fmla="*/ 2310233 h 2323145"/>
              <a:gd name="connsiteX259" fmla="*/ 487366 w 11269336"/>
              <a:gd name="connsiteY259" fmla="*/ 2309053 h 2323145"/>
              <a:gd name="connsiteX260" fmla="*/ 416820 w 11269336"/>
              <a:gd name="connsiteY260" fmla="*/ 2305443 h 2323145"/>
              <a:gd name="connsiteX261" fmla="*/ 376805 w 11269336"/>
              <a:gd name="connsiteY261" fmla="*/ 2307647 h 2323145"/>
              <a:gd name="connsiteX262" fmla="*/ 266777 w 11269336"/>
              <a:gd name="connsiteY262" fmla="*/ 2309012 h 2323145"/>
              <a:gd name="connsiteX263" fmla="*/ 156013 w 11269336"/>
              <a:gd name="connsiteY263" fmla="*/ 2306832 h 2323145"/>
              <a:gd name="connsiteX264" fmla="*/ 87258 w 11269336"/>
              <a:gd name="connsiteY264" fmla="*/ 2285511 h 2323145"/>
              <a:gd name="connsiteX265" fmla="*/ 23798 w 11269336"/>
              <a:gd name="connsiteY265" fmla="*/ 2281822 h 2323145"/>
              <a:gd name="connsiteX266" fmla="*/ 0 w 11269336"/>
              <a:gd name="connsiteY266" fmla="*/ 2285369 h 2323145"/>
              <a:gd name="connsiteX267" fmla="*/ 0 w 11269336"/>
              <a:gd name="connsiteY267"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742561 w 11269336"/>
              <a:gd name="connsiteY18" fmla="*/ 500437 h 2323145"/>
              <a:gd name="connsiteX19" fmla="*/ 9380600 w 11269336"/>
              <a:gd name="connsiteY19" fmla="*/ 549821 h 2323145"/>
              <a:gd name="connsiteX20" fmla="*/ 9139429 w 11269336"/>
              <a:gd name="connsiteY20" fmla="*/ 696446 h 2323145"/>
              <a:gd name="connsiteX21" fmla="*/ 9114263 w 11269336"/>
              <a:gd name="connsiteY21" fmla="*/ 709213 h 2323145"/>
              <a:gd name="connsiteX22" fmla="*/ 9028928 w 11269336"/>
              <a:gd name="connsiteY22" fmla="*/ 745350 h 2323145"/>
              <a:gd name="connsiteX23" fmla="*/ 8977138 w 11269336"/>
              <a:gd name="connsiteY23" fmla="*/ 774970 h 2323145"/>
              <a:gd name="connsiteX24" fmla="*/ 8947030 w 11269336"/>
              <a:gd name="connsiteY24" fmla="*/ 814934 h 2323145"/>
              <a:gd name="connsiteX25" fmla="*/ 8914746 w 11269336"/>
              <a:gd name="connsiteY25" fmla="*/ 826428 h 2323145"/>
              <a:gd name="connsiteX26" fmla="*/ 8917778 w 11269336"/>
              <a:gd name="connsiteY26" fmla="*/ 835198 h 2323145"/>
              <a:gd name="connsiteX27" fmla="*/ 8905560 w 11269336"/>
              <a:gd name="connsiteY27" fmla="*/ 838358 h 2323145"/>
              <a:gd name="connsiteX28" fmla="*/ 8897564 w 11269336"/>
              <a:gd name="connsiteY28" fmla="*/ 834287 h 2323145"/>
              <a:gd name="connsiteX29" fmla="*/ 8878040 w 11269336"/>
              <a:gd name="connsiteY29" fmla="*/ 844150 h 2323145"/>
              <a:gd name="connsiteX30" fmla="*/ 8882654 w 11269336"/>
              <a:gd name="connsiteY30" fmla="*/ 892768 h 2323145"/>
              <a:gd name="connsiteX31" fmla="*/ 8795998 w 11269336"/>
              <a:gd name="connsiteY31" fmla="*/ 863337 h 2323145"/>
              <a:gd name="connsiteX32" fmla="*/ 8776970 w 11269336"/>
              <a:gd name="connsiteY32" fmla="*/ 885177 h 2323145"/>
              <a:gd name="connsiteX33" fmla="*/ 8755719 w 11269336"/>
              <a:gd name="connsiteY33" fmla="*/ 889754 h 2323145"/>
              <a:gd name="connsiteX34" fmla="*/ 8743257 w 11269336"/>
              <a:gd name="connsiteY34" fmla="*/ 904723 h 2323145"/>
              <a:gd name="connsiteX35" fmla="*/ 8721366 w 11269336"/>
              <a:gd name="connsiteY35" fmla="*/ 904711 h 2323145"/>
              <a:gd name="connsiteX36" fmla="*/ 8678353 w 11269336"/>
              <a:gd name="connsiteY36" fmla="*/ 926318 h 2323145"/>
              <a:gd name="connsiteX37" fmla="*/ 8636849 w 11269336"/>
              <a:gd name="connsiteY37" fmla="*/ 937900 h 2323145"/>
              <a:gd name="connsiteX38" fmla="*/ 8620213 w 11269336"/>
              <a:gd name="connsiteY38" fmla="*/ 943068 h 2323145"/>
              <a:gd name="connsiteX39" fmla="*/ 8612581 w 11269336"/>
              <a:gd name="connsiteY39" fmla="*/ 952695 h 2323145"/>
              <a:gd name="connsiteX40" fmla="*/ 8589038 w 11269336"/>
              <a:gd name="connsiteY40" fmla="*/ 963892 h 2323145"/>
              <a:gd name="connsiteX41" fmla="*/ 8579950 w 11269336"/>
              <a:gd name="connsiteY41" fmla="*/ 960899 h 2323145"/>
              <a:gd name="connsiteX42" fmla="*/ 8579319 w 11269336"/>
              <a:gd name="connsiteY42" fmla="*/ 965630 h 2323145"/>
              <a:gd name="connsiteX43" fmla="*/ 8547429 w 11269336"/>
              <a:gd name="connsiteY43" fmla="*/ 984506 h 2323145"/>
              <a:gd name="connsiteX44" fmla="*/ 8478704 w 11269336"/>
              <a:gd name="connsiteY44" fmla="*/ 1025490 h 2323145"/>
              <a:gd name="connsiteX45" fmla="*/ 8461421 w 11269336"/>
              <a:gd name="connsiteY45" fmla="*/ 1035512 h 2323145"/>
              <a:gd name="connsiteX46" fmla="*/ 8445003 w 11269336"/>
              <a:gd name="connsiteY46" fmla="*/ 1036851 h 2323145"/>
              <a:gd name="connsiteX47" fmla="*/ 8357350 w 11269336"/>
              <a:gd name="connsiteY47" fmla="*/ 1060213 h 2323145"/>
              <a:gd name="connsiteX48" fmla="*/ 8335565 w 11269336"/>
              <a:gd name="connsiteY48" fmla="*/ 1061151 h 2323145"/>
              <a:gd name="connsiteX49" fmla="*/ 8325267 w 11269336"/>
              <a:gd name="connsiteY49" fmla="*/ 1055919 h 2323145"/>
              <a:gd name="connsiteX50" fmla="*/ 8293586 w 11269336"/>
              <a:gd name="connsiteY50" fmla="*/ 1076144 h 2323145"/>
              <a:gd name="connsiteX51" fmla="*/ 8242405 w 11269336"/>
              <a:gd name="connsiteY51" fmla="*/ 1095960 h 2323145"/>
              <a:gd name="connsiteX52" fmla="*/ 8197391 w 11269336"/>
              <a:gd name="connsiteY52" fmla="*/ 1107746 h 2323145"/>
              <a:gd name="connsiteX53" fmla="*/ 8081474 w 11269336"/>
              <a:gd name="connsiteY53" fmla="*/ 1130125 h 2323145"/>
              <a:gd name="connsiteX54" fmla="*/ 8053585 w 11269336"/>
              <a:gd name="connsiteY54" fmla="*/ 1129169 h 2323145"/>
              <a:gd name="connsiteX55" fmla="*/ 8038422 w 11269336"/>
              <a:gd name="connsiteY55" fmla="*/ 1119092 h 2323145"/>
              <a:gd name="connsiteX56" fmla="*/ 8029450 w 11269336"/>
              <a:gd name="connsiteY56" fmla="*/ 1125592 h 2323145"/>
              <a:gd name="connsiteX57" fmla="*/ 7959552 w 11269336"/>
              <a:gd name="connsiteY57" fmla="*/ 1140188 h 2323145"/>
              <a:gd name="connsiteX58" fmla="*/ 7914188 w 11269336"/>
              <a:gd name="connsiteY58" fmla="*/ 1150862 h 2323145"/>
              <a:gd name="connsiteX59" fmla="*/ 7914918 w 11269336"/>
              <a:gd name="connsiteY59" fmla="*/ 1168758 h 2323145"/>
              <a:gd name="connsiteX60" fmla="*/ 7875510 w 11269336"/>
              <a:gd name="connsiteY60" fmla="*/ 1183153 h 2323145"/>
              <a:gd name="connsiteX61" fmla="*/ 7829932 w 11269336"/>
              <a:gd name="connsiteY61" fmla="*/ 1180782 h 2323145"/>
              <a:gd name="connsiteX62" fmla="*/ 7779182 w 11269336"/>
              <a:gd name="connsiteY62" fmla="*/ 1192665 h 2323145"/>
              <a:gd name="connsiteX63" fmla="*/ 7748774 w 11269336"/>
              <a:gd name="connsiteY63" fmla="*/ 1199586 h 2323145"/>
              <a:gd name="connsiteX64" fmla="*/ 7671846 w 11269336"/>
              <a:gd name="connsiteY64" fmla="*/ 1231966 h 2323145"/>
              <a:gd name="connsiteX65" fmla="*/ 7554146 w 11269336"/>
              <a:gd name="connsiteY65" fmla="*/ 1319748 h 2323145"/>
              <a:gd name="connsiteX66" fmla="*/ 7515052 w 11269336"/>
              <a:gd name="connsiteY66" fmla="*/ 1336718 h 2323145"/>
              <a:gd name="connsiteX67" fmla="*/ 7507193 w 11269336"/>
              <a:gd name="connsiteY67" fmla="*/ 1334617 h 2323145"/>
              <a:gd name="connsiteX68" fmla="*/ 7461694 w 11269336"/>
              <a:gd name="connsiteY68" fmla="*/ 1375866 h 2323145"/>
              <a:gd name="connsiteX69" fmla="*/ 7377571 w 11269336"/>
              <a:gd name="connsiteY69" fmla="*/ 1400128 h 2323145"/>
              <a:gd name="connsiteX70" fmla="*/ 7311261 w 11269336"/>
              <a:gd name="connsiteY70" fmla="*/ 1412652 h 2323145"/>
              <a:gd name="connsiteX71" fmla="*/ 7275307 w 11269336"/>
              <a:gd name="connsiteY71" fmla="*/ 1422171 h 2323145"/>
              <a:gd name="connsiteX72" fmla="*/ 7247783 w 11269336"/>
              <a:gd name="connsiteY72" fmla="*/ 1426330 h 2323145"/>
              <a:gd name="connsiteX73" fmla="*/ 7185047 w 11269336"/>
              <a:gd name="connsiteY73" fmla="*/ 1451812 h 2323145"/>
              <a:gd name="connsiteX74" fmla="*/ 7084117 w 11269336"/>
              <a:gd name="connsiteY74" fmla="*/ 1500281 h 2323145"/>
              <a:gd name="connsiteX75" fmla="*/ 7062011 w 11269336"/>
              <a:gd name="connsiteY75" fmla="*/ 1509183 h 2323145"/>
              <a:gd name="connsiteX76" fmla="*/ 7040555 w 11269336"/>
              <a:gd name="connsiteY76" fmla="*/ 1511207 h 2323145"/>
              <a:gd name="connsiteX77" fmla="*/ 7033438 w 11269336"/>
              <a:gd name="connsiteY77" fmla="*/ 1506772 h 2323145"/>
              <a:gd name="connsiteX78" fmla="*/ 7020886 w 11269336"/>
              <a:gd name="connsiteY78" fmla="*/ 1510764 h 2323145"/>
              <a:gd name="connsiteX79" fmla="*/ 7017033 w 11269336"/>
              <a:gd name="connsiteY79" fmla="*/ 1510650 h 2323145"/>
              <a:gd name="connsiteX80" fmla="*/ 6995460 w 11269336"/>
              <a:gd name="connsiteY80" fmla="*/ 1511173 h 2323145"/>
              <a:gd name="connsiteX81" fmla="*/ 6962144 w 11269336"/>
              <a:gd name="connsiteY81" fmla="*/ 1541508 h 2323145"/>
              <a:gd name="connsiteX82" fmla="*/ 6910674 w 11269336"/>
              <a:gd name="connsiteY82" fmla="*/ 1554793 h 2323145"/>
              <a:gd name="connsiteX83" fmla="*/ 6732152 w 11269336"/>
              <a:gd name="connsiteY83" fmla="*/ 1642538 h 2323145"/>
              <a:gd name="connsiteX84" fmla="*/ 6694106 w 11269336"/>
              <a:gd name="connsiteY84" fmla="*/ 1632377 h 2323145"/>
              <a:gd name="connsiteX85" fmla="*/ 6617223 w 11269336"/>
              <a:gd name="connsiteY85" fmla="*/ 1659889 h 2323145"/>
              <a:gd name="connsiteX86" fmla="*/ 6521138 w 11269336"/>
              <a:gd name="connsiteY86" fmla="*/ 1744340 h 2323145"/>
              <a:gd name="connsiteX87" fmla="*/ 6380677 w 11269336"/>
              <a:gd name="connsiteY87" fmla="*/ 1796883 h 2323145"/>
              <a:gd name="connsiteX88" fmla="*/ 6374897 w 11269336"/>
              <a:gd name="connsiteY88" fmla="*/ 1809910 h 2323145"/>
              <a:gd name="connsiteX89" fmla="*/ 6364545 w 11269336"/>
              <a:gd name="connsiteY89" fmla="*/ 1820090 h 2323145"/>
              <a:gd name="connsiteX90" fmla="*/ 6362126 w 11269336"/>
              <a:gd name="connsiteY90" fmla="*/ 1819991 h 2323145"/>
              <a:gd name="connsiteX91" fmla="*/ 6346673 w 11269336"/>
              <a:gd name="connsiteY91" fmla="*/ 1827824 h 2323145"/>
              <a:gd name="connsiteX92" fmla="*/ 6345588 w 11269336"/>
              <a:gd name="connsiteY92" fmla="*/ 1832232 h 2323145"/>
              <a:gd name="connsiteX93" fmla="*/ 6335708 w 11269336"/>
              <a:gd name="connsiteY93" fmla="*/ 1838451 h 2323145"/>
              <a:gd name="connsiteX94" fmla="*/ 6318182 w 11269336"/>
              <a:gd name="connsiteY94" fmla="*/ 1852975 h 2323145"/>
              <a:gd name="connsiteX95" fmla="*/ 6313084 w 11269336"/>
              <a:gd name="connsiteY95" fmla="*/ 1853561 h 2323145"/>
              <a:gd name="connsiteX96" fmla="*/ 6283816 w 11269336"/>
              <a:gd name="connsiteY96" fmla="*/ 1872148 h 2323145"/>
              <a:gd name="connsiteX97" fmla="*/ 6282550 w 11269336"/>
              <a:gd name="connsiteY97" fmla="*/ 1871392 h 2323145"/>
              <a:gd name="connsiteX98" fmla="*/ 6270527 w 11269336"/>
              <a:gd name="connsiteY98" fmla="*/ 1872208 h 2323145"/>
              <a:gd name="connsiteX99" fmla="*/ 6249518 w 11269336"/>
              <a:gd name="connsiteY99" fmla="*/ 1876079 h 2323145"/>
              <a:gd name="connsiteX100" fmla="*/ 6190386 w 11269336"/>
              <a:gd name="connsiteY100" fmla="*/ 1872478 h 2323145"/>
              <a:gd name="connsiteX101" fmla="*/ 6159777 w 11269336"/>
              <a:gd name="connsiteY101" fmla="*/ 1891745 h 2323145"/>
              <a:gd name="connsiteX102" fmla="*/ 6153131 w 11269336"/>
              <a:gd name="connsiteY102" fmla="*/ 1895079 h 2323145"/>
              <a:gd name="connsiteX103" fmla="*/ 6152798 w 11269336"/>
              <a:gd name="connsiteY103" fmla="*/ 1894920 h 2323145"/>
              <a:gd name="connsiteX104" fmla="*/ 6145388 w 11269336"/>
              <a:gd name="connsiteY104" fmla="*/ 1897990 h 2323145"/>
              <a:gd name="connsiteX105" fmla="*/ 6141014 w 11269336"/>
              <a:gd name="connsiteY105" fmla="*/ 1901155 h 2323145"/>
              <a:gd name="connsiteX106" fmla="*/ 6128122 w 11269336"/>
              <a:gd name="connsiteY106" fmla="*/ 1907623 h 2323145"/>
              <a:gd name="connsiteX107" fmla="*/ 6122351 w 11269336"/>
              <a:gd name="connsiteY107" fmla="*/ 1908359 h 2323145"/>
              <a:gd name="connsiteX108" fmla="*/ 6064750 w 11269336"/>
              <a:gd name="connsiteY108" fmla="*/ 1896394 h 2323145"/>
              <a:gd name="connsiteX109" fmla="*/ 5964230 w 11269336"/>
              <a:gd name="connsiteY109" fmla="*/ 1910038 h 2323145"/>
              <a:gd name="connsiteX110" fmla="*/ 5865399 w 11269336"/>
              <a:gd name="connsiteY110" fmla="*/ 1926966 h 2323145"/>
              <a:gd name="connsiteX111" fmla="*/ 5829951 w 11269336"/>
              <a:gd name="connsiteY111" fmla="*/ 1934755 h 2323145"/>
              <a:gd name="connsiteX112" fmla="*/ 5765285 w 11269336"/>
              <a:gd name="connsiteY112" fmla="*/ 1941322 h 2323145"/>
              <a:gd name="connsiteX113" fmla="*/ 5734750 w 11269336"/>
              <a:gd name="connsiteY113" fmla="*/ 1939793 h 2323145"/>
              <a:gd name="connsiteX114" fmla="*/ 5733569 w 11269336"/>
              <a:gd name="connsiteY114" fmla="*/ 1940505 h 2323145"/>
              <a:gd name="connsiteX115" fmla="*/ 5730329 w 11269336"/>
              <a:gd name="connsiteY115" fmla="*/ 1937845 h 2323145"/>
              <a:gd name="connsiteX116" fmla="*/ 5724661 w 11269336"/>
              <a:gd name="connsiteY116" fmla="*/ 1937455 h 2323145"/>
              <a:gd name="connsiteX117" fmla="*/ 5710186 w 11269336"/>
              <a:gd name="connsiteY117" fmla="*/ 1941370 h 2323145"/>
              <a:gd name="connsiteX118" fmla="*/ 5704910 w 11269336"/>
              <a:gd name="connsiteY118" fmla="*/ 1943663 h 2323145"/>
              <a:gd name="connsiteX119" fmla="*/ 5696836 w 11269336"/>
              <a:gd name="connsiteY119" fmla="*/ 1945271 h 2323145"/>
              <a:gd name="connsiteX120" fmla="*/ 5696583 w 11269336"/>
              <a:gd name="connsiteY120" fmla="*/ 1945050 h 2323145"/>
              <a:gd name="connsiteX121" fmla="*/ 5689123 w 11269336"/>
              <a:gd name="connsiteY121" fmla="*/ 1947067 h 2323145"/>
              <a:gd name="connsiteX122" fmla="*/ 5653291 w 11269336"/>
              <a:gd name="connsiteY122" fmla="*/ 1960245 h 2323145"/>
              <a:gd name="connsiteX123" fmla="*/ 5599385 w 11269336"/>
              <a:gd name="connsiteY123" fmla="*/ 1945198 h 2323145"/>
              <a:gd name="connsiteX124" fmla="*/ 5578300 w 11269336"/>
              <a:gd name="connsiteY124" fmla="*/ 1944963 h 2323145"/>
              <a:gd name="connsiteX125" fmla="*/ 5566758 w 11269336"/>
              <a:gd name="connsiteY125" fmla="*/ 1943441 h 2323145"/>
              <a:gd name="connsiteX126" fmla="*/ 5565857 w 11269336"/>
              <a:gd name="connsiteY126" fmla="*/ 1942445 h 2323145"/>
              <a:gd name="connsiteX127" fmla="*/ 5531534 w 11269336"/>
              <a:gd name="connsiteY127" fmla="*/ 1955208 h 2323145"/>
              <a:gd name="connsiteX128" fmla="*/ 5526552 w 11269336"/>
              <a:gd name="connsiteY128" fmla="*/ 1954799 h 2323145"/>
              <a:gd name="connsiteX129" fmla="*/ 5504723 w 11269336"/>
              <a:gd name="connsiteY129" fmla="*/ 1965811 h 2323145"/>
              <a:gd name="connsiteX130" fmla="*/ 5493156 w 11269336"/>
              <a:gd name="connsiteY130" fmla="*/ 1970063 h 2323145"/>
              <a:gd name="connsiteX131" fmla="*/ 5490486 w 11269336"/>
              <a:gd name="connsiteY131" fmla="*/ 1974227 h 2323145"/>
              <a:gd name="connsiteX132" fmla="*/ 5473107 w 11269336"/>
              <a:gd name="connsiteY132" fmla="*/ 1979001 h 2323145"/>
              <a:gd name="connsiteX133" fmla="*/ 5470885 w 11269336"/>
              <a:gd name="connsiteY133" fmla="*/ 1978432 h 2323145"/>
              <a:gd name="connsiteX134" fmla="*/ 5457393 w 11269336"/>
              <a:gd name="connsiteY134" fmla="*/ 1986525 h 2323145"/>
              <a:gd name="connsiteX135" fmla="*/ 5447102 w 11269336"/>
              <a:gd name="connsiteY135" fmla="*/ 1998329 h 2323145"/>
              <a:gd name="connsiteX136" fmla="*/ 5159151 w 11269336"/>
              <a:gd name="connsiteY136" fmla="*/ 2029640 h 2323145"/>
              <a:gd name="connsiteX137" fmla="*/ 5041688 w 11269336"/>
              <a:gd name="connsiteY137" fmla="*/ 2022334 h 2323145"/>
              <a:gd name="connsiteX138" fmla="*/ 4860988 w 11269336"/>
              <a:gd name="connsiteY138" fmla="*/ 2135698 h 2323145"/>
              <a:gd name="connsiteX139" fmla="*/ 4807902 w 11269336"/>
              <a:gd name="connsiteY139" fmla="*/ 2138894 h 2323145"/>
              <a:gd name="connsiteX140" fmla="*/ 4765388 w 11269336"/>
              <a:gd name="connsiteY140" fmla="*/ 2162525 h 2323145"/>
              <a:gd name="connsiteX141" fmla="*/ 4745033 w 11269336"/>
              <a:gd name="connsiteY141" fmla="*/ 2158859 h 2323145"/>
              <a:gd name="connsiteX142" fmla="*/ 4741475 w 11269336"/>
              <a:gd name="connsiteY142" fmla="*/ 2157998 h 2323145"/>
              <a:gd name="connsiteX143" fmla="*/ 4728247 w 11269336"/>
              <a:gd name="connsiteY143" fmla="*/ 2159526 h 2323145"/>
              <a:gd name="connsiteX144" fmla="*/ 4723263 w 11269336"/>
              <a:gd name="connsiteY144" fmla="*/ 2153742 h 2323145"/>
              <a:gd name="connsiteX145" fmla="*/ 4702453 w 11269336"/>
              <a:gd name="connsiteY145" fmla="*/ 2151586 h 2323145"/>
              <a:gd name="connsiteX146" fmla="*/ 4678455 w 11269336"/>
              <a:gd name="connsiteY146" fmla="*/ 2156131 h 2323145"/>
              <a:gd name="connsiteX147" fmla="*/ 4593061 w 11269336"/>
              <a:gd name="connsiteY147" fmla="*/ 2171597 h 2323145"/>
              <a:gd name="connsiteX148" fmla="*/ 4579902 w 11269336"/>
              <a:gd name="connsiteY148" fmla="*/ 2177927 h 2323145"/>
              <a:gd name="connsiteX149" fmla="*/ 4533444 w 11269336"/>
              <a:gd name="connsiteY149" fmla="*/ 2181200 h 2323145"/>
              <a:gd name="connsiteX150" fmla="*/ 4492832 w 11269336"/>
              <a:gd name="connsiteY150" fmla="*/ 2188033 h 2323145"/>
              <a:gd name="connsiteX151" fmla="*/ 4467257 w 11269336"/>
              <a:gd name="connsiteY151" fmla="*/ 2196121 h 2323145"/>
              <a:gd name="connsiteX152" fmla="*/ 4459937 w 11269336"/>
              <a:gd name="connsiteY152" fmla="*/ 2195182 h 2323145"/>
              <a:gd name="connsiteX153" fmla="*/ 4433312 w 11269336"/>
              <a:gd name="connsiteY153" fmla="*/ 2199004 h 2323145"/>
              <a:gd name="connsiteX154" fmla="*/ 4420601 w 11269336"/>
              <a:gd name="connsiteY154" fmla="*/ 2205158 h 2323145"/>
              <a:gd name="connsiteX155" fmla="*/ 4405765 w 11269336"/>
              <a:gd name="connsiteY155" fmla="*/ 2199902 h 2323145"/>
              <a:gd name="connsiteX156" fmla="*/ 4401354 w 11269336"/>
              <a:gd name="connsiteY156" fmla="*/ 2194745 h 2323145"/>
              <a:gd name="connsiteX157" fmla="*/ 4383151 w 11269336"/>
              <a:gd name="connsiteY157" fmla="*/ 2201140 h 2323145"/>
              <a:gd name="connsiteX158" fmla="*/ 4366646 w 11269336"/>
              <a:gd name="connsiteY158" fmla="*/ 2198564 h 2323145"/>
              <a:gd name="connsiteX159" fmla="*/ 4354009 w 11269336"/>
              <a:gd name="connsiteY159" fmla="*/ 2204984 h 2323145"/>
              <a:gd name="connsiteX160" fmla="*/ 4348284 w 11269336"/>
              <a:gd name="connsiteY160" fmla="*/ 2205270 h 2323145"/>
              <a:gd name="connsiteX161" fmla="*/ 4333906 w 11269336"/>
              <a:gd name="connsiteY161" fmla="*/ 2205251 h 2323145"/>
              <a:gd name="connsiteX162" fmla="*/ 4308819 w 11269336"/>
              <a:gd name="connsiteY162" fmla="*/ 2203822 h 2323145"/>
              <a:gd name="connsiteX163" fmla="*/ 4301210 w 11269336"/>
              <a:gd name="connsiteY163" fmla="*/ 2204456 h 2323145"/>
              <a:gd name="connsiteX164" fmla="*/ 4283095 w 11269336"/>
              <a:gd name="connsiteY164" fmla="*/ 2198177 h 2323145"/>
              <a:gd name="connsiteX165" fmla="*/ 4250119 w 11269336"/>
              <a:gd name="connsiteY165" fmla="*/ 2196342 h 2323145"/>
              <a:gd name="connsiteX166" fmla="*/ 4189203 w 11269336"/>
              <a:gd name="connsiteY166" fmla="*/ 2178994 h 2323145"/>
              <a:gd name="connsiteX167" fmla="*/ 4154035 w 11269336"/>
              <a:gd name="connsiteY167" fmla="*/ 2171950 h 2323145"/>
              <a:gd name="connsiteX168" fmla="*/ 4129569 w 11269336"/>
              <a:gd name="connsiteY168" fmla="*/ 2163850 h 2323145"/>
              <a:gd name="connsiteX169" fmla="*/ 4061250 w 11269336"/>
              <a:gd name="connsiteY169" fmla="*/ 2159236 h 2323145"/>
              <a:gd name="connsiteX170" fmla="*/ 3945480 w 11269336"/>
              <a:gd name="connsiteY170" fmla="*/ 2158279 h 2323145"/>
              <a:gd name="connsiteX171" fmla="*/ 3921468 w 11269336"/>
              <a:gd name="connsiteY171" fmla="*/ 2156588 h 2323145"/>
              <a:gd name="connsiteX172" fmla="*/ 3903348 w 11269336"/>
              <a:gd name="connsiteY172" fmla="*/ 2149220 h 2323145"/>
              <a:gd name="connsiteX173" fmla="*/ 3901342 w 11269336"/>
              <a:gd name="connsiteY173" fmla="*/ 2142355 h 2323145"/>
              <a:gd name="connsiteX174" fmla="*/ 3888539 w 11269336"/>
              <a:gd name="connsiteY174" fmla="*/ 2140476 h 2323145"/>
              <a:gd name="connsiteX175" fmla="*/ 3885662 w 11269336"/>
              <a:gd name="connsiteY175" fmla="*/ 2138740 h 2323145"/>
              <a:gd name="connsiteX176" fmla="*/ 3868627 w 11269336"/>
              <a:gd name="connsiteY176" fmla="*/ 2130023 h 2323145"/>
              <a:gd name="connsiteX177" fmla="*/ 3819177 w 11269336"/>
              <a:gd name="connsiteY177" fmla="*/ 2142111 h 2323145"/>
              <a:gd name="connsiteX178" fmla="*/ 3769100 w 11269336"/>
              <a:gd name="connsiteY178" fmla="*/ 2131731 h 2323145"/>
              <a:gd name="connsiteX179" fmla="*/ 3562752 w 11269336"/>
              <a:gd name="connsiteY179" fmla="*/ 2131785 h 2323145"/>
              <a:gd name="connsiteX180" fmla="*/ 3541402 w 11269336"/>
              <a:gd name="connsiteY180" fmla="*/ 2106821 h 2323145"/>
              <a:gd name="connsiteX181" fmla="*/ 3365341 w 11269336"/>
              <a:gd name="connsiteY181" fmla="*/ 2077638 h 2323145"/>
              <a:gd name="connsiteX182" fmla="*/ 3170922 w 11269336"/>
              <a:gd name="connsiteY182" fmla="*/ 2115957 h 2323145"/>
              <a:gd name="connsiteX183" fmla="*/ 3156256 w 11269336"/>
              <a:gd name="connsiteY183" fmla="*/ 2124773 h 2323145"/>
              <a:gd name="connsiteX184" fmla="*/ 3140298 w 11269336"/>
              <a:gd name="connsiteY184" fmla="*/ 2129182 h 2323145"/>
              <a:gd name="connsiteX185" fmla="*/ 3138514 w 11269336"/>
              <a:gd name="connsiteY185" fmla="*/ 2128069 h 2323145"/>
              <a:gd name="connsiteX186" fmla="*/ 3120467 w 11269336"/>
              <a:gd name="connsiteY186" fmla="*/ 2128281 h 2323145"/>
              <a:gd name="connsiteX187" fmla="*/ 3116175 w 11269336"/>
              <a:gd name="connsiteY187" fmla="*/ 2131633 h 2323145"/>
              <a:gd name="connsiteX188" fmla="*/ 3103685 w 11269336"/>
              <a:gd name="connsiteY188" fmla="*/ 2132814 h 2323145"/>
              <a:gd name="connsiteX189" fmla="*/ 3078794 w 11269336"/>
              <a:gd name="connsiteY189" fmla="*/ 2137935 h 2323145"/>
              <a:gd name="connsiteX190" fmla="*/ 3074407 w 11269336"/>
              <a:gd name="connsiteY190" fmla="*/ 2136274 h 2323145"/>
              <a:gd name="connsiteX191" fmla="*/ 3037285 w 11269336"/>
              <a:gd name="connsiteY191" fmla="*/ 2139919 h 2323145"/>
              <a:gd name="connsiteX192" fmla="*/ 3036901 w 11269336"/>
              <a:gd name="connsiteY192" fmla="*/ 2138726 h 2323145"/>
              <a:gd name="connsiteX193" fmla="*/ 3026996 w 11269336"/>
              <a:gd name="connsiteY193" fmla="*/ 2134322 h 2323145"/>
              <a:gd name="connsiteX194" fmla="*/ 3007772 w 11269336"/>
              <a:gd name="connsiteY194" fmla="*/ 2128742 h 2323145"/>
              <a:gd name="connsiteX195" fmla="*/ 2965030 w 11269336"/>
              <a:gd name="connsiteY195" fmla="*/ 2100494 h 2323145"/>
              <a:gd name="connsiteX196" fmla="*/ 2926342 w 11269336"/>
              <a:gd name="connsiteY196" fmla="*/ 2104155 h 2323145"/>
              <a:gd name="connsiteX197" fmla="*/ 2918608 w 11269336"/>
              <a:gd name="connsiteY197" fmla="*/ 2104215 h 2323145"/>
              <a:gd name="connsiteX198" fmla="*/ 2918475 w 11269336"/>
              <a:gd name="connsiteY198" fmla="*/ 2103937 h 2323145"/>
              <a:gd name="connsiteX199" fmla="*/ 2910360 w 11269336"/>
              <a:gd name="connsiteY199" fmla="*/ 2103444 h 2323145"/>
              <a:gd name="connsiteX200" fmla="*/ 2904507 w 11269336"/>
              <a:gd name="connsiteY200" fmla="*/ 2104326 h 2323145"/>
              <a:gd name="connsiteX201" fmla="*/ 2889503 w 11269336"/>
              <a:gd name="connsiteY201" fmla="*/ 2104443 h 2323145"/>
              <a:gd name="connsiteX202" fmla="*/ 2884480 w 11269336"/>
              <a:gd name="connsiteY202" fmla="*/ 2102626 h 2323145"/>
              <a:gd name="connsiteX203" fmla="*/ 2882689 w 11269336"/>
              <a:gd name="connsiteY203" fmla="*/ 2099228 h 2323145"/>
              <a:gd name="connsiteX204" fmla="*/ 2881291 w 11269336"/>
              <a:gd name="connsiteY204" fmla="*/ 2099618 h 2323145"/>
              <a:gd name="connsiteX205" fmla="*/ 2853979 w 11269336"/>
              <a:gd name="connsiteY205" fmla="*/ 2090388 h 2323145"/>
              <a:gd name="connsiteX206" fmla="*/ 2791790 w 11269336"/>
              <a:gd name="connsiteY206" fmla="*/ 2080332 h 2323145"/>
              <a:gd name="connsiteX207" fmla="*/ 2755844 w 11269336"/>
              <a:gd name="connsiteY207" fmla="*/ 2078874 h 2323145"/>
              <a:gd name="connsiteX208" fmla="*/ 2657742 w 11269336"/>
              <a:gd name="connsiteY208" fmla="*/ 2070179 h 2323145"/>
              <a:gd name="connsiteX209" fmla="*/ 2559549 w 11269336"/>
              <a:gd name="connsiteY209" fmla="*/ 2057873 h 2323145"/>
              <a:gd name="connsiteX210" fmla="*/ 2512054 w 11269336"/>
              <a:gd name="connsiteY210" fmla="*/ 2031671 h 2323145"/>
              <a:gd name="connsiteX211" fmla="*/ 2506437 w 11269336"/>
              <a:gd name="connsiteY211" fmla="*/ 2030918 h 2323145"/>
              <a:gd name="connsiteX212" fmla="*/ 2491752 w 11269336"/>
              <a:gd name="connsiteY212" fmla="*/ 2033906 h 2323145"/>
              <a:gd name="connsiteX213" fmla="*/ 2486338 w 11269336"/>
              <a:gd name="connsiteY213" fmla="*/ 2035862 h 2323145"/>
              <a:gd name="connsiteX214" fmla="*/ 2478186 w 11269336"/>
              <a:gd name="connsiteY214" fmla="*/ 2036953 h 2323145"/>
              <a:gd name="connsiteX215" fmla="*/ 2477950 w 11269336"/>
              <a:gd name="connsiteY215" fmla="*/ 2036715 h 2323145"/>
              <a:gd name="connsiteX216" fmla="*/ 2470381 w 11269336"/>
              <a:gd name="connsiteY216" fmla="*/ 2038256 h 2323145"/>
              <a:gd name="connsiteX217" fmla="*/ 2433781 w 11269336"/>
              <a:gd name="connsiteY217" fmla="*/ 2049140 h 2323145"/>
              <a:gd name="connsiteX218" fmla="*/ 2381172 w 11269336"/>
              <a:gd name="connsiteY218" fmla="*/ 2030645 h 2323145"/>
              <a:gd name="connsiteX219" fmla="*/ 2360198 w 11269336"/>
              <a:gd name="connsiteY219" fmla="*/ 2029059 h 2323145"/>
              <a:gd name="connsiteX220" fmla="*/ 2348815 w 11269336"/>
              <a:gd name="connsiteY220" fmla="*/ 2026798 h 2323145"/>
              <a:gd name="connsiteX221" fmla="*/ 2347988 w 11269336"/>
              <a:gd name="connsiteY221" fmla="*/ 2025745 h 2323145"/>
              <a:gd name="connsiteX222" fmla="*/ 2312920 w 11269336"/>
              <a:gd name="connsiteY222" fmla="*/ 2036311 h 2323145"/>
              <a:gd name="connsiteX223" fmla="*/ 2307986 w 11269336"/>
              <a:gd name="connsiteY223" fmla="*/ 2035583 h 2323145"/>
              <a:gd name="connsiteX224" fmla="*/ 2285481 w 11269336"/>
              <a:gd name="connsiteY224" fmla="*/ 2045197 h 2323145"/>
              <a:gd name="connsiteX225" fmla="*/ 2273666 w 11269336"/>
              <a:gd name="connsiteY225" fmla="*/ 2048710 h 2323145"/>
              <a:gd name="connsiteX226" fmla="*/ 2270719 w 11269336"/>
              <a:gd name="connsiteY226" fmla="*/ 2052702 h 2323145"/>
              <a:gd name="connsiteX227" fmla="*/ 2253080 w 11269336"/>
              <a:gd name="connsiteY227" fmla="*/ 2056363 h 2323145"/>
              <a:gd name="connsiteX228" fmla="*/ 2250906 w 11269336"/>
              <a:gd name="connsiteY228" fmla="*/ 2055654 h 2323145"/>
              <a:gd name="connsiteX229" fmla="*/ 2236905 w 11269336"/>
              <a:gd name="connsiteY229" fmla="*/ 2062882 h 2323145"/>
              <a:gd name="connsiteX230" fmla="*/ 2225830 w 11269336"/>
              <a:gd name="connsiteY230" fmla="*/ 2074027 h 2323145"/>
              <a:gd name="connsiteX231" fmla="*/ 2073776 w 11269336"/>
              <a:gd name="connsiteY231" fmla="*/ 2089244 h 2323145"/>
              <a:gd name="connsiteX232" fmla="*/ 1948256 w 11269336"/>
              <a:gd name="connsiteY232" fmla="*/ 2146616 h 2323145"/>
              <a:gd name="connsiteX233" fmla="*/ 1865582 w 11269336"/>
              <a:gd name="connsiteY233" fmla="*/ 2153738 h 2323145"/>
              <a:gd name="connsiteX234" fmla="*/ 1835210 w 11269336"/>
              <a:gd name="connsiteY234" fmla="*/ 2134244 h 2323145"/>
              <a:gd name="connsiteX235" fmla="*/ 1632661 w 11269336"/>
              <a:gd name="connsiteY235" fmla="*/ 2173882 h 2323145"/>
              <a:gd name="connsiteX236" fmla="*/ 1579590 w 11269336"/>
              <a:gd name="connsiteY236" fmla="*/ 2173680 h 2323145"/>
              <a:gd name="connsiteX237" fmla="*/ 1535601 w 11269336"/>
              <a:gd name="connsiteY237" fmla="*/ 2194590 h 2323145"/>
              <a:gd name="connsiteX238" fmla="*/ 1515594 w 11269336"/>
              <a:gd name="connsiteY238" fmla="*/ 2189622 h 2323145"/>
              <a:gd name="connsiteX239" fmla="*/ 1512113 w 11269336"/>
              <a:gd name="connsiteY239" fmla="*/ 2188534 h 2323145"/>
              <a:gd name="connsiteX240" fmla="*/ 1498838 w 11269336"/>
              <a:gd name="connsiteY240" fmla="*/ 2189213 h 2323145"/>
              <a:gd name="connsiteX241" fmla="*/ 1494279 w 11269336"/>
              <a:gd name="connsiteY241" fmla="*/ 2183112 h 2323145"/>
              <a:gd name="connsiteX242" fmla="*/ 1473714 w 11269336"/>
              <a:gd name="connsiteY242" fmla="*/ 2179625 h 2323145"/>
              <a:gd name="connsiteX243" fmla="*/ 1449503 w 11269336"/>
              <a:gd name="connsiteY243" fmla="*/ 2182633 h 2323145"/>
              <a:gd name="connsiteX244" fmla="*/ 1266687 w 11269336"/>
              <a:gd name="connsiteY244" fmla="*/ 2212688 h 2323145"/>
              <a:gd name="connsiteX245" fmla="*/ 1239614 w 11269336"/>
              <a:gd name="connsiteY245" fmla="*/ 2209727 h 2323145"/>
              <a:gd name="connsiteX246" fmla="*/ 1202436 w 11269336"/>
              <a:gd name="connsiteY246" fmla="*/ 2209817 h 2323145"/>
              <a:gd name="connsiteX247" fmla="*/ 1136097 w 11269336"/>
              <a:gd name="connsiteY247" fmla="*/ 2205112 h 2323145"/>
              <a:gd name="connsiteX248" fmla="*/ 988232 w 11269336"/>
              <a:gd name="connsiteY248" fmla="*/ 2235635 h 2323145"/>
              <a:gd name="connsiteX249" fmla="*/ 981959 w 11269336"/>
              <a:gd name="connsiteY249" fmla="*/ 2231607 h 2323145"/>
              <a:gd name="connsiteX250" fmla="*/ 938600 w 11269336"/>
              <a:gd name="connsiteY250" fmla="*/ 2238113 h 2323145"/>
              <a:gd name="connsiteX251" fmla="*/ 791788 w 11269336"/>
              <a:gd name="connsiteY251" fmla="*/ 2293224 h 2323145"/>
              <a:gd name="connsiteX252" fmla="*/ 706914 w 11269336"/>
              <a:gd name="connsiteY252" fmla="*/ 2305046 h 2323145"/>
              <a:gd name="connsiteX253" fmla="*/ 675971 w 11269336"/>
              <a:gd name="connsiteY253" fmla="*/ 2304030 h 2323145"/>
              <a:gd name="connsiteX254" fmla="*/ 624180 w 11269336"/>
              <a:gd name="connsiteY254" fmla="*/ 2302650 h 2323145"/>
              <a:gd name="connsiteX255" fmla="*/ 583453 w 11269336"/>
              <a:gd name="connsiteY255" fmla="*/ 2288788 h 2323145"/>
              <a:gd name="connsiteX256" fmla="*/ 540946 w 11269336"/>
              <a:gd name="connsiteY256" fmla="*/ 2292721 h 2323145"/>
              <a:gd name="connsiteX257" fmla="*/ 533680 w 11269336"/>
              <a:gd name="connsiteY257" fmla="*/ 2310233 h 2323145"/>
              <a:gd name="connsiteX258" fmla="*/ 487366 w 11269336"/>
              <a:gd name="connsiteY258" fmla="*/ 2309053 h 2323145"/>
              <a:gd name="connsiteX259" fmla="*/ 416820 w 11269336"/>
              <a:gd name="connsiteY259" fmla="*/ 2305443 h 2323145"/>
              <a:gd name="connsiteX260" fmla="*/ 376805 w 11269336"/>
              <a:gd name="connsiteY260" fmla="*/ 2307647 h 2323145"/>
              <a:gd name="connsiteX261" fmla="*/ 266777 w 11269336"/>
              <a:gd name="connsiteY261" fmla="*/ 2309012 h 2323145"/>
              <a:gd name="connsiteX262" fmla="*/ 156013 w 11269336"/>
              <a:gd name="connsiteY262" fmla="*/ 2306832 h 2323145"/>
              <a:gd name="connsiteX263" fmla="*/ 87258 w 11269336"/>
              <a:gd name="connsiteY263" fmla="*/ 2285511 h 2323145"/>
              <a:gd name="connsiteX264" fmla="*/ 23798 w 11269336"/>
              <a:gd name="connsiteY264" fmla="*/ 2281822 h 2323145"/>
              <a:gd name="connsiteX265" fmla="*/ 0 w 11269336"/>
              <a:gd name="connsiteY265" fmla="*/ 2285369 h 2323145"/>
              <a:gd name="connsiteX266" fmla="*/ 0 w 11269336"/>
              <a:gd name="connsiteY266"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139429 w 11269336"/>
              <a:gd name="connsiteY20" fmla="*/ 696446 h 2323145"/>
              <a:gd name="connsiteX21" fmla="*/ 9114263 w 11269336"/>
              <a:gd name="connsiteY21" fmla="*/ 709213 h 2323145"/>
              <a:gd name="connsiteX22" fmla="*/ 9028928 w 11269336"/>
              <a:gd name="connsiteY22" fmla="*/ 745350 h 2323145"/>
              <a:gd name="connsiteX23" fmla="*/ 8977138 w 11269336"/>
              <a:gd name="connsiteY23" fmla="*/ 774970 h 2323145"/>
              <a:gd name="connsiteX24" fmla="*/ 8947030 w 11269336"/>
              <a:gd name="connsiteY24" fmla="*/ 814934 h 2323145"/>
              <a:gd name="connsiteX25" fmla="*/ 8914746 w 11269336"/>
              <a:gd name="connsiteY25" fmla="*/ 826428 h 2323145"/>
              <a:gd name="connsiteX26" fmla="*/ 8917778 w 11269336"/>
              <a:gd name="connsiteY26" fmla="*/ 835198 h 2323145"/>
              <a:gd name="connsiteX27" fmla="*/ 8905560 w 11269336"/>
              <a:gd name="connsiteY27" fmla="*/ 838358 h 2323145"/>
              <a:gd name="connsiteX28" fmla="*/ 8897564 w 11269336"/>
              <a:gd name="connsiteY28" fmla="*/ 834287 h 2323145"/>
              <a:gd name="connsiteX29" fmla="*/ 8878040 w 11269336"/>
              <a:gd name="connsiteY29" fmla="*/ 844150 h 2323145"/>
              <a:gd name="connsiteX30" fmla="*/ 8882654 w 11269336"/>
              <a:gd name="connsiteY30" fmla="*/ 892768 h 2323145"/>
              <a:gd name="connsiteX31" fmla="*/ 8795998 w 11269336"/>
              <a:gd name="connsiteY31" fmla="*/ 863337 h 2323145"/>
              <a:gd name="connsiteX32" fmla="*/ 8776970 w 11269336"/>
              <a:gd name="connsiteY32" fmla="*/ 885177 h 2323145"/>
              <a:gd name="connsiteX33" fmla="*/ 8755719 w 11269336"/>
              <a:gd name="connsiteY33" fmla="*/ 889754 h 2323145"/>
              <a:gd name="connsiteX34" fmla="*/ 8743257 w 11269336"/>
              <a:gd name="connsiteY34" fmla="*/ 904723 h 2323145"/>
              <a:gd name="connsiteX35" fmla="*/ 8721366 w 11269336"/>
              <a:gd name="connsiteY35" fmla="*/ 904711 h 2323145"/>
              <a:gd name="connsiteX36" fmla="*/ 8678353 w 11269336"/>
              <a:gd name="connsiteY36" fmla="*/ 926318 h 2323145"/>
              <a:gd name="connsiteX37" fmla="*/ 8636849 w 11269336"/>
              <a:gd name="connsiteY37" fmla="*/ 937900 h 2323145"/>
              <a:gd name="connsiteX38" fmla="*/ 8620213 w 11269336"/>
              <a:gd name="connsiteY38" fmla="*/ 943068 h 2323145"/>
              <a:gd name="connsiteX39" fmla="*/ 8612581 w 11269336"/>
              <a:gd name="connsiteY39" fmla="*/ 952695 h 2323145"/>
              <a:gd name="connsiteX40" fmla="*/ 8589038 w 11269336"/>
              <a:gd name="connsiteY40" fmla="*/ 963892 h 2323145"/>
              <a:gd name="connsiteX41" fmla="*/ 8579950 w 11269336"/>
              <a:gd name="connsiteY41" fmla="*/ 960899 h 2323145"/>
              <a:gd name="connsiteX42" fmla="*/ 8579319 w 11269336"/>
              <a:gd name="connsiteY42" fmla="*/ 965630 h 2323145"/>
              <a:gd name="connsiteX43" fmla="*/ 8547429 w 11269336"/>
              <a:gd name="connsiteY43" fmla="*/ 984506 h 2323145"/>
              <a:gd name="connsiteX44" fmla="*/ 8478704 w 11269336"/>
              <a:gd name="connsiteY44" fmla="*/ 1025490 h 2323145"/>
              <a:gd name="connsiteX45" fmla="*/ 8461421 w 11269336"/>
              <a:gd name="connsiteY45" fmla="*/ 1035512 h 2323145"/>
              <a:gd name="connsiteX46" fmla="*/ 8445003 w 11269336"/>
              <a:gd name="connsiteY46" fmla="*/ 1036851 h 2323145"/>
              <a:gd name="connsiteX47" fmla="*/ 8357350 w 11269336"/>
              <a:gd name="connsiteY47" fmla="*/ 1060213 h 2323145"/>
              <a:gd name="connsiteX48" fmla="*/ 8335565 w 11269336"/>
              <a:gd name="connsiteY48" fmla="*/ 1061151 h 2323145"/>
              <a:gd name="connsiteX49" fmla="*/ 8325267 w 11269336"/>
              <a:gd name="connsiteY49" fmla="*/ 1055919 h 2323145"/>
              <a:gd name="connsiteX50" fmla="*/ 8293586 w 11269336"/>
              <a:gd name="connsiteY50" fmla="*/ 1076144 h 2323145"/>
              <a:gd name="connsiteX51" fmla="*/ 8242405 w 11269336"/>
              <a:gd name="connsiteY51" fmla="*/ 1095960 h 2323145"/>
              <a:gd name="connsiteX52" fmla="*/ 8197391 w 11269336"/>
              <a:gd name="connsiteY52" fmla="*/ 1107746 h 2323145"/>
              <a:gd name="connsiteX53" fmla="*/ 8081474 w 11269336"/>
              <a:gd name="connsiteY53" fmla="*/ 1130125 h 2323145"/>
              <a:gd name="connsiteX54" fmla="*/ 8053585 w 11269336"/>
              <a:gd name="connsiteY54" fmla="*/ 1129169 h 2323145"/>
              <a:gd name="connsiteX55" fmla="*/ 8038422 w 11269336"/>
              <a:gd name="connsiteY55" fmla="*/ 1119092 h 2323145"/>
              <a:gd name="connsiteX56" fmla="*/ 8029450 w 11269336"/>
              <a:gd name="connsiteY56" fmla="*/ 1125592 h 2323145"/>
              <a:gd name="connsiteX57" fmla="*/ 7959552 w 11269336"/>
              <a:gd name="connsiteY57" fmla="*/ 1140188 h 2323145"/>
              <a:gd name="connsiteX58" fmla="*/ 7914188 w 11269336"/>
              <a:gd name="connsiteY58" fmla="*/ 1150862 h 2323145"/>
              <a:gd name="connsiteX59" fmla="*/ 7914918 w 11269336"/>
              <a:gd name="connsiteY59" fmla="*/ 1168758 h 2323145"/>
              <a:gd name="connsiteX60" fmla="*/ 7875510 w 11269336"/>
              <a:gd name="connsiteY60" fmla="*/ 1183153 h 2323145"/>
              <a:gd name="connsiteX61" fmla="*/ 7829932 w 11269336"/>
              <a:gd name="connsiteY61" fmla="*/ 1180782 h 2323145"/>
              <a:gd name="connsiteX62" fmla="*/ 7779182 w 11269336"/>
              <a:gd name="connsiteY62" fmla="*/ 1192665 h 2323145"/>
              <a:gd name="connsiteX63" fmla="*/ 7748774 w 11269336"/>
              <a:gd name="connsiteY63" fmla="*/ 1199586 h 2323145"/>
              <a:gd name="connsiteX64" fmla="*/ 7671846 w 11269336"/>
              <a:gd name="connsiteY64" fmla="*/ 1231966 h 2323145"/>
              <a:gd name="connsiteX65" fmla="*/ 7554146 w 11269336"/>
              <a:gd name="connsiteY65" fmla="*/ 1319748 h 2323145"/>
              <a:gd name="connsiteX66" fmla="*/ 7515052 w 11269336"/>
              <a:gd name="connsiteY66" fmla="*/ 1336718 h 2323145"/>
              <a:gd name="connsiteX67" fmla="*/ 7507193 w 11269336"/>
              <a:gd name="connsiteY67" fmla="*/ 1334617 h 2323145"/>
              <a:gd name="connsiteX68" fmla="*/ 7461694 w 11269336"/>
              <a:gd name="connsiteY68" fmla="*/ 1375866 h 2323145"/>
              <a:gd name="connsiteX69" fmla="*/ 7377571 w 11269336"/>
              <a:gd name="connsiteY69" fmla="*/ 1400128 h 2323145"/>
              <a:gd name="connsiteX70" fmla="*/ 7311261 w 11269336"/>
              <a:gd name="connsiteY70" fmla="*/ 1412652 h 2323145"/>
              <a:gd name="connsiteX71" fmla="*/ 7275307 w 11269336"/>
              <a:gd name="connsiteY71" fmla="*/ 1422171 h 2323145"/>
              <a:gd name="connsiteX72" fmla="*/ 7247783 w 11269336"/>
              <a:gd name="connsiteY72" fmla="*/ 1426330 h 2323145"/>
              <a:gd name="connsiteX73" fmla="*/ 7185047 w 11269336"/>
              <a:gd name="connsiteY73" fmla="*/ 1451812 h 2323145"/>
              <a:gd name="connsiteX74" fmla="*/ 7084117 w 11269336"/>
              <a:gd name="connsiteY74" fmla="*/ 1500281 h 2323145"/>
              <a:gd name="connsiteX75" fmla="*/ 7062011 w 11269336"/>
              <a:gd name="connsiteY75" fmla="*/ 1509183 h 2323145"/>
              <a:gd name="connsiteX76" fmla="*/ 7040555 w 11269336"/>
              <a:gd name="connsiteY76" fmla="*/ 1511207 h 2323145"/>
              <a:gd name="connsiteX77" fmla="*/ 7033438 w 11269336"/>
              <a:gd name="connsiteY77" fmla="*/ 1506772 h 2323145"/>
              <a:gd name="connsiteX78" fmla="*/ 7020886 w 11269336"/>
              <a:gd name="connsiteY78" fmla="*/ 1510764 h 2323145"/>
              <a:gd name="connsiteX79" fmla="*/ 7017033 w 11269336"/>
              <a:gd name="connsiteY79" fmla="*/ 1510650 h 2323145"/>
              <a:gd name="connsiteX80" fmla="*/ 6995460 w 11269336"/>
              <a:gd name="connsiteY80" fmla="*/ 1511173 h 2323145"/>
              <a:gd name="connsiteX81" fmla="*/ 6962144 w 11269336"/>
              <a:gd name="connsiteY81" fmla="*/ 1541508 h 2323145"/>
              <a:gd name="connsiteX82" fmla="*/ 6910674 w 11269336"/>
              <a:gd name="connsiteY82" fmla="*/ 1554793 h 2323145"/>
              <a:gd name="connsiteX83" fmla="*/ 6732152 w 11269336"/>
              <a:gd name="connsiteY83" fmla="*/ 1642538 h 2323145"/>
              <a:gd name="connsiteX84" fmla="*/ 6694106 w 11269336"/>
              <a:gd name="connsiteY84" fmla="*/ 1632377 h 2323145"/>
              <a:gd name="connsiteX85" fmla="*/ 6617223 w 11269336"/>
              <a:gd name="connsiteY85" fmla="*/ 1659889 h 2323145"/>
              <a:gd name="connsiteX86" fmla="*/ 6521138 w 11269336"/>
              <a:gd name="connsiteY86" fmla="*/ 1744340 h 2323145"/>
              <a:gd name="connsiteX87" fmla="*/ 6380677 w 11269336"/>
              <a:gd name="connsiteY87" fmla="*/ 1796883 h 2323145"/>
              <a:gd name="connsiteX88" fmla="*/ 6374897 w 11269336"/>
              <a:gd name="connsiteY88" fmla="*/ 1809910 h 2323145"/>
              <a:gd name="connsiteX89" fmla="*/ 6364545 w 11269336"/>
              <a:gd name="connsiteY89" fmla="*/ 1820090 h 2323145"/>
              <a:gd name="connsiteX90" fmla="*/ 6362126 w 11269336"/>
              <a:gd name="connsiteY90" fmla="*/ 1819991 h 2323145"/>
              <a:gd name="connsiteX91" fmla="*/ 6346673 w 11269336"/>
              <a:gd name="connsiteY91" fmla="*/ 1827824 h 2323145"/>
              <a:gd name="connsiteX92" fmla="*/ 6345588 w 11269336"/>
              <a:gd name="connsiteY92" fmla="*/ 1832232 h 2323145"/>
              <a:gd name="connsiteX93" fmla="*/ 6335708 w 11269336"/>
              <a:gd name="connsiteY93" fmla="*/ 1838451 h 2323145"/>
              <a:gd name="connsiteX94" fmla="*/ 6318182 w 11269336"/>
              <a:gd name="connsiteY94" fmla="*/ 1852975 h 2323145"/>
              <a:gd name="connsiteX95" fmla="*/ 6313084 w 11269336"/>
              <a:gd name="connsiteY95" fmla="*/ 1853561 h 2323145"/>
              <a:gd name="connsiteX96" fmla="*/ 6283816 w 11269336"/>
              <a:gd name="connsiteY96" fmla="*/ 1872148 h 2323145"/>
              <a:gd name="connsiteX97" fmla="*/ 6282550 w 11269336"/>
              <a:gd name="connsiteY97" fmla="*/ 1871392 h 2323145"/>
              <a:gd name="connsiteX98" fmla="*/ 6270527 w 11269336"/>
              <a:gd name="connsiteY98" fmla="*/ 1872208 h 2323145"/>
              <a:gd name="connsiteX99" fmla="*/ 6249518 w 11269336"/>
              <a:gd name="connsiteY99" fmla="*/ 1876079 h 2323145"/>
              <a:gd name="connsiteX100" fmla="*/ 6190386 w 11269336"/>
              <a:gd name="connsiteY100" fmla="*/ 1872478 h 2323145"/>
              <a:gd name="connsiteX101" fmla="*/ 6159777 w 11269336"/>
              <a:gd name="connsiteY101" fmla="*/ 1891745 h 2323145"/>
              <a:gd name="connsiteX102" fmla="*/ 6153131 w 11269336"/>
              <a:gd name="connsiteY102" fmla="*/ 1895079 h 2323145"/>
              <a:gd name="connsiteX103" fmla="*/ 6152798 w 11269336"/>
              <a:gd name="connsiteY103" fmla="*/ 1894920 h 2323145"/>
              <a:gd name="connsiteX104" fmla="*/ 6145388 w 11269336"/>
              <a:gd name="connsiteY104" fmla="*/ 1897990 h 2323145"/>
              <a:gd name="connsiteX105" fmla="*/ 6141014 w 11269336"/>
              <a:gd name="connsiteY105" fmla="*/ 1901155 h 2323145"/>
              <a:gd name="connsiteX106" fmla="*/ 6128122 w 11269336"/>
              <a:gd name="connsiteY106" fmla="*/ 1907623 h 2323145"/>
              <a:gd name="connsiteX107" fmla="*/ 6122351 w 11269336"/>
              <a:gd name="connsiteY107" fmla="*/ 1908359 h 2323145"/>
              <a:gd name="connsiteX108" fmla="*/ 6064750 w 11269336"/>
              <a:gd name="connsiteY108" fmla="*/ 1896394 h 2323145"/>
              <a:gd name="connsiteX109" fmla="*/ 5964230 w 11269336"/>
              <a:gd name="connsiteY109" fmla="*/ 1910038 h 2323145"/>
              <a:gd name="connsiteX110" fmla="*/ 5865399 w 11269336"/>
              <a:gd name="connsiteY110" fmla="*/ 1926966 h 2323145"/>
              <a:gd name="connsiteX111" fmla="*/ 5829951 w 11269336"/>
              <a:gd name="connsiteY111" fmla="*/ 1934755 h 2323145"/>
              <a:gd name="connsiteX112" fmla="*/ 5765285 w 11269336"/>
              <a:gd name="connsiteY112" fmla="*/ 1941322 h 2323145"/>
              <a:gd name="connsiteX113" fmla="*/ 5734750 w 11269336"/>
              <a:gd name="connsiteY113" fmla="*/ 1939793 h 2323145"/>
              <a:gd name="connsiteX114" fmla="*/ 5733569 w 11269336"/>
              <a:gd name="connsiteY114" fmla="*/ 1940505 h 2323145"/>
              <a:gd name="connsiteX115" fmla="*/ 5730329 w 11269336"/>
              <a:gd name="connsiteY115" fmla="*/ 1937845 h 2323145"/>
              <a:gd name="connsiteX116" fmla="*/ 5724661 w 11269336"/>
              <a:gd name="connsiteY116" fmla="*/ 1937455 h 2323145"/>
              <a:gd name="connsiteX117" fmla="*/ 5710186 w 11269336"/>
              <a:gd name="connsiteY117" fmla="*/ 1941370 h 2323145"/>
              <a:gd name="connsiteX118" fmla="*/ 5704910 w 11269336"/>
              <a:gd name="connsiteY118" fmla="*/ 1943663 h 2323145"/>
              <a:gd name="connsiteX119" fmla="*/ 5696836 w 11269336"/>
              <a:gd name="connsiteY119" fmla="*/ 1945271 h 2323145"/>
              <a:gd name="connsiteX120" fmla="*/ 5696583 w 11269336"/>
              <a:gd name="connsiteY120" fmla="*/ 1945050 h 2323145"/>
              <a:gd name="connsiteX121" fmla="*/ 5689123 w 11269336"/>
              <a:gd name="connsiteY121" fmla="*/ 1947067 h 2323145"/>
              <a:gd name="connsiteX122" fmla="*/ 5653291 w 11269336"/>
              <a:gd name="connsiteY122" fmla="*/ 1960245 h 2323145"/>
              <a:gd name="connsiteX123" fmla="*/ 5599385 w 11269336"/>
              <a:gd name="connsiteY123" fmla="*/ 1945198 h 2323145"/>
              <a:gd name="connsiteX124" fmla="*/ 5578300 w 11269336"/>
              <a:gd name="connsiteY124" fmla="*/ 1944963 h 2323145"/>
              <a:gd name="connsiteX125" fmla="*/ 5566758 w 11269336"/>
              <a:gd name="connsiteY125" fmla="*/ 1943441 h 2323145"/>
              <a:gd name="connsiteX126" fmla="*/ 5565857 w 11269336"/>
              <a:gd name="connsiteY126" fmla="*/ 1942445 h 2323145"/>
              <a:gd name="connsiteX127" fmla="*/ 5531534 w 11269336"/>
              <a:gd name="connsiteY127" fmla="*/ 1955208 h 2323145"/>
              <a:gd name="connsiteX128" fmla="*/ 5526552 w 11269336"/>
              <a:gd name="connsiteY128" fmla="*/ 1954799 h 2323145"/>
              <a:gd name="connsiteX129" fmla="*/ 5504723 w 11269336"/>
              <a:gd name="connsiteY129" fmla="*/ 1965811 h 2323145"/>
              <a:gd name="connsiteX130" fmla="*/ 5493156 w 11269336"/>
              <a:gd name="connsiteY130" fmla="*/ 1970063 h 2323145"/>
              <a:gd name="connsiteX131" fmla="*/ 5490486 w 11269336"/>
              <a:gd name="connsiteY131" fmla="*/ 1974227 h 2323145"/>
              <a:gd name="connsiteX132" fmla="*/ 5473107 w 11269336"/>
              <a:gd name="connsiteY132" fmla="*/ 1979001 h 2323145"/>
              <a:gd name="connsiteX133" fmla="*/ 5470885 w 11269336"/>
              <a:gd name="connsiteY133" fmla="*/ 1978432 h 2323145"/>
              <a:gd name="connsiteX134" fmla="*/ 5457393 w 11269336"/>
              <a:gd name="connsiteY134" fmla="*/ 1986525 h 2323145"/>
              <a:gd name="connsiteX135" fmla="*/ 5447102 w 11269336"/>
              <a:gd name="connsiteY135" fmla="*/ 1998329 h 2323145"/>
              <a:gd name="connsiteX136" fmla="*/ 5159151 w 11269336"/>
              <a:gd name="connsiteY136" fmla="*/ 2029640 h 2323145"/>
              <a:gd name="connsiteX137" fmla="*/ 5041688 w 11269336"/>
              <a:gd name="connsiteY137" fmla="*/ 2022334 h 2323145"/>
              <a:gd name="connsiteX138" fmla="*/ 4860988 w 11269336"/>
              <a:gd name="connsiteY138" fmla="*/ 2135698 h 2323145"/>
              <a:gd name="connsiteX139" fmla="*/ 4807902 w 11269336"/>
              <a:gd name="connsiteY139" fmla="*/ 2138894 h 2323145"/>
              <a:gd name="connsiteX140" fmla="*/ 4765388 w 11269336"/>
              <a:gd name="connsiteY140" fmla="*/ 2162525 h 2323145"/>
              <a:gd name="connsiteX141" fmla="*/ 4745033 w 11269336"/>
              <a:gd name="connsiteY141" fmla="*/ 2158859 h 2323145"/>
              <a:gd name="connsiteX142" fmla="*/ 4741475 w 11269336"/>
              <a:gd name="connsiteY142" fmla="*/ 2157998 h 2323145"/>
              <a:gd name="connsiteX143" fmla="*/ 4728247 w 11269336"/>
              <a:gd name="connsiteY143" fmla="*/ 2159526 h 2323145"/>
              <a:gd name="connsiteX144" fmla="*/ 4723263 w 11269336"/>
              <a:gd name="connsiteY144" fmla="*/ 2153742 h 2323145"/>
              <a:gd name="connsiteX145" fmla="*/ 4702453 w 11269336"/>
              <a:gd name="connsiteY145" fmla="*/ 2151586 h 2323145"/>
              <a:gd name="connsiteX146" fmla="*/ 4678455 w 11269336"/>
              <a:gd name="connsiteY146" fmla="*/ 2156131 h 2323145"/>
              <a:gd name="connsiteX147" fmla="*/ 4593061 w 11269336"/>
              <a:gd name="connsiteY147" fmla="*/ 2171597 h 2323145"/>
              <a:gd name="connsiteX148" fmla="*/ 4579902 w 11269336"/>
              <a:gd name="connsiteY148" fmla="*/ 2177927 h 2323145"/>
              <a:gd name="connsiteX149" fmla="*/ 4533444 w 11269336"/>
              <a:gd name="connsiteY149" fmla="*/ 2181200 h 2323145"/>
              <a:gd name="connsiteX150" fmla="*/ 4492832 w 11269336"/>
              <a:gd name="connsiteY150" fmla="*/ 2188033 h 2323145"/>
              <a:gd name="connsiteX151" fmla="*/ 4467257 w 11269336"/>
              <a:gd name="connsiteY151" fmla="*/ 2196121 h 2323145"/>
              <a:gd name="connsiteX152" fmla="*/ 4459937 w 11269336"/>
              <a:gd name="connsiteY152" fmla="*/ 2195182 h 2323145"/>
              <a:gd name="connsiteX153" fmla="*/ 4433312 w 11269336"/>
              <a:gd name="connsiteY153" fmla="*/ 2199004 h 2323145"/>
              <a:gd name="connsiteX154" fmla="*/ 4420601 w 11269336"/>
              <a:gd name="connsiteY154" fmla="*/ 2205158 h 2323145"/>
              <a:gd name="connsiteX155" fmla="*/ 4405765 w 11269336"/>
              <a:gd name="connsiteY155" fmla="*/ 2199902 h 2323145"/>
              <a:gd name="connsiteX156" fmla="*/ 4401354 w 11269336"/>
              <a:gd name="connsiteY156" fmla="*/ 2194745 h 2323145"/>
              <a:gd name="connsiteX157" fmla="*/ 4383151 w 11269336"/>
              <a:gd name="connsiteY157" fmla="*/ 2201140 h 2323145"/>
              <a:gd name="connsiteX158" fmla="*/ 4366646 w 11269336"/>
              <a:gd name="connsiteY158" fmla="*/ 2198564 h 2323145"/>
              <a:gd name="connsiteX159" fmla="*/ 4354009 w 11269336"/>
              <a:gd name="connsiteY159" fmla="*/ 2204984 h 2323145"/>
              <a:gd name="connsiteX160" fmla="*/ 4348284 w 11269336"/>
              <a:gd name="connsiteY160" fmla="*/ 2205270 h 2323145"/>
              <a:gd name="connsiteX161" fmla="*/ 4333906 w 11269336"/>
              <a:gd name="connsiteY161" fmla="*/ 2205251 h 2323145"/>
              <a:gd name="connsiteX162" fmla="*/ 4308819 w 11269336"/>
              <a:gd name="connsiteY162" fmla="*/ 2203822 h 2323145"/>
              <a:gd name="connsiteX163" fmla="*/ 4301210 w 11269336"/>
              <a:gd name="connsiteY163" fmla="*/ 2204456 h 2323145"/>
              <a:gd name="connsiteX164" fmla="*/ 4283095 w 11269336"/>
              <a:gd name="connsiteY164" fmla="*/ 2198177 h 2323145"/>
              <a:gd name="connsiteX165" fmla="*/ 4250119 w 11269336"/>
              <a:gd name="connsiteY165" fmla="*/ 2196342 h 2323145"/>
              <a:gd name="connsiteX166" fmla="*/ 4189203 w 11269336"/>
              <a:gd name="connsiteY166" fmla="*/ 2178994 h 2323145"/>
              <a:gd name="connsiteX167" fmla="*/ 4154035 w 11269336"/>
              <a:gd name="connsiteY167" fmla="*/ 2171950 h 2323145"/>
              <a:gd name="connsiteX168" fmla="*/ 4129569 w 11269336"/>
              <a:gd name="connsiteY168" fmla="*/ 2163850 h 2323145"/>
              <a:gd name="connsiteX169" fmla="*/ 4061250 w 11269336"/>
              <a:gd name="connsiteY169" fmla="*/ 2159236 h 2323145"/>
              <a:gd name="connsiteX170" fmla="*/ 3945480 w 11269336"/>
              <a:gd name="connsiteY170" fmla="*/ 2158279 h 2323145"/>
              <a:gd name="connsiteX171" fmla="*/ 3921468 w 11269336"/>
              <a:gd name="connsiteY171" fmla="*/ 2156588 h 2323145"/>
              <a:gd name="connsiteX172" fmla="*/ 3903348 w 11269336"/>
              <a:gd name="connsiteY172" fmla="*/ 2149220 h 2323145"/>
              <a:gd name="connsiteX173" fmla="*/ 3901342 w 11269336"/>
              <a:gd name="connsiteY173" fmla="*/ 2142355 h 2323145"/>
              <a:gd name="connsiteX174" fmla="*/ 3888539 w 11269336"/>
              <a:gd name="connsiteY174" fmla="*/ 2140476 h 2323145"/>
              <a:gd name="connsiteX175" fmla="*/ 3885662 w 11269336"/>
              <a:gd name="connsiteY175" fmla="*/ 2138740 h 2323145"/>
              <a:gd name="connsiteX176" fmla="*/ 3868627 w 11269336"/>
              <a:gd name="connsiteY176" fmla="*/ 2130023 h 2323145"/>
              <a:gd name="connsiteX177" fmla="*/ 3819177 w 11269336"/>
              <a:gd name="connsiteY177" fmla="*/ 2142111 h 2323145"/>
              <a:gd name="connsiteX178" fmla="*/ 3769100 w 11269336"/>
              <a:gd name="connsiteY178" fmla="*/ 2131731 h 2323145"/>
              <a:gd name="connsiteX179" fmla="*/ 3562752 w 11269336"/>
              <a:gd name="connsiteY179" fmla="*/ 2131785 h 2323145"/>
              <a:gd name="connsiteX180" fmla="*/ 3541402 w 11269336"/>
              <a:gd name="connsiteY180" fmla="*/ 2106821 h 2323145"/>
              <a:gd name="connsiteX181" fmla="*/ 3365341 w 11269336"/>
              <a:gd name="connsiteY181" fmla="*/ 2077638 h 2323145"/>
              <a:gd name="connsiteX182" fmla="*/ 3170922 w 11269336"/>
              <a:gd name="connsiteY182" fmla="*/ 2115957 h 2323145"/>
              <a:gd name="connsiteX183" fmla="*/ 3156256 w 11269336"/>
              <a:gd name="connsiteY183" fmla="*/ 2124773 h 2323145"/>
              <a:gd name="connsiteX184" fmla="*/ 3140298 w 11269336"/>
              <a:gd name="connsiteY184" fmla="*/ 2129182 h 2323145"/>
              <a:gd name="connsiteX185" fmla="*/ 3138514 w 11269336"/>
              <a:gd name="connsiteY185" fmla="*/ 2128069 h 2323145"/>
              <a:gd name="connsiteX186" fmla="*/ 3120467 w 11269336"/>
              <a:gd name="connsiteY186" fmla="*/ 2128281 h 2323145"/>
              <a:gd name="connsiteX187" fmla="*/ 3116175 w 11269336"/>
              <a:gd name="connsiteY187" fmla="*/ 2131633 h 2323145"/>
              <a:gd name="connsiteX188" fmla="*/ 3103685 w 11269336"/>
              <a:gd name="connsiteY188" fmla="*/ 2132814 h 2323145"/>
              <a:gd name="connsiteX189" fmla="*/ 3078794 w 11269336"/>
              <a:gd name="connsiteY189" fmla="*/ 2137935 h 2323145"/>
              <a:gd name="connsiteX190" fmla="*/ 3074407 w 11269336"/>
              <a:gd name="connsiteY190" fmla="*/ 2136274 h 2323145"/>
              <a:gd name="connsiteX191" fmla="*/ 3037285 w 11269336"/>
              <a:gd name="connsiteY191" fmla="*/ 2139919 h 2323145"/>
              <a:gd name="connsiteX192" fmla="*/ 3036901 w 11269336"/>
              <a:gd name="connsiteY192" fmla="*/ 2138726 h 2323145"/>
              <a:gd name="connsiteX193" fmla="*/ 3026996 w 11269336"/>
              <a:gd name="connsiteY193" fmla="*/ 2134322 h 2323145"/>
              <a:gd name="connsiteX194" fmla="*/ 3007772 w 11269336"/>
              <a:gd name="connsiteY194" fmla="*/ 2128742 h 2323145"/>
              <a:gd name="connsiteX195" fmla="*/ 2965030 w 11269336"/>
              <a:gd name="connsiteY195" fmla="*/ 2100494 h 2323145"/>
              <a:gd name="connsiteX196" fmla="*/ 2926342 w 11269336"/>
              <a:gd name="connsiteY196" fmla="*/ 2104155 h 2323145"/>
              <a:gd name="connsiteX197" fmla="*/ 2918608 w 11269336"/>
              <a:gd name="connsiteY197" fmla="*/ 2104215 h 2323145"/>
              <a:gd name="connsiteX198" fmla="*/ 2918475 w 11269336"/>
              <a:gd name="connsiteY198" fmla="*/ 2103937 h 2323145"/>
              <a:gd name="connsiteX199" fmla="*/ 2910360 w 11269336"/>
              <a:gd name="connsiteY199" fmla="*/ 2103444 h 2323145"/>
              <a:gd name="connsiteX200" fmla="*/ 2904507 w 11269336"/>
              <a:gd name="connsiteY200" fmla="*/ 2104326 h 2323145"/>
              <a:gd name="connsiteX201" fmla="*/ 2889503 w 11269336"/>
              <a:gd name="connsiteY201" fmla="*/ 2104443 h 2323145"/>
              <a:gd name="connsiteX202" fmla="*/ 2884480 w 11269336"/>
              <a:gd name="connsiteY202" fmla="*/ 2102626 h 2323145"/>
              <a:gd name="connsiteX203" fmla="*/ 2882689 w 11269336"/>
              <a:gd name="connsiteY203" fmla="*/ 2099228 h 2323145"/>
              <a:gd name="connsiteX204" fmla="*/ 2881291 w 11269336"/>
              <a:gd name="connsiteY204" fmla="*/ 2099618 h 2323145"/>
              <a:gd name="connsiteX205" fmla="*/ 2853979 w 11269336"/>
              <a:gd name="connsiteY205" fmla="*/ 2090388 h 2323145"/>
              <a:gd name="connsiteX206" fmla="*/ 2791790 w 11269336"/>
              <a:gd name="connsiteY206" fmla="*/ 2080332 h 2323145"/>
              <a:gd name="connsiteX207" fmla="*/ 2755844 w 11269336"/>
              <a:gd name="connsiteY207" fmla="*/ 2078874 h 2323145"/>
              <a:gd name="connsiteX208" fmla="*/ 2657742 w 11269336"/>
              <a:gd name="connsiteY208" fmla="*/ 2070179 h 2323145"/>
              <a:gd name="connsiteX209" fmla="*/ 2559549 w 11269336"/>
              <a:gd name="connsiteY209" fmla="*/ 2057873 h 2323145"/>
              <a:gd name="connsiteX210" fmla="*/ 2512054 w 11269336"/>
              <a:gd name="connsiteY210" fmla="*/ 2031671 h 2323145"/>
              <a:gd name="connsiteX211" fmla="*/ 2506437 w 11269336"/>
              <a:gd name="connsiteY211" fmla="*/ 2030918 h 2323145"/>
              <a:gd name="connsiteX212" fmla="*/ 2491752 w 11269336"/>
              <a:gd name="connsiteY212" fmla="*/ 2033906 h 2323145"/>
              <a:gd name="connsiteX213" fmla="*/ 2486338 w 11269336"/>
              <a:gd name="connsiteY213" fmla="*/ 2035862 h 2323145"/>
              <a:gd name="connsiteX214" fmla="*/ 2478186 w 11269336"/>
              <a:gd name="connsiteY214" fmla="*/ 2036953 h 2323145"/>
              <a:gd name="connsiteX215" fmla="*/ 2477950 w 11269336"/>
              <a:gd name="connsiteY215" fmla="*/ 2036715 h 2323145"/>
              <a:gd name="connsiteX216" fmla="*/ 2470381 w 11269336"/>
              <a:gd name="connsiteY216" fmla="*/ 2038256 h 2323145"/>
              <a:gd name="connsiteX217" fmla="*/ 2433781 w 11269336"/>
              <a:gd name="connsiteY217" fmla="*/ 2049140 h 2323145"/>
              <a:gd name="connsiteX218" fmla="*/ 2381172 w 11269336"/>
              <a:gd name="connsiteY218" fmla="*/ 2030645 h 2323145"/>
              <a:gd name="connsiteX219" fmla="*/ 2360198 w 11269336"/>
              <a:gd name="connsiteY219" fmla="*/ 2029059 h 2323145"/>
              <a:gd name="connsiteX220" fmla="*/ 2348815 w 11269336"/>
              <a:gd name="connsiteY220" fmla="*/ 2026798 h 2323145"/>
              <a:gd name="connsiteX221" fmla="*/ 2347988 w 11269336"/>
              <a:gd name="connsiteY221" fmla="*/ 2025745 h 2323145"/>
              <a:gd name="connsiteX222" fmla="*/ 2312920 w 11269336"/>
              <a:gd name="connsiteY222" fmla="*/ 2036311 h 2323145"/>
              <a:gd name="connsiteX223" fmla="*/ 2307986 w 11269336"/>
              <a:gd name="connsiteY223" fmla="*/ 2035583 h 2323145"/>
              <a:gd name="connsiteX224" fmla="*/ 2285481 w 11269336"/>
              <a:gd name="connsiteY224" fmla="*/ 2045197 h 2323145"/>
              <a:gd name="connsiteX225" fmla="*/ 2273666 w 11269336"/>
              <a:gd name="connsiteY225" fmla="*/ 2048710 h 2323145"/>
              <a:gd name="connsiteX226" fmla="*/ 2270719 w 11269336"/>
              <a:gd name="connsiteY226" fmla="*/ 2052702 h 2323145"/>
              <a:gd name="connsiteX227" fmla="*/ 2253080 w 11269336"/>
              <a:gd name="connsiteY227" fmla="*/ 2056363 h 2323145"/>
              <a:gd name="connsiteX228" fmla="*/ 2250906 w 11269336"/>
              <a:gd name="connsiteY228" fmla="*/ 2055654 h 2323145"/>
              <a:gd name="connsiteX229" fmla="*/ 2236905 w 11269336"/>
              <a:gd name="connsiteY229" fmla="*/ 2062882 h 2323145"/>
              <a:gd name="connsiteX230" fmla="*/ 2225830 w 11269336"/>
              <a:gd name="connsiteY230" fmla="*/ 2074027 h 2323145"/>
              <a:gd name="connsiteX231" fmla="*/ 2073776 w 11269336"/>
              <a:gd name="connsiteY231" fmla="*/ 2089244 h 2323145"/>
              <a:gd name="connsiteX232" fmla="*/ 1948256 w 11269336"/>
              <a:gd name="connsiteY232" fmla="*/ 2146616 h 2323145"/>
              <a:gd name="connsiteX233" fmla="*/ 1865582 w 11269336"/>
              <a:gd name="connsiteY233" fmla="*/ 2153738 h 2323145"/>
              <a:gd name="connsiteX234" fmla="*/ 1835210 w 11269336"/>
              <a:gd name="connsiteY234" fmla="*/ 2134244 h 2323145"/>
              <a:gd name="connsiteX235" fmla="*/ 1632661 w 11269336"/>
              <a:gd name="connsiteY235" fmla="*/ 2173882 h 2323145"/>
              <a:gd name="connsiteX236" fmla="*/ 1579590 w 11269336"/>
              <a:gd name="connsiteY236" fmla="*/ 2173680 h 2323145"/>
              <a:gd name="connsiteX237" fmla="*/ 1535601 w 11269336"/>
              <a:gd name="connsiteY237" fmla="*/ 2194590 h 2323145"/>
              <a:gd name="connsiteX238" fmla="*/ 1515594 w 11269336"/>
              <a:gd name="connsiteY238" fmla="*/ 2189622 h 2323145"/>
              <a:gd name="connsiteX239" fmla="*/ 1512113 w 11269336"/>
              <a:gd name="connsiteY239" fmla="*/ 2188534 h 2323145"/>
              <a:gd name="connsiteX240" fmla="*/ 1498838 w 11269336"/>
              <a:gd name="connsiteY240" fmla="*/ 2189213 h 2323145"/>
              <a:gd name="connsiteX241" fmla="*/ 1494279 w 11269336"/>
              <a:gd name="connsiteY241" fmla="*/ 2183112 h 2323145"/>
              <a:gd name="connsiteX242" fmla="*/ 1473714 w 11269336"/>
              <a:gd name="connsiteY242" fmla="*/ 2179625 h 2323145"/>
              <a:gd name="connsiteX243" fmla="*/ 1449503 w 11269336"/>
              <a:gd name="connsiteY243" fmla="*/ 2182633 h 2323145"/>
              <a:gd name="connsiteX244" fmla="*/ 1266687 w 11269336"/>
              <a:gd name="connsiteY244" fmla="*/ 2212688 h 2323145"/>
              <a:gd name="connsiteX245" fmla="*/ 1239614 w 11269336"/>
              <a:gd name="connsiteY245" fmla="*/ 2209727 h 2323145"/>
              <a:gd name="connsiteX246" fmla="*/ 1202436 w 11269336"/>
              <a:gd name="connsiteY246" fmla="*/ 2209817 h 2323145"/>
              <a:gd name="connsiteX247" fmla="*/ 1136097 w 11269336"/>
              <a:gd name="connsiteY247" fmla="*/ 2205112 h 2323145"/>
              <a:gd name="connsiteX248" fmla="*/ 988232 w 11269336"/>
              <a:gd name="connsiteY248" fmla="*/ 2235635 h 2323145"/>
              <a:gd name="connsiteX249" fmla="*/ 981959 w 11269336"/>
              <a:gd name="connsiteY249" fmla="*/ 2231607 h 2323145"/>
              <a:gd name="connsiteX250" fmla="*/ 938600 w 11269336"/>
              <a:gd name="connsiteY250" fmla="*/ 2238113 h 2323145"/>
              <a:gd name="connsiteX251" fmla="*/ 791788 w 11269336"/>
              <a:gd name="connsiteY251" fmla="*/ 2293224 h 2323145"/>
              <a:gd name="connsiteX252" fmla="*/ 706914 w 11269336"/>
              <a:gd name="connsiteY252" fmla="*/ 2305046 h 2323145"/>
              <a:gd name="connsiteX253" fmla="*/ 675971 w 11269336"/>
              <a:gd name="connsiteY253" fmla="*/ 2304030 h 2323145"/>
              <a:gd name="connsiteX254" fmla="*/ 624180 w 11269336"/>
              <a:gd name="connsiteY254" fmla="*/ 2302650 h 2323145"/>
              <a:gd name="connsiteX255" fmla="*/ 583453 w 11269336"/>
              <a:gd name="connsiteY255" fmla="*/ 2288788 h 2323145"/>
              <a:gd name="connsiteX256" fmla="*/ 540946 w 11269336"/>
              <a:gd name="connsiteY256" fmla="*/ 2292721 h 2323145"/>
              <a:gd name="connsiteX257" fmla="*/ 533680 w 11269336"/>
              <a:gd name="connsiteY257" fmla="*/ 2310233 h 2323145"/>
              <a:gd name="connsiteX258" fmla="*/ 487366 w 11269336"/>
              <a:gd name="connsiteY258" fmla="*/ 2309053 h 2323145"/>
              <a:gd name="connsiteX259" fmla="*/ 416820 w 11269336"/>
              <a:gd name="connsiteY259" fmla="*/ 2305443 h 2323145"/>
              <a:gd name="connsiteX260" fmla="*/ 376805 w 11269336"/>
              <a:gd name="connsiteY260" fmla="*/ 2307647 h 2323145"/>
              <a:gd name="connsiteX261" fmla="*/ 266777 w 11269336"/>
              <a:gd name="connsiteY261" fmla="*/ 2309012 h 2323145"/>
              <a:gd name="connsiteX262" fmla="*/ 156013 w 11269336"/>
              <a:gd name="connsiteY262" fmla="*/ 2306832 h 2323145"/>
              <a:gd name="connsiteX263" fmla="*/ 87258 w 11269336"/>
              <a:gd name="connsiteY263" fmla="*/ 2285511 h 2323145"/>
              <a:gd name="connsiteX264" fmla="*/ 23798 w 11269336"/>
              <a:gd name="connsiteY264" fmla="*/ 2281822 h 2323145"/>
              <a:gd name="connsiteX265" fmla="*/ 0 w 11269336"/>
              <a:gd name="connsiteY265" fmla="*/ 2285369 h 2323145"/>
              <a:gd name="connsiteX266" fmla="*/ 0 w 11269336"/>
              <a:gd name="connsiteY266"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139429 w 11269336"/>
              <a:gd name="connsiteY20" fmla="*/ 696446 h 2323145"/>
              <a:gd name="connsiteX21" fmla="*/ 9028928 w 11269336"/>
              <a:gd name="connsiteY21" fmla="*/ 745350 h 2323145"/>
              <a:gd name="connsiteX22" fmla="*/ 8977138 w 11269336"/>
              <a:gd name="connsiteY22" fmla="*/ 774970 h 2323145"/>
              <a:gd name="connsiteX23" fmla="*/ 8947030 w 11269336"/>
              <a:gd name="connsiteY23" fmla="*/ 814934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882654 w 11269336"/>
              <a:gd name="connsiteY29" fmla="*/ 892768 h 2323145"/>
              <a:gd name="connsiteX30" fmla="*/ 8795998 w 11269336"/>
              <a:gd name="connsiteY30" fmla="*/ 863337 h 2323145"/>
              <a:gd name="connsiteX31" fmla="*/ 8776970 w 11269336"/>
              <a:gd name="connsiteY31" fmla="*/ 885177 h 2323145"/>
              <a:gd name="connsiteX32" fmla="*/ 8755719 w 11269336"/>
              <a:gd name="connsiteY32" fmla="*/ 889754 h 2323145"/>
              <a:gd name="connsiteX33" fmla="*/ 8743257 w 11269336"/>
              <a:gd name="connsiteY33" fmla="*/ 904723 h 2323145"/>
              <a:gd name="connsiteX34" fmla="*/ 8721366 w 11269336"/>
              <a:gd name="connsiteY34" fmla="*/ 904711 h 2323145"/>
              <a:gd name="connsiteX35" fmla="*/ 8678353 w 11269336"/>
              <a:gd name="connsiteY35" fmla="*/ 926318 h 2323145"/>
              <a:gd name="connsiteX36" fmla="*/ 8636849 w 11269336"/>
              <a:gd name="connsiteY36" fmla="*/ 937900 h 2323145"/>
              <a:gd name="connsiteX37" fmla="*/ 8620213 w 11269336"/>
              <a:gd name="connsiteY37" fmla="*/ 943068 h 2323145"/>
              <a:gd name="connsiteX38" fmla="*/ 8612581 w 11269336"/>
              <a:gd name="connsiteY38" fmla="*/ 952695 h 2323145"/>
              <a:gd name="connsiteX39" fmla="*/ 8589038 w 11269336"/>
              <a:gd name="connsiteY39" fmla="*/ 963892 h 2323145"/>
              <a:gd name="connsiteX40" fmla="*/ 8579950 w 11269336"/>
              <a:gd name="connsiteY40" fmla="*/ 960899 h 2323145"/>
              <a:gd name="connsiteX41" fmla="*/ 8579319 w 11269336"/>
              <a:gd name="connsiteY41" fmla="*/ 965630 h 2323145"/>
              <a:gd name="connsiteX42" fmla="*/ 8547429 w 11269336"/>
              <a:gd name="connsiteY42" fmla="*/ 984506 h 2323145"/>
              <a:gd name="connsiteX43" fmla="*/ 8478704 w 11269336"/>
              <a:gd name="connsiteY43" fmla="*/ 1025490 h 2323145"/>
              <a:gd name="connsiteX44" fmla="*/ 8461421 w 11269336"/>
              <a:gd name="connsiteY44" fmla="*/ 1035512 h 2323145"/>
              <a:gd name="connsiteX45" fmla="*/ 8445003 w 11269336"/>
              <a:gd name="connsiteY45" fmla="*/ 1036851 h 2323145"/>
              <a:gd name="connsiteX46" fmla="*/ 8357350 w 11269336"/>
              <a:gd name="connsiteY46" fmla="*/ 1060213 h 2323145"/>
              <a:gd name="connsiteX47" fmla="*/ 8335565 w 11269336"/>
              <a:gd name="connsiteY47" fmla="*/ 1061151 h 2323145"/>
              <a:gd name="connsiteX48" fmla="*/ 8325267 w 11269336"/>
              <a:gd name="connsiteY48" fmla="*/ 1055919 h 2323145"/>
              <a:gd name="connsiteX49" fmla="*/ 8293586 w 11269336"/>
              <a:gd name="connsiteY49" fmla="*/ 1076144 h 2323145"/>
              <a:gd name="connsiteX50" fmla="*/ 8242405 w 11269336"/>
              <a:gd name="connsiteY50" fmla="*/ 1095960 h 2323145"/>
              <a:gd name="connsiteX51" fmla="*/ 8197391 w 11269336"/>
              <a:gd name="connsiteY51" fmla="*/ 1107746 h 2323145"/>
              <a:gd name="connsiteX52" fmla="*/ 8081474 w 11269336"/>
              <a:gd name="connsiteY52" fmla="*/ 1130125 h 2323145"/>
              <a:gd name="connsiteX53" fmla="*/ 8053585 w 11269336"/>
              <a:gd name="connsiteY53" fmla="*/ 1129169 h 2323145"/>
              <a:gd name="connsiteX54" fmla="*/ 8038422 w 11269336"/>
              <a:gd name="connsiteY54" fmla="*/ 1119092 h 2323145"/>
              <a:gd name="connsiteX55" fmla="*/ 8029450 w 11269336"/>
              <a:gd name="connsiteY55" fmla="*/ 1125592 h 2323145"/>
              <a:gd name="connsiteX56" fmla="*/ 7959552 w 11269336"/>
              <a:gd name="connsiteY56" fmla="*/ 1140188 h 2323145"/>
              <a:gd name="connsiteX57" fmla="*/ 7914188 w 11269336"/>
              <a:gd name="connsiteY57" fmla="*/ 1150862 h 2323145"/>
              <a:gd name="connsiteX58" fmla="*/ 7914918 w 11269336"/>
              <a:gd name="connsiteY58" fmla="*/ 1168758 h 2323145"/>
              <a:gd name="connsiteX59" fmla="*/ 7875510 w 11269336"/>
              <a:gd name="connsiteY59" fmla="*/ 1183153 h 2323145"/>
              <a:gd name="connsiteX60" fmla="*/ 7829932 w 11269336"/>
              <a:gd name="connsiteY60" fmla="*/ 1180782 h 2323145"/>
              <a:gd name="connsiteX61" fmla="*/ 7779182 w 11269336"/>
              <a:gd name="connsiteY61" fmla="*/ 1192665 h 2323145"/>
              <a:gd name="connsiteX62" fmla="*/ 7748774 w 11269336"/>
              <a:gd name="connsiteY62" fmla="*/ 1199586 h 2323145"/>
              <a:gd name="connsiteX63" fmla="*/ 7671846 w 11269336"/>
              <a:gd name="connsiteY63" fmla="*/ 1231966 h 2323145"/>
              <a:gd name="connsiteX64" fmla="*/ 7554146 w 11269336"/>
              <a:gd name="connsiteY64" fmla="*/ 1319748 h 2323145"/>
              <a:gd name="connsiteX65" fmla="*/ 7515052 w 11269336"/>
              <a:gd name="connsiteY65" fmla="*/ 1336718 h 2323145"/>
              <a:gd name="connsiteX66" fmla="*/ 7507193 w 11269336"/>
              <a:gd name="connsiteY66" fmla="*/ 1334617 h 2323145"/>
              <a:gd name="connsiteX67" fmla="*/ 7461694 w 11269336"/>
              <a:gd name="connsiteY67" fmla="*/ 1375866 h 2323145"/>
              <a:gd name="connsiteX68" fmla="*/ 7377571 w 11269336"/>
              <a:gd name="connsiteY68" fmla="*/ 1400128 h 2323145"/>
              <a:gd name="connsiteX69" fmla="*/ 7311261 w 11269336"/>
              <a:gd name="connsiteY69" fmla="*/ 1412652 h 2323145"/>
              <a:gd name="connsiteX70" fmla="*/ 7275307 w 11269336"/>
              <a:gd name="connsiteY70" fmla="*/ 1422171 h 2323145"/>
              <a:gd name="connsiteX71" fmla="*/ 7247783 w 11269336"/>
              <a:gd name="connsiteY71" fmla="*/ 1426330 h 2323145"/>
              <a:gd name="connsiteX72" fmla="*/ 7185047 w 11269336"/>
              <a:gd name="connsiteY72" fmla="*/ 1451812 h 2323145"/>
              <a:gd name="connsiteX73" fmla="*/ 7084117 w 11269336"/>
              <a:gd name="connsiteY73" fmla="*/ 1500281 h 2323145"/>
              <a:gd name="connsiteX74" fmla="*/ 7062011 w 11269336"/>
              <a:gd name="connsiteY74" fmla="*/ 1509183 h 2323145"/>
              <a:gd name="connsiteX75" fmla="*/ 7040555 w 11269336"/>
              <a:gd name="connsiteY75" fmla="*/ 1511207 h 2323145"/>
              <a:gd name="connsiteX76" fmla="*/ 7033438 w 11269336"/>
              <a:gd name="connsiteY76" fmla="*/ 1506772 h 2323145"/>
              <a:gd name="connsiteX77" fmla="*/ 7020886 w 11269336"/>
              <a:gd name="connsiteY77" fmla="*/ 1510764 h 2323145"/>
              <a:gd name="connsiteX78" fmla="*/ 7017033 w 11269336"/>
              <a:gd name="connsiteY78" fmla="*/ 1510650 h 2323145"/>
              <a:gd name="connsiteX79" fmla="*/ 6995460 w 11269336"/>
              <a:gd name="connsiteY79" fmla="*/ 1511173 h 2323145"/>
              <a:gd name="connsiteX80" fmla="*/ 6962144 w 11269336"/>
              <a:gd name="connsiteY80" fmla="*/ 1541508 h 2323145"/>
              <a:gd name="connsiteX81" fmla="*/ 6910674 w 11269336"/>
              <a:gd name="connsiteY81" fmla="*/ 1554793 h 2323145"/>
              <a:gd name="connsiteX82" fmla="*/ 6732152 w 11269336"/>
              <a:gd name="connsiteY82" fmla="*/ 1642538 h 2323145"/>
              <a:gd name="connsiteX83" fmla="*/ 6694106 w 11269336"/>
              <a:gd name="connsiteY83" fmla="*/ 1632377 h 2323145"/>
              <a:gd name="connsiteX84" fmla="*/ 6617223 w 11269336"/>
              <a:gd name="connsiteY84" fmla="*/ 1659889 h 2323145"/>
              <a:gd name="connsiteX85" fmla="*/ 6521138 w 11269336"/>
              <a:gd name="connsiteY85" fmla="*/ 1744340 h 2323145"/>
              <a:gd name="connsiteX86" fmla="*/ 6380677 w 11269336"/>
              <a:gd name="connsiteY86" fmla="*/ 1796883 h 2323145"/>
              <a:gd name="connsiteX87" fmla="*/ 6374897 w 11269336"/>
              <a:gd name="connsiteY87" fmla="*/ 1809910 h 2323145"/>
              <a:gd name="connsiteX88" fmla="*/ 6364545 w 11269336"/>
              <a:gd name="connsiteY88" fmla="*/ 1820090 h 2323145"/>
              <a:gd name="connsiteX89" fmla="*/ 6362126 w 11269336"/>
              <a:gd name="connsiteY89" fmla="*/ 1819991 h 2323145"/>
              <a:gd name="connsiteX90" fmla="*/ 6346673 w 11269336"/>
              <a:gd name="connsiteY90" fmla="*/ 1827824 h 2323145"/>
              <a:gd name="connsiteX91" fmla="*/ 6345588 w 11269336"/>
              <a:gd name="connsiteY91" fmla="*/ 1832232 h 2323145"/>
              <a:gd name="connsiteX92" fmla="*/ 6335708 w 11269336"/>
              <a:gd name="connsiteY92" fmla="*/ 1838451 h 2323145"/>
              <a:gd name="connsiteX93" fmla="*/ 6318182 w 11269336"/>
              <a:gd name="connsiteY93" fmla="*/ 1852975 h 2323145"/>
              <a:gd name="connsiteX94" fmla="*/ 6313084 w 11269336"/>
              <a:gd name="connsiteY94" fmla="*/ 1853561 h 2323145"/>
              <a:gd name="connsiteX95" fmla="*/ 6283816 w 11269336"/>
              <a:gd name="connsiteY95" fmla="*/ 1872148 h 2323145"/>
              <a:gd name="connsiteX96" fmla="*/ 6282550 w 11269336"/>
              <a:gd name="connsiteY96" fmla="*/ 1871392 h 2323145"/>
              <a:gd name="connsiteX97" fmla="*/ 6270527 w 11269336"/>
              <a:gd name="connsiteY97" fmla="*/ 1872208 h 2323145"/>
              <a:gd name="connsiteX98" fmla="*/ 6249518 w 11269336"/>
              <a:gd name="connsiteY98" fmla="*/ 1876079 h 2323145"/>
              <a:gd name="connsiteX99" fmla="*/ 6190386 w 11269336"/>
              <a:gd name="connsiteY99" fmla="*/ 1872478 h 2323145"/>
              <a:gd name="connsiteX100" fmla="*/ 6159777 w 11269336"/>
              <a:gd name="connsiteY100" fmla="*/ 1891745 h 2323145"/>
              <a:gd name="connsiteX101" fmla="*/ 6153131 w 11269336"/>
              <a:gd name="connsiteY101" fmla="*/ 1895079 h 2323145"/>
              <a:gd name="connsiteX102" fmla="*/ 6152798 w 11269336"/>
              <a:gd name="connsiteY102" fmla="*/ 1894920 h 2323145"/>
              <a:gd name="connsiteX103" fmla="*/ 6145388 w 11269336"/>
              <a:gd name="connsiteY103" fmla="*/ 1897990 h 2323145"/>
              <a:gd name="connsiteX104" fmla="*/ 6141014 w 11269336"/>
              <a:gd name="connsiteY104" fmla="*/ 1901155 h 2323145"/>
              <a:gd name="connsiteX105" fmla="*/ 6128122 w 11269336"/>
              <a:gd name="connsiteY105" fmla="*/ 1907623 h 2323145"/>
              <a:gd name="connsiteX106" fmla="*/ 6122351 w 11269336"/>
              <a:gd name="connsiteY106" fmla="*/ 1908359 h 2323145"/>
              <a:gd name="connsiteX107" fmla="*/ 6064750 w 11269336"/>
              <a:gd name="connsiteY107" fmla="*/ 1896394 h 2323145"/>
              <a:gd name="connsiteX108" fmla="*/ 5964230 w 11269336"/>
              <a:gd name="connsiteY108" fmla="*/ 1910038 h 2323145"/>
              <a:gd name="connsiteX109" fmla="*/ 5865399 w 11269336"/>
              <a:gd name="connsiteY109" fmla="*/ 1926966 h 2323145"/>
              <a:gd name="connsiteX110" fmla="*/ 5829951 w 11269336"/>
              <a:gd name="connsiteY110" fmla="*/ 1934755 h 2323145"/>
              <a:gd name="connsiteX111" fmla="*/ 5765285 w 11269336"/>
              <a:gd name="connsiteY111" fmla="*/ 1941322 h 2323145"/>
              <a:gd name="connsiteX112" fmla="*/ 5734750 w 11269336"/>
              <a:gd name="connsiteY112" fmla="*/ 1939793 h 2323145"/>
              <a:gd name="connsiteX113" fmla="*/ 5733569 w 11269336"/>
              <a:gd name="connsiteY113" fmla="*/ 1940505 h 2323145"/>
              <a:gd name="connsiteX114" fmla="*/ 5730329 w 11269336"/>
              <a:gd name="connsiteY114" fmla="*/ 1937845 h 2323145"/>
              <a:gd name="connsiteX115" fmla="*/ 5724661 w 11269336"/>
              <a:gd name="connsiteY115" fmla="*/ 1937455 h 2323145"/>
              <a:gd name="connsiteX116" fmla="*/ 5710186 w 11269336"/>
              <a:gd name="connsiteY116" fmla="*/ 1941370 h 2323145"/>
              <a:gd name="connsiteX117" fmla="*/ 5704910 w 11269336"/>
              <a:gd name="connsiteY117" fmla="*/ 1943663 h 2323145"/>
              <a:gd name="connsiteX118" fmla="*/ 5696836 w 11269336"/>
              <a:gd name="connsiteY118" fmla="*/ 1945271 h 2323145"/>
              <a:gd name="connsiteX119" fmla="*/ 5696583 w 11269336"/>
              <a:gd name="connsiteY119" fmla="*/ 1945050 h 2323145"/>
              <a:gd name="connsiteX120" fmla="*/ 5689123 w 11269336"/>
              <a:gd name="connsiteY120" fmla="*/ 1947067 h 2323145"/>
              <a:gd name="connsiteX121" fmla="*/ 5653291 w 11269336"/>
              <a:gd name="connsiteY121" fmla="*/ 1960245 h 2323145"/>
              <a:gd name="connsiteX122" fmla="*/ 5599385 w 11269336"/>
              <a:gd name="connsiteY122" fmla="*/ 1945198 h 2323145"/>
              <a:gd name="connsiteX123" fmla="*/ 5578300 w 11269336"/>
              <a:gd name="connsiteY123" fmla="*/ 1944963 h 2323145"/>
              <a:gd name="connsiteX124" fmla="*/ 5566758 w 11269336"/>
              <a:gd name="connsiteY124" fmla="*/ 1943441 h 2323145"/>
              <a:gd name="connsiteX125" fmla="*/ 5565857 w 11269336"/>
              <a:gd name="connsiteY125" fmla="*/ 1942445 h 2323145"/>
              <a:gd name="connsiteX126" fmla="*/ 5531534 w 11269336"/>
              <a:gd name="connsiteY126" fmla="*/ 1955208 h 2323145"/>
              <a:gd name="connsiteX127" fmla="*/ 5526552 w 11269336"/>
              <a:gd name="connsiteY127" fmla="*/ 1954799 h 2323145"/>
              <a:gd name="connsiteX128" fmla="*/ 5504723 w 11269336"/>
              <a:gd name="connsiteY128" fmla="*/ 1965811 h 2323145"/>
              <a:gd name="connsiteX129" fmla="*/ 5493156 w 11269336"/>
              <a:gd name="connsiteY129" fmla="*/ 1970063 h 2323145"/>
              <a:gd name="connsiteX130" fmla="*/ 5490486 w 11269336"/>
              <a:gd name="connsiteY130" fmla="*/ 1974227 h 2323145"/>
              <a:gd name="connsiteX131" fmla="*/ 5473107 w 11269336"/>
              <a:gd name="connsiteY131" fmla="*/ 1979001 h 2323145"/>
              <a:gd name="connsiteX132" fmla="*/ 5470885 w 11269336"/>
              <a:gd name="connsiteY132" fmla="*/ 1978432 h 2323145"/>
              <a:gd name="connsiteX133" fmla="*/ 5457393 w 11269336"/>
              <a:gd name="connsiteY133" fmla="*/ 1986525 h 2323145"/>
              <a:gd name="connsiteX134" fmla="*/ 5447102 w 11269336"/>
              <a:gd name="connsiteY134" fmla="*/ 1998329 h 2323145"/>
              <a:gd name="connsiteX135" fmla="*/ 5159151 w 11269336"/>
              <a:gd name="connsiteY135" fmla="*/ 2029640 h 2323145"/>
              <a:gd name="connsiteX136" fmla="*/ 5041688 w 11269336"/>
              <a:gd name="connsiteY136" fmla="*/ 2022334 h 2323145"/>
              <a:gd name="connsiteX137" fmla="*/ 4860988 w 11269336"/>
              <a:gd name="connsiteY137" fmla="*/ 2135698 h 2323145"/>
              <a:gd name="connsiteX138" fmla="*/ 4807902 w 11269336"/>
              <a:gd name="connsiteY138" fmla="*/ 2138894 h 2323145"/>
              <a:gd name="connsiteX139" fmla="*/ 4765388 w 11269336"/>
              <a:gd name="connsiteY139" fmla="*/ 2162525 h 2323145"/>
              <a:gd name="connsiteX140" fmla="*/ 4745033 w 11269336"/>
              <a:gd name="connsiteY140" fmla="*/ 2158859 h 2323145"/>
              <a:gd name="connsiteX141" fmla="*/ 4741475 w 11269336"/>
              <a:gd name="connsiteY141" fmla="*/ 2157998 h 2323145"/>
              <a:gd name="connsiteX142" fmla="*/ 4728247 w 11269336"/>
              <a:gd name="connsiteY142" fmla="*/ 2159526 h 2323145"/>
              <a:gd name="connsiteX143" fmla="*/ 4723263 w 11269336"/>
              <a:gd name="connsiteY143" fmla="*/ 2153742 h 2323145"/>
              <a:gd name="connsiteX144" fmla="*/ 4702453 w 11269336"/>
              <a:gd name="connsiteY144" fmla="*/ 2151586 h 2323145"/>
              <a:gd name="connsiteX145" fmla="*/ 4678455 w 11269336"/>
              <a:gd name="connsiteY145" fmla="*/ 2156131 h 2323145"/>
              <a:gd name="connsiteX146" fmla="*/ 4593061 w 11269336"/>
              <a:gd name="connsiteY146" fmla="*/ 2171597 h 2323145"/>
              <a:gd name="connsiteX147" fmla="*/ 4579902 w 11269336"/>
              <a:gd name="connsiteY147" fmla="*/ 2177927 h 2323145"/>
              <a:gd name="connsiteX148" fmla="*/ 4533444 w 11269336"/>
              <a:gd name="connsiteY148" fmla="*/ 2181200 h 2323145"/>
              <a:gd name="connsiteX149" fmla="*/ 4492832 w 11269336"/>
              <a:gd name="connsiteY149" fmla="*/ 2188033 h 2323145"/>
              <a:gd name="connsiteX150" fmla="*/ 4467257 w 11269336"/>
              <a:gd name="connsiteY150" fmla="*/ 2196121 h 2323145"/>
              <a:gd name="connsiteX151" fmla="*/ 4459937 w 11269336"/>
              <a:gd name="connsiteY151" fmla="*/ 2195182 h 2323145"/>
              <a:gd name="connsiteX152" fmla="*/ 4433312 w 11269336"/>
              <a:gd name="connsiteY152" fmla="*/ 2199004 h 2323145"/>
              <a:gd name="connsiteX153" fmla="*/ 4420601 w 11269336"/>
              <a:gd name="connsiteY153" fmla="*/ 2205158 h 2323145"/>
              <a:gd name="connsiteX154" fmla="*/ 4405765 w 11269336"/>
              <a:gd name="connsiteY154" fmla="*/ 2199902 h 2323145"/>
              <a:gd name="connsiteX155" fmla="*/ 4401354 w 11269336"/>
              <a:gd name="connsiteY155" fmla="*/ 2194745 h 2323145"/>
              <a:gd name="connsiteX156" fmla="*/ 4383151 w 11269336"/>
              <a:gd name="connsiteY156" fmla="*/ 2201140 h 2323145"/>
              <a:gd name="connsiteX157" fmla="*/ 4366646 w 11269336"/>
              <a:gd name="connsiteY157" fmla="*/ 2198564 h 2323145"/>
              <a:gd name="connsiteX158" fmla="*/ 4354009 w 11269336"/>
              <a:gd name="connsiteY158" fmla="*/ 2204984 h 2323145"/>
              <a:gd name="connsiteX159" fmla="*/ 4348284 w 11269336"/>
              <a:gd name="connsiteY159" fmla="*/ 2205270 h 2323145"/>
              <a:gd name="connsiteX160" fmla="*/ 4333906 w 11269336"/>
              <a:gd name="connsiteY160" fmla="*/ 2205251 h 2323145"/>
              <a:gd name="connsiteX161" fmla="*/ 4308819 w 11269336"/>
              <a:gd name="connsiteY161" fmla="*/ 2203822 h 2323145"/>
              <a:gd name="connsiteX162" fmla="*/ 4301210 w 11269336"/>
              <a:gd name="connsiteY162" fmla="*/ 2204456 h 2323145"/>
              <a:gd name="connsiteX163" fmla="*/ 4283095 w 11269336"/>
              <a:gd name="connsiteY163" fmla="*/ 2198177 h 2323145"/>
              <a:gd name="connsiteX164" fmla="*/ 4250119 w 11269336"/>
              <a:gd name="connsiteY164" fmla="*/ 2196342 h 2323145"/>
              <a:gd name="connsiteX165" fmla="*/ 4189203 w 11269336"/>
              <a:gd name="connsiteY165" fmla="*/ 2178994 h 2323145"/>
              <a:gd name="connsiteX166" fmla="*/ 4154035 w 11269336"/>
              <a:gd name="connsiteY166" fmla="*/ 2171950 h 2323145"/>
              <a:gd name="connsiteX167" fmla="*/ 4129569 w 11269336"/>
              <a:gd name="connsiteY167" fmla="*/ 2163850 h 2323145"/>
              <a:gd name="connsiteX168" fmla="*/ 4061250 w 11269336"/>
              <a:gd name="connsiteY168" fmla="*/ 2159236 h 2323145"/>
              <a:gd name="connsiteX169" fmla="*/ 3945480 w 11269336"/>
              <a:gd name="connsiteY169" fmla="*/ 2158279 h 2323145"/>
              <a:gd name="connsiteX170" fmla="*/ 3921468 w 11269336"/>
              <a:gd name="connsiteY170" fmla="*/ 2156588 h 2323145"/>
              <a:gd name="connsiteX171" fmla="*/ 3903348 w 11269336"/>
              <a:gd name="connsiteY171" fmla="*/ 2149220 h 2323145"/>
              <a:gd name="connsiteX172" fmla="*/ 3901342 w 11269336"/>
              <a:gd name="connsiteY172" fmla="*/ 2142355 h 2323145"/>
              <a:gd name="connsiteX173" fmla="*/ 3888539 w 11269336"/>
              <a:gd name="connsiteY173" fmla="*/ 2140476 h 2323145"/>
              <a:gd name="connsiteX174" fmla="*/ 3885662 w 11269336"/>
              <a:gd name="connsiteY174" fmla="*/ 2138740 h 2323145"/>
              <a:gd name="connsiteX175" fmla="*/ 3868627 w 11269336"/>
              <a:gd name="connsiteY175" fmla="*/ 2130023 h 2323145"/>
              <a:gd name="connsiteX176" fmla="*/ 3819177 w 11269336"/>
              <a:gd name="connsiteY176" fmla="*/ 2142111 h 2323145"/>
              <a:gd name="connsiteX177" fmla="*/ 3769100 w 11269336"/>
              <a:gd name="connsiteY177" fmla="*/ 2131731 h 2323145"/>
              <a:gd name="connsiteX178" fmla="*/ 3562752 w 11269336"/>
              <a:gd name="connsiteY178" fmla="*/ 2131785 h 2323145"/>
              <a:gd name="connsiteX179" fmla="*/ 3541402 w 11269336"/>
              <a:gd name="connsiteY179" fmla="*/ 2106821 h 2323145"/>
              <a:gd name="connsiteX180" fmla="*/ 3365341 w 11269336"/>
              <a:gd name="connsiteY180" fmla="*/ 2077638 h 2323145"/>
              <a:gd name="connsiteX181" fmla="*/ 3170922 w 11269336"/>
              <a:gd name="connsiteY181" fmla="*/ 2115957 h 2323145"/>
              <a:gd name="connsiteX182" fmla="*/ 3156256 w 11269336"/>
              <a:gd name="connsiteY182" fmla="*/ 2124773 h 2323145"/>
              <a:gd name="connsiteX183" fmla="*/ 3140298 w 11269336"/>
              <a:gd name="connsiteY183" fmla="*/ 2129182 h 2323145"/>
              <a:gd name="connsiteX184" fmla="*/ 3138514 w 11269336"/>
              <a:gd name="connsiteY184" fmla="*/ 2128069 h 2323145"/>
              <a:gd name="connsiteX185" fmla="*/ 3120467 w 11269336"/>
              <a:gd name="connsiteY185" fmla="*/ 2128281 h 2323145"/>
              <a:gd name="connsiteX186" fmla="*/ 3116175 w 11269336"/>
              <a:gd name="connsiteY186" fmla="*/ 2131633 h 2323145"/>
              <a:gd name="connsiteX187" fmla="*/ 3103685 w 11269336"/>
              <a:gd name="connsiteY187" fmla="*/ 2132814 h 2323145"/>
              <a:gd name="connsiteX188" fmla="*/ 3078794 w 11269336"/>
              <a:gd name="connsiteY188" fmla="*/ 2137935 h 2323145"/>
              <a:gd name="connsiteX189" fmla="*/ 3074407 w 11269336"/>
              <a:gd name="connsiteY189" fmla="*/ 2136274 h 2323145"/>
              <a:gd name="connsiteX190" fmla="*/ 3037285 w 11269336"/>
              <a:gd name="connsiteY190" fmla="*/ 2139919 h 2323145"/>
              <a:gd name="connsiteX191" fmla="*/ 3036901 w 11269336"/>
              <a:gd name="connsiteY191" fmla="*/ 2138726 h 2323145"/>
              <a:gd name="connsiteX192" fmla="*/ 3026996 w 11269336"/>
              <a:gd name="connsiteY192" fmla="*/ 2134322 h 2323145"/>
              <a:gd name="connsiteX193" fmla="*/ 3007772 w 11269336"/>
              <a:gd name="connsiteY193" fmla="*/ 2128742 h 2323145"/>
              <a:gd name="connsiteX194" fmla="*/ 2965030 w 11269336"/>
              <a:gd name="connsiteY194" fmla="*/ 2100494 h 2323145"/>
              <a:gd name="connsiteX195" fmla="*/ 2926342 w 11269336"/>
              <a:gd name="connsiteY195" fmla="*/ 2104155 h 2323145"/>
              <a:gd name="connsiteX196" fmla="*/ 2918608 w 11269336"/>
              <a:gd name="connsiteY196" fmla="*/ 2104215 h 2323145"/>
              <a:gd name="connsiteX197" fmla="*/ 2918475 w 11269336"/>
              <a:gd name="connsiteY197" fmla="*/ 2103937 h 2323145"/>
              <a:gd name="connsiteX198" fmla="*/ 2910360 w 11269336"/>
              <a:gd name="connsiteY198" fmla="*/ 2103444 h 2323145"/>
              <a:gd name="connsiteX199" fmla="*/ 2904507 w 11269336"/>
              <a:gd name="connsiteY199" fmla="*/ 2104326 h 2323145"/>
              <a:gd name="connsiteX200" fmla="*/ 2889503 w 11269336"/>
              <a:gd name="connsiteY200" fmla="*/ 2104443 h 2323145"/>
              <a:gd name="connsiteX201" fmla="*/ 2884480 w 11269336"/>
              <a:gd name="connsiteY201" fmla="*/ 2102626 h 2323145"/>
              <a:gd name="connsiteX202" fmla="*/ 2882689 w 11269336"/>
              <a:gd name="connsiteY202" fmla="*/ 2099228 h 2323145"/>
              <a:gd name="connsiteX203" fmla="*/ 2881291 w 11269336"/>
              <a:gd name="connsiteY203" fmla="*/ 2099618 h 2323145"/>
              <a:gd name="connsiteX204" fmla="*/ 2853979 w 11269336"/>
              <a:gd name="connsiteY204" fmla="*/ 2090388 h 2323145"/>
              <a:gd name="connsiteX205" fmla="*/ 2791790 w 11269336"/>
              <a:gd name="connsiteY205" fmla="*/ 2080332 h 2323145"/>
              <a:gd name="connsiteX206" fmla="*/ 2755844 w 11269336"/>
              <a:gd name="connsiteY206" fmla="*/ 2078874 h 2323145"/>
              <a:gd name="connsiteX207" fmla="*/ 2657742 w 11269336"/>
              <a:gd name="connsiteY207" fmla="*/ 2070179 h 2323145"/>
              <a:gd name="connsiteX208" fmla="*/ 2559549 w 11269336"/>
              <a:gd name="connsiteY208" fmla="*/ 2057873 h 2323145"/>
              <a:gd name="connsiteX209" fmla="*/ 2512054 w 11269336"/>
              <a:gd name="connsiteY209" fmla="*/ 2031671 h 2323145"/>
              <a:gd name="connsiteX210" fmla="*/ 2506437 w 11269336"/>
              <a:gd name="connsiteY210" fmla="*/ 2030918 h 2323145"/>
              <a:gd name="connsiteX211" fmla="*/ 2491752 w 11269336"/>
              <a:gd name="connsiteY211" fmla="*/ 2033906 h 2323145"/>
              <a:gd name="connsiteX212" fmla="*/ 2486338 w 11269336"/>
              <a:gd name="connsiteY212" fmla="*/ 2035862 h 2323145"/>
              <a:gd name="connsiteX213" fmla="*/ 2478186 w 11269336"/>
              <a:gd name="connsiteY213" fmla="*/ 2036953 h 2323145"/>
              <a:gd name="connsiteX214" fmla="*/ 2477950 w 11269336"/>
              <a:gd name="connsiteY214" fmla="*/ 2036715 h 2323145"/>
              <a:gd name="connsiteX215" fmla="*/ 2470381 w 11269336"/>
              <a:gd name="connsiteY215" fmla="*/ 2038256 h 2323145"/>
              <a:gd name="connsiteX216" fmla="*/ 2433781 w 11269336"/>
              <a:gd name="connsiteY216" fmla="*/ 2049140 h 2323145"/>
              <a:gd name="connsiteX217" fmla="*/ 2381172 w 11269336"/>
              <a:gd name="connsiteY217" fmla="*/ 2030645 h 2323145"/>
              <a:gd name="connsiteX218" fmla="*/ 2360198 w 11269336"/>
              <a:gd name="connsiteY218" fmla="*/ 2029059 h 2323145"/>
              <a:gd name="connsiteX219" fmla="*/ 2348815 w 11269336"/>
              <a:gd name="connsiteY219" fmla="*/ 2026798 h 2323145"/>
              <a:gd name="connsiteX220" fmla="*/ 2347988 w 11269336"/>
              <a:gd name="connsiteY220" fmla="*/ 2025745 h 2323145"/>
              <a:gd name="connsiteX221" fmla="*/ 2312920 w 11269336"/>
              <a:gd name="connsiteY221" fmla="*/ 2036311 h 2323145"/>
              <a:gd name="connsiteX222" fmla="*/ 2307986 w 11269336"/>
              <a:gd name="connsiteY222" fmla="*/ 2035583 h 2323145"/>
              <a:gd name="connsiteX223" fmla="*/ 2285481 w 11269336"/>
              <a:gd name="connsiteY223" fmla="*/ 2045197 h 2323145"/>
              <a:gd name="connsiteX224" fmla="*/ 2273666 w 11269336"/>
              <a:gd name="connsiteY224" fmla="*/ 2048710 h 2323145"/>
              <a:gd name="connsiteX225" fmla="*/ 2270719 w 11269336"/>
              <a:gd name="connsiteY225" fmla="*/ 2052702 h 2323145"/>
              <a:gd name="connsiteX226" fmla="*/ 2253080 w 11269336"/>
              <a:gd name="connsiteY226" fmla="*/ 2056363 h 2323145"/>
              <a:gd name="connsiteX227" fmla="*/ 2250906 w 11269336"/>
              <a:gd name="connsiteY227" fmla="*/ 2055654 h 2323145"/>
              <a:gd name="connsiteX228" fmla="*/ 2236905 w 11269336"/>
              <a:gd name="connsiteY228" fmla="*/ 2062882 h 2323145"/>
              <a:gd name="connsiteX229" fmla="*/ 2225830 w 11269336"/>
              <a:gd name="connsiteY229" fmla="*/ 2074027 h 2323145"/>
              <a:gd name="connsiteX230" fmla="*/ 2073776 w 11269336"/>
              <a:gd name="connsiteY230" fmla="*/ 2089244 h 2323145"/>
              <a:gd name="connsiteX231" fmla="*/ 1948256 w 11269336"/>
              <a:gd name="connsiteY231" fmla="*/ 2146616 h 2323145"/>
              <a:gd name="connsiteX232" fmla="*/ 1865582 w 11269336"/>
              <a:gd name="connsiteY232" fmla="*/ 2153738 h 2323145"/>
              <a:gd name="connsiteX233" fmla="*/ 1835210 w 11269336"/>
              <a:gd name="connsiteY233" fmla="*/ 2134244 h 2323145"/>
              <a:gd name="connsiteX234" fmla="*/ 1632661 w 11269336"/>
              <a:gd name="connsiteY234" fmla="*/ 2173882 h 2323145"/>
              <a:gd name="connsiteX235" fmla="*/ 1579590 w 11269336"/>
              <a:gd name="connsiteY235" fmla="*/ 2173680 h 2323145"/>
              <a:gd name="connsiteX236" fmla="*/ 1535601 w 11269336"/>
              <a:gd name="connsiteY236" fmla="*/ 2194590 h 2323145"/>
              <a:gd name="connsiteX237" fmla="*/ 1515594 w 11269336"/>
              <a:gd name="connsiteY237" fmla="*/ 2189622 h 2323145"/>
              <a:gd name="connsiteX238" fmla="*/ 1512113 w 11269336"/>
              <a:gd name="connsiteY238" fmla="*/ 2188534 h 2323145"/>
              <a:gd name="connsiteX239" fmla="*/ 1498838 w 11269336"/>
              <a:gd name="connsiteY239" fmla="*/ 2189213 h 2323145"/>
              <a:gd name="connsiteX240" fmla="*/ 1494279 w 11269336"/>
              <a:gd name="connsiteY240" fmla="*/ 2183112 h 2323145"/>
              <a:gd name="connsiteX241" fmla="*/ 1473714 w 11269336"/>
              <a:gd name="connsiteY241" fmla="*/ 2179625 h 2323145"/>
              <a:gd name="connsiteX242" fmla="*/ 1449503 w 11269336"/>
              <a:gd name="connsiteY242" fmla="*/ 2182633 h 2323145"/>
              <a:gd name="connsiteX243" fmla="*/ 1266687 w 11269336"/>
              <a:gd name="connsiteY243" fmla="*/ 2212688 h 2323145"/>
              <a:gd name="connsiteX244" fmla="*/ 1239614 w 11269336"/>
              <a:gd name="connsiteY244" fmla="*/ 2209727 h 2323145"/>
              <a:gd name="connsiteX245" fmla="*/ 1202436 w 11269336"/>
              <a:gd name="connsiteY245" fmla="*/ 2209817 h 2323145"/>
              <a:gd name="connsiteX246" fmla="*/ 1136097 w 11269336"/>
              <a:gd name="connsiteY246" fmla="*/ 2205112 h 2323145"/>
              <a:gd name="connsiteX247" fmla="*/ 988232 w 11269336"/>
              <a:gd name="connsiteY247" fmla="*/ 2235635 h 2323145"/>
              <a:gd name="connsiteX248" fmla="*/ 981959 w 11269336"/>
              <a:gd name="connsiteY248" fmla="*/ 2231607 h 2323145"/>
              <a:gd name="connsiteX249" fmla="*/ 938600 w 11269336"/>
              <a:gd name="connsiteY249" fmla="*/ 2238113 h 2323145"/>
              <a:gd name="connsiteX250" fmla="*/ 791788 w 11269336"/>
              <a:gd name="connsiteY250" fmla="*/ 2293224 h 2323145"/>
              <a:gd name="connsiteX251" fmla="*/ 706914 w 11269336"/>
              <a:gd name="connsiteY251" fmla="*/ 2305046 h 2323145"/>
              <a:gd name="connsiteX252" fmla="*/ 675971 w 11269336"/>
              <a:gd name="connsiteY252" fmla="*/ 2304030 h 2323145"/>
              <a:gd name="connsiteX253" fmla="*/ 624180 w 11269336"/>
              <a:gd name="connsiteY253" fmla="*/ 2302650 h 2323145"/>
              <a:gd name="connsiteX254" fmla="*/ 583453 w 11269336"/>
              <a:gd name="connsiteY254" fmla="*/ 2288788 h 2323145"/>
              <a:gd name="connsiteX255" fmla="*/ 540946 w 11269336"/>
              <a:gd name="connsiteY255" fmla="*/ 2292721 h 2323145"/>
              <a:gd name="connsiteX256" fmla="*/ 533680 w 11269336"/>
              <a:gd name="connsiteY256" fmla="*/ 2310233 h 2323145"/>
              <a:gd name="connsiteX257" fmla="*/ 487366 w 11269336"/>
              <a:gd name="connsiteY257" fmla="*/ 2309053 h 2323145"/>
              <a:gd name="connsiteX258" fmla="*/ 416820 w 11269336"/>
              <a:gd name="connsiteY258" fmla="*/ 2305443 h 2323145"/>
              <a:gd name="connsiteX259" fmla="*/ 376805 w 11269336"/>
              <a:gd name="connsiteY259" fmla="*/ 2307647 h 2323145"/>
              <a:gd name="connsiteX260" fmla="*/ 266777 w 11269336"/>
              <a:gd name="connsiteY260" fmla="*/ 2309012 h 2323145"/>
              <a:gd name="connsiteX261" fmla="*/ 156013 w 11269336"/>
              <a:gd name="connsiteY261" fmla="*/ 2306832 h 2323145"/>
              <a:gd name="connsiteX262" fmla="*/ 87258 w 11269336"/>
              <a:gd name="connsiteY262" fmla="*/ 2285511 h 2323145"/>
              <a:gd name="connsiteX263" fmla="*/ 23798 w 11269336"/>
              <a:gd name="connsiteY263" fmla="*/ 2281822 h 2323145"/>
              <a:gd name="connsiteX264" fmla="*/ 0 w 11269336"/>
              <a:gd name="connsiteY264" fmla="*/ 2285369 h 2323145"/>
              <a:gd name="connsiteX265" fmla="*/ 0 w 11269336"/>
              <a:gd name="connsiteY26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028928 w 11269336"/>
              <a:gd name="connsiteY21" fmla="*/ 745350 h 2323145"/>
              <a:gd name="connsiteX22" fmla="*/ 8977138 w 11269336"/>
              <a:gd name="connsiteY22" fmla="*/ 774970 h 2323145"/>
              <a:gd name="connsiteX23" fmla="*/ 8947030 w 11269336"/>
              <a:gd name="connsiteY23" fmla="*/ 814934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882654 w 11269336"/>
              <a:gd name="connsiteY29" fmla="*/ 892768 h 2323145"/>
              <a:gd name="connsiteX30" fmla="*/ 8795998 w 11269336"/>
              <a:gd name="connsiteY30" fmla="*/ 863337 h 2323145"/>
              <a:gd name="connsiteX31" fmla="*/ 8776970 w 11269336"/>
              <a:gd name="connsiteY31" fmla="*/ 885177 h 2323145"/>
              <a:gd name="connsiteX32" fmla="*/ 8755719 w 11269336"/>
              <a:gd name="connsiteY32" fmla="*/ 889754 h 2323145"/>
              <a:gd name="connsiteX33" fmla="*/ 8743257 w 11269336"/>
              <a:gd name="connsiteY33" fmla="*/ 904723 h 2323145"/>
              <a:gd name="connsiteX34" fmla="*/ 8721366 w 11269336"/>
              <a:gd name="connsiteY34" fmla="*/ 904711 h 2323145"/>
              <a:gd name="connsiteX35" fmla="*/ 8678353 w 11269336"/>
              <a:gd name="connsiteY35" fmla="*/ 926318 h 2323145"/>
              <a:gd name="connsiteX36" fmla="*/ 8636849 w 11269336"/>
              <a:gd name="connsiteY36" fmla="*/ 937900 h 2323145"/>
              <a:gd name="connsiteX37" fmla="*/ 8620213 w 11269336"/>
              <a:gd name="connsiteY37" fmla="*/ 943068 h 2323145"/>
              <a:gd name="connsiteX38" fmla="*/ 8612581 w 11269336"/>
              <a:gd name="connsiteY38" fmla="*/ 952695 h 2323145"/>
              <a:gd name="connsiteX39" fmla="*/ 8589038 w 11269336"/>
              <a:gd name="connsiteY39" fmla="*/ 963892 h 2323145"/>
              <a:gd name="connsiteX40" fmla="*/ 8579950 w 11269336"/>
              <a:gd name="connsiteY40" fmla="*/ 960899 h 2323145"/>
              <a:gd name="connsiteX41" fmla="*/ 8579319 w 11269336"/>
              <a:gd name="connsiteY41" fmla="*/ 965630 h 2323145"/>
              <a:gd name="connsiteX42" fmla="*/ 8547429 w 11269336"/>
              <a:gd name="connsiteY42" fmla="*/ 984506 h 2323145"/>
              <a:gd name="connsiteX43" fmla="*/ 8478704 w 11269336"/>
              <a:gd name="connsiteY43" fmla="*/ 1025490 h 2323145"/>
              <a:gd name="connsiteX44" fmla="*/ 8461421 w 11269336"/>
              <a:gd name="connsiteY44" fmla="*/ 1035512 h 2323145"/>
              <a:gd name="connsiteX45" fmla="*/ 8445003 w 11269336"/>
              <a:gd name="connsiteY45" fmla="*/ 1036851 h 2323145"/>
              <a:gd name="connsiteX46" fmla="*/ 8357350 w 11269336"/>
              <a:gd name="connsiteY46" fmla="*/ 1060213 h 2323145"/>
              <a:gd name="connsiteX47" fmla="*/ 8335565 w 11269336"/>
              <a:gd name="connsiteY47" fmla="*/ 1061151 h 2323145"/>
              <a:gd name="connsiteX48" fmla="*/ 8325267 w 11269336"/>
              <a:gd name="connsiteY48" fmla="*/ 1055919 h 2323145"/>
              <a:gd name="connsiteX49" fmla="*/ 8293586 w 11269336"/>
              <a:gd name="connsiteY49" fmla="*/ 1076144 h 2323145"/>
              <a:gd name="connsiteX50" fmla="*/ 8242405 w 11269336"/>
              <a:gd name="connsiteY50" fmla="*/ 1095960 h 2323145"/>
              <a:gd name="connsiteX51" fmla="*/ 8197391 w 11269336"/>
              <a:gd name="connsiteY51" fmla="*/ 1107746 h 2323145"/>
              <a:gd name="connsiteX52" fmla="*/ 8081474 w 11269336"/>
              <a:gd name="connsiteY52" fmla="*/ 1130125 h 2323145"/>
              <a:gd name="connsiteX53" fmla="*/ 8053585 w 11269336"/>
              <a:gd name="connsiteY53" fmla="*/ 1129169 h 2323145"/>
              <a:gd name="connsiteX54" fmla="*/ 8038422 w 11269336"/>
              <a:gd name="connsiteY54" fmla="*/ 1119092 h 2323145"/>
              <a:gd name="connsiteX55" fmla="*/ 8029450 w 11269336"/>
              <a:gd name="connsiteY55" fmla="*/ 1125592 h 2323145"/>
              <a:gd name="connsiteX56" fmla="*/ 7959552 w 11269336"/>
              <a:gd name="connsiteY56" fmla="*/ 1140188 h 2323145"/>
              <a:gd name="connsiteX57" fmla="*/ 7914188 w 11269336"/>
              <a:gd name="connsiteY57" fmla="*/ 1150862 h 2323145"/>
              <a:gd name="connsiteX58" fmla="*/ 7914918 w 11269336"/>
              <a:gd name="connsiteY58" fmla="*/ 1168758 h 2323145"/>
              <a:gd name="connsiteX59" fmla="*/ 7875510 w 11269336"/>
              <a:gd name="connsiteY59" fmla="*/ 1183153 h 2323145"/>
              <a:gd name="connsiteX60" fmla="*/ 7829932 w 11269336"/>
              <a:gd name="connsiteY60" fmla="*/ 1180782 h 2323145"/>
              <a:gd name="connsiteX61" fmla="*/ 7779182 w 11269336"/>
              <a:gd name="connsiteY61" fmla="*/ 1192665 h 2323145"/>
              <a:gd name="connsiteX62" fmla="*/ 7748774 w 11269336"/>
              <a:gd name="connsiteY62" fmla="*/ 1199586 h 2323145"/>
              <a:gd name="connsiteX63" fmla="*/ 7671846 w 11269336"/>
              <a:gd name="connsiteY63" fmla="*/ 1231966 h 2323145"/>
              <a:gd name="connsiteX64" fmla="*/ 7554146 w 11269336"/>
              <a:gd name="connsiteY64" fmla="*/ 1319748 h 2323145"/>
              <a:gd name="connsiteX65" fmla="*/ 7515052 w 11269336"/>
              <a:gd name="connsiteY65" fmla="*/ 1336718 h 2323145"/>
              <a:gd name="connsiteX66" fmla="*/ 7507193 w 11269336"/>
              <a:gd name="connsiteY66" fmla="*/ 1334617 h 2323145"/>
              <a:gd name="connsiteX67" fmla="*/ 7461694 w 11269336"/>
              <a:gd name="connsiteY67" fmla="*/ 1375866 h 2323145"/>
              <a:gd name="connsiteX68" fmla="*/ 7377571 w 11269336"/>
              <a:gd name="connsiteY68" fmla="*/ 1400128 h 2323145"/>
              <a:gd name="connsiteX69" fmla="*/ 7311261 w 11269336"/>
              <a:gd name="connsiteY69" fmla="*/ 1412652 h 2323145"/>
              <a:gd name="connsiteX70" fmla="*/ 7275307 w 11269336"/>
              <a:gd name="connsiteY70" fmla="*/ 1422171 h 2323145"/>
              <a:gd name="connsiteX71" fmla="*/ 7247783 w 11269336"/>
              <a:gd name="connsiteY71" fmla="*/ 1426330 h 2323145"/>
              <a:gd name="connsiteX72" fmla="*/ 7185047 w 11269336"/>
              <a:gd name="connsiteY72" fmla="*/ 1451812 h 2323145"/>
              <a:gd name="connsiteX73" fmla="*/ 7084117 w 11269336"/>
              <a:gd name="connsiteY73" fmla="*/ 1500281 h 2323145"/>
              <a:gd name="connsiteX74" fmla="*/ 7062011 w 11269336"/>
              <a:gd name="connsiteY74" fmla="*/ 1509183 h 2323145"/>
              <a:gd name="connsiteX75" fmla="*/ 7040555 w 11269336"/>
              <a:gd name="connsiteY75" fmla="*/ 1511207 h 2323145"/>
              <a:gd name="connsiteX76" fmla="*/ 7033438 w 11269336"/>
              <a:gd name="connsiteY76" fmla="*/ 1506772 h 2323145"/>
              <a:gd name="connsiteX77" fmla="*/ 7020886 w 11269336"/>
              <a:gd name="connsiteY77" fmla="*/ 1510764 h 2323145"/>
              <a:gd name="connsiteX78" fmla="*/ 7017033 w 11269336"/>
              <a:gd name="connsiteY78" fmla="*/ 1510650 h 2323145"/>
              <a:gd name="connsiteX79" fmla="*/ 6995460 w 11269336"/>
              <a:gd name="connsiteY79" fmla="*/ 1511173 h 2323145"/>
              <a:gd name="connsiteX80" fmla="*/ 6962144 w 11269336"/>
              <a:gd name="connsiteY80" fmla="*/ 1541508 h 2323145"/>
              <a:gd name="connsiteX81" fmla="*/ 6910674 w 11269336"/>
              <a:gd name="connsiteY81" fmla="*/ 1554793 h 2323145"/>
              <a:gd name="connsiteX82" fmla="*/ 6732152 w 11269336"/>
              <a:gd name="connsiteY82" fmla="*/ 1642538 h 2323145"/>
              <a:gd name="connsiteX83" fmla="*/ 6694106 w 11269336"/>
              <a:gd name="connsiteY83" fmla="*/ 1632377 h 2323145"/>
              <a:gd name="connsiteX84" fmla="*/ 6617223 w 11269336"/>
              <a:gd name="connsiteY84" fmla="*/ 1659889 h 2323145"/>
              <a:gd name="connsiteX85" fmla="*/ 6521138 w 11269336"/>
              <a:gd name="connsiteY85" fmla="*/ 1744340 h 2323145"/>
              <a:gd name="connsiteX86" fmla="*/ 6380677 w 11269336"/>
              <a:gd name="connsiteY86" fmla="*/ 1796883 h 2323145"/>
              <a:gd name="connsiteX87" fmla="*/ 6374897 w 11269336"/>
              <a:gd name="connsiteY87" fmla="*/ 1809910 h 2323145"/>
              <a:gd name="connsiteX88" fmla="*/ 6364545 w 11269336"/>
              <a:gd name="connsiteY88" fmla="*/ 1820090 h 2323145"/>
              <a:gd name="connsiteX89" fmla="*/ 6362126 w 11269336"/>
              <a:gd name="connsiteY89" fmla="*/ 1819991 h 2323145"/>
              <a:gd name="connsiteX90" fmla="*/ 6346673 w 11269336"/>
              <a:gd name="connsiteY90" fmla="*/ 1827824 h 2323145"/>
              <a:gd name="connsiteX91" fmla="*/ 6345588 w 11269336"/>
              <a:gd name="connsiteY91" fmla="*/ 1832232 h 2323145"/>
              <a:gd name="connsiteX92" fmla="*/ 6335708 w 11269336"/>
              <a:gd name="connsiteY92" fmla="*/ 1838451 h 2323145"/>
              <a:gd name="connsiteX93" fmla="*/ 6318182 w 11269336"/>
              <a:gd name="connsiteY93" fmla="*/ 1852975 h 2323145"/>
              <a:gd name="connsiteX94" fmla="*/ 6313084 w 11269336"/>
              <a:gd name="connsiteY94" fmla="*/ 1853561 h 2323145"/>
              <a:gd name="connsiteX95" fmla="*/ 6283816 w 11269336"/>
              <a:gd name="connsiteY95" fmla="*/ 1872148 h 2323145"/>
              <a:gd name="connsiteX96" fmla="*/ 6282550 w 11269336"/>
              <a:gd name="connsiteY96" fmla="*/ 1871392 h 2323145"/>
              <a:gd name="connsiteX97" fmla="*/ 6270527 w 11269336"/>
              <a:gd name="connsiteY97" fmla="*/ 1872208 h 2323145"/>
              <a:gd name="connsiteX98" fmla="*/ 6249518 w 11269336"/>
              <a:gd name="connsiteY98" fmla="*/ 1876079 h 2323145"/>
              <a:gd name="connsiteX99" fmla="*/ 6190386 w 11269336"/>
              <a:gd name="connsiteY99" fmla="*/ 1872478 h 2323145"/>
              <a:gd name="connsiteX100" fmla="*/ 6159777 w 11269336"/>
              <a:gd name="connsiteY100" fmla="*/ 1891745 h 2323145"/>
              <a:gd name="connsiteX101" fmla="*/ 6153131 w 11269336"/>
              <a:gd name="connsiteY101" fmla="*/ 1895079 h 2323145"/>
              <a:gd name="connsiteX102" fmla="*/ 6152798 w 11269336"/>
              <a:gd name="connsiteY102" fmla="*/ 1894920 h 2323145"/>
              <a:gd name="connsiteX103" fmla="*/ 6145388 w 11269336"/>
              <a:gd name="connsiteY103" fmla="*/ 1897990 h 2323145"/>
              <a:gd name="connsiteX104" fmla="*/ 6141014 w 11269336"/>
              <a:gd name="connsiteY104" fmla="*/ 1901155 h 2323145"/>
              <a:gd name="connsiteX105" fmla="*/ 6128122 w 11269336"/>
              <a:gd name="connsiteY105" fmla="*/ 1907623 h 2323145"/>
              <a:gd name="connsiteX106" fmla="*/ 6122351 w 11269336"/>
              <a:gd name="connsiteY106" fmla="*/ 1908359 h 2323145"/>
              <a:gd name="connsiteX107" fmla="*/ 6064750 w 11269336"/>
              <a:gd name="connsiteY107" fmla="*/ 1896394 h 2323145"/>
              <a:gd name="connsiteX108" fmla="*/ 5964230 w 11269336"/>
              <a:gd name="connsiteY108" fmla="*/ 1910038 h 2323145"/>
              <a:gd name="connsiteX109" fmla="*/ 5865399 w 11269336"/>
              <a:gd name="connsiteY109" fmla="*/ 1926966 h 2323145"/>
              <a:gd name="connsiteX110" fmla="*/ 5829951 w 11269336"/>
              <a:gd name="connsiteY110" fmla="*/ 1934755 h 2323145"/>
              <a:gd name="connsiteX111" fmla="*/ 5765285 w 11269336"/>
              <a:gd name="connsiteY111" fmla="*/ 1941322 h 2323145"/>
              <a:gd name="connsiteX112" fmla="*/ 5734750 w 11269336"/>
              <a:gd name="connsiteY112" fmla="*/ 1939793 h 2323145"/>
              <a:gd name="connsiteX113" fmla="*/ 5733569 w 11269336"/>
              <a:gd name="connsiteY113" fmla="*/ 1940505 h 2323145"/>
              <a:gd name="connsiteX114" fmla="*/ 5730329 w 11269336"/>
              <a:gd name="connsiteY114" fmla="*/ 1937845 h 2323145"/>
              <a:gd name="connsiteX115" fmla="*/ 5724661 w 11269336"/>
              <a:gd name="connsiteY115" fmla="*/ 1937455 h 2323145"/>
              <a:gd name="connsiteX116" fmla="*/ 5710186 w 11269336"/>
              <a:gd name="connsiteY116" fmla="*/ 1941370 h 2323145"/>
              <a:gd name="connsiteX117" fmla="*/ 5704910 w 11269336"/>
              <a:gd name="connsiteY117" fmla="*/ 1943663 h 2323145"/>
              <a:gd name="connsiteX118" fmla="*/ 5696836 w 11269336"/>
              <a:gd name="connsiteY118" fmla="*/ 1945271 h 2323145"/>
              <a:gd name="connsiteX119" fmla="*/ 5696583 w 11269336"/>
              <a:gd name="connsiteY119" fmla="*/ 1945050 h 2323145"/>
              <a:gd name="connsiteX120" fmla="*/ 5689123 w 11269336"/>
              <a:gd name="connsiteY120" fmla="*/ 1947067 h 2323145"/>
              <a:gd name="connsiteX121" fmla="*/ 5653291 w 11269336"/>
              <a:gd name="connsiteY121" fmla="*/ 1960245 h 2323145"/>
              <a:gd name="connsiteX122" fmla="*/ 5599385 w 11269336"/>
              <a:gd name="connsiteY122" fmla="*/ 1945198 h 2323145"/>
              <a:gd name="connsiteX123" fmla="*/ 5578300 w 11269336"/>
              <a:gd name="connsiteY123" fmla="*/ 1944963 h 2323145"/>
              <a:gd name="connsiteX124" fmla="*/ 5566758 w 11269336"/>
              <a:gd name="connsiteY124" fmla="*/ 1943441 h 2323145"/>
              <a:gd name="connsiteX125" fmla="*/ 5565857 w 11269336"/>
              <a:gd name="connsiteY125" fmla="*/ 1942445 h 2323145"/>
              <a:gd name="connsiteX126" fmla="*/ 5531534 w 11269336"/>
              <a:gd name="connsiteY126" fmla="*/ 1955208 h 2323145"/>
              <a:gd name="connsiteX127" fmla="*/ 5526552 w 11269336"/>
              <a:gd name="connsiteY127" fmla="*/ 1954799 h 2323145"/>
              <a:gd name="connsiteX128" fmla="*/ 5504723 w 11269336"/>
              <a:gd name="connsiteY128" fmla="*/ 1965811 h 2323145"/>
              <a:gd name="connsiteX129" fmla="*/ 5493156 w 11269336"/>
              <a:gd name="connsiteY129" fmla="*/ 1970063 h 2323145"/>
              <a:gd name="connsiteX130" fmla="*/ 5490486 w 11269336"/>
              <a:gd name="connsiteY130" fmla="*/ 1974227 h 2323145"/>
              <a:gd name="connsiteX131" fmla="*/ 5473107 w 11269336"/>
              <a:gd name="connsiteY131" fmla="*/ 1979001 h 2323145"/>
              <a:gd name="connsiteX132" fmla="*/ 5470885 w 11269336"/>
              <a:gd name="connsiteY132" fmla="*/ 1978432 h 2323145"/>
              <a:gd name="connsiteX133" fmla="*/ 5457393 w 11269336"/>
              <a:gd name="connsiteY133" fmla="*/ 1986525 h 2323145"/>
              <a:gd name="connsiteX134" fmla="*/ 5447102 w 11269336"/>
              <a:gd name="connsiteY134" fmla="*/ 1998329 h 2323145"/>
              <a:gd name="connsiteX135" fmla="*/ 5159151 w 11269336"/>
              <a:gd name="connsiteY135" fmla="*/ 2029640 h 2323145"/>
              <a:gd name="connsiteX136" fmla="*/ 5041688 w 11269336"/>
              <a:gd name="connsiteY136" fmla="*/ 2022334 h 2323145"/>
              <a:gd name="connsiteX137" fmla="*/ 4860988 w 11269336"/>
              <a:gd name="connsiteY137" fmla="*/ 2135698 h 2323145"/>
              <a:gd name="connsiteX138" fmla="*/ 4807902 w 11269336"/>
              <a:gd name="connsiteY138" fmla="*/ 2138894 h 2323145"/>
              <a:gd name="connsiteX139" fmla="*/ 4765388 w 11269336"/>
              <a:gd name="connsiteY139" fmla="*/ 2162525 h 2323145"/>
              <a:gd name="connsiteX140" fmla="*/ 4745033 w 11269336"/>
              <a:gd name="connsiteY140" fmla="*/ 2158859 h 2323145"/>
              <a:gd name="connsiteX141" fmla="*/ 4741475 w 11269336"/>
              <a:gd name="connsiteY141" fmla="*/ 2157998 h 2323145"/>
              <a:gd name="connsiteX142" fmla="*/ 4728247 w 11269336"/>
              <a:gd name="connsiteY142" fmla="*/ 2159526 h 2323145"/>
              <a:gd name="connsiteX143" fmla="*/ 4723263 w 11269336"/>
              <a:gd name="connsiteY143" fmla="*/ 2153742 h 2323145"/>
              <a:gd name="connsiteX144" fmla="*/ 4702453 w 11269336"/>
              <a:gd name="connsiteY144" fmla="*/ 2151586 h 2323145"/>
              <a:gd name="connsiteX145" fmla="*/ 4678455 w 11269336"/>
              <a:gd name="connsiteY145" fmla="*/ 2156131 h 2323145"/>
              <a:gd name="connsiteX146" fmla="*/ 4593061 w 11269336"/>
              <a:gd name="connsiteY146" fmla="*/ 2171597 h 2323145"/>
              <a:gd name="connsiteX147" fmla="*/ 4579902 w 11269336"/>
              <a:gd name="connsiteY147" fmla="*/ 2177927 h 2323145"/>
              <a:gd name="connsiteX148" fmla="*/ 4533444 w 11269336"/>
              <a:gd name="connsiteY148" fmla="*/ 2181200 h 2323145"/>
              <a:gd name="connsiteX149" fmla="*/ 4492832 w 11269336"/>
              <a:gd name="connsiteY149" fmla="*/ 2188033 h 2323145"/>
              <a:gd name="connsiteX150" fmla="*/ 4467257 w 11269336"/>
              <a:gd name="connsiteY150" fmla="*/ 2196121 h 2323145"/>
              <a:gd name="connsiteX151" fmla="*/ 4459937 w 11269336"/>
              <a:gd name="connsiteY151" fmla="*/ 2195182 h 2323145"/>
              <a:gd name="connsiteX152" fmla="*/ 4433312 w 11269336"/>
              <a:gd name="connsiteY152" fmla="*/ 2199004 h 2323145"/>
              <a:gd name="connsiteX153" fmla="*/ 4420601 w 11269336"/>
              <a:gd name="connsiteY153" fmla="*/ 2205158 h 2323145"/>
              <a:gd name="connsiteX154" fmla="*/ 4405765 w 11269336"/>
              <a:gd name="connsiteY154" fmla="*/ 2199902 h 2323145"/>
              <a:gd name="connsiteX155" fmla="*/ 4401354 w 11269336"/>
              <a:gd name="connsiteY155" fmla="*/ 2194745 h 2323145"/>
              <a:gd name="connsiteX156" fmla="*/ 4383151 w 11269336"/>
              <a:gd name="connsiteY156" fmla="*/ 2201140 h 2323145"/>
              <a:gd name="connsiteX157" fmla="*/ 4366646 w 11269336"/>
              <a:gd name="connsiteY157" fmla="*/ 2198564 h 2323145"/>
              <a:gd name="connsiteX158" fmla="*/ 4354009 w 11269336"/>
              <a:gd name="connsiteY158" fmla="*/ 2204984 h 2323145"/>
              <a:gd name="connsiteX159" fmla="*/ 4348284 w 11269336"/>
              <a:gd name="connsiteY159" fmla="*/ 2205270 h 2323145"/>
              <a:gd name="connsiteX160" fmla="*/ 4333906 w 11269336"/>
              <a:gd name="connsiteY160" fmla="*/ 2205251 h 2323145"/>
              <a:gd name="connsiteX161" fmla="*/ 4308819 w 11269336"/>
              <a:gd name="connsiteY161" fmla="*/ 2203822 h 2323145"/>
              <a:gd name="connsiteX162" fmla="*/ 4301210 w 11269336"/>
              <a:gd name="connsiteY162" fmla="*/ 2204456 h 2323145"/>
              <a:gd name="connsiteX163" fmla="*/ 4283095 w 11269336"/>
              <a:gd name="connsiteY163" fmla="*/ 2198177 h 2323145"/>
              <a:gd name="connsiteX164" fmla="*/ 4250119 w 11269336"/>
              <a:gd name="connsiteY164" fmla="*/ 2196342 h 2323145"/>
              <a:gd name="connsiteX165" fmla="*/ 4189203 w 11269336"/>
              <a:gd name="connsiteY165" fmla="*/ 2178994 h 2323145"/>
              <a:gd name="connsiteX166" fmla="*/ 4154035 w 11269336"/>
              <a:gd name="connsiteY166" fmla="*/ 2171950 h 2323145"/>
              <a:gd name="connsiteX167" fmla="*/ 4129569 w 11269336"/>
              <a:gd name="connsiteY167" fmla="*/ 2163850 h 2323145"/>
              <a:gd name="connsiteX168" fmla="*/ 4061250 w 11269336"/>
              <a:gd name="connsiteY168" fmla="*/ 2159236 h 2323145"/>
              <a:gd name="connsiteX169" fmla="*/ 3945480 w 11269336"/>
              <a:gd name="connsiteY169" fmla="*/ 2158279 h 2323145"/>
              <a:gd name="connsiteX170" fmla="*/ 3921468 w 11269336"/>
              <a:gd name="connsiteY170" fmla="*/ 2156588 h 2323145"/>
              <a:gd name="connsiteX171" fmla="*/ 3903348 w 11269336"/>
              <a:gd name="connsiteY171" fmla="*/ 2149220 h 2323145"/>
              <a:gd name="connsiteX172" fmla="*/ 3901342 w 11269336"/>
              <a:gd name="connsiteY172" fmla="*/ 2142355 h 2323145"/>
              <a:gd name="connsiteX173" fmla="*/ 3888539 w 11269336"/>
              <a:gd name="connsiteY173" fmla="*/ 2140476 h 2323145"/>
              <a:gd name="connsiteX174" fmla="*/ 3885662 w 11269336"/>
              <a:gd name="connsiteY174" fmla="*/ 2138740 h 2323145"/>
              <a:gd name="connsiteX175" fmla="*/ 3868627 w 11269336"/>
              <a:gd name="connsiteY175" fmla="*/ 2130023 h 2323145"/>
              <a:gd name="connsiteX176" fmla="*/ 3819177 w 11269336"/>
              <a:gd name="connsiteY176" fmla="*/ 2142111 h 2323145"/>
              <a:gd name="connsiteX177" fmla="*/ 3769100 w 11269336"/>
              <a:gd name="connsiteY177" fmla="*/ 2131731 h 2323145"/>
              <a:gd name="connsiteX178" fmla="*/ 3562752 w 11269336"/>
              <a:gd name="connsiteY178" fmla="*/ 2131785 h 2323145"/>
              <a:gd name="connsiteX179" fmla="*/ 3541402 w 11269336"/>
              <a:gd name="connsiteY179" fmla="*/ 2106821 h 2323145"/>
              <a:gd name="connsiteX180" fmla="*/ 3365341 w 11269336"/>
              <a:gd name="connsiteY180" fmla="*/ 2077638 h 2323145"/>
              <a:gd name="connsiteX181" fmla="*/ 3170922 w 11269336"/>
              <a:gd name="connsiteY181" fmla="*/ 2115957 h 2323145"/>
              <a:gd name="connsiteX182" fmla="*/ 3156256 w 11269336"/>
              <a:gd name="connsiteY182" fmla="*/ 2124773 h 2323145"/>
              <a:gd name="connsiteX183" fmla="*/ 3140298 w 11269336"/>
              <a:gd name="connsiteY183" fmla="*/ 2129182 h 2323145"/>
              <a:gd name="connsiteX184" fmla="*/ 3138514 w 11269336"/>
              <a:gd name="connsiteY184" fmla="*/ 2128069 h 2323145"/>
              <a:gd name="connsiteX185" fmla="*/ 3120467 w 11269336"/>
              <a:gd name="connsiteY185" fmla="*/ 2128281 h 2323145"/>
              <a:gd name="connsiteX186" fmla="*/ 3116175 w 11269336"/>
              <a:gd name="connsiteY186" fmla="*/ 2131633 h 2323145"/>
              <a:gd name="connsiteX187" fmla="*/ 3103685 w 11269336"/>
              <a:gd name="connsiteY187" fmla="*/ 2132814 h 2323145"/>
              <a:gd name="connsiteX188" fmla="*/ 3078794 w 11269336"/>
              <a:gd name="connsiteY188" fmla="*/ 2137935 h 2323145"/>
              <a:gd name="connsiteX189" fmla="*/ 3074407 w 11269336"/>
              <a:gd name="connsiteY189" fmla="*/ 2136274 h 2323145"/>
              <a:gd name="connsiteX190" fmla="*/ 3037285 w 11269336"/>
              <a:gd name="connsiteY190" fmla="*/ 2139919 h 2323145"/>
              <a:gd name="connsiteX191" fmla="*/ 3036901 w 11269336"/>
              <a:gd name="connsiteY191" fmla="*/ 2138726 h 2323145"/>
              <a:gd name="connsiteX192" fmla="*/ 3026996 w 11269336"/>
              <a:gd name="connsiteY192" fmla="*/ 2134322 h 2323145"/>
              <a:gd name="connsiteX193" fmla="*/ 3007772 w 11269336"/>
              <a:gd name="connsiteY193" fmla="*/ 2128742 h 2323145"/>
              <a:gd name="connsiteX194" fmla="*/ 2965030 w 11269336"/>
              <a:gd name="connsiteY194" fmla="*/ 2100494 h 2323145"/>
              <a:gd name="connsiteX195" fmla="*/ 2926342 w 11269336"/>
              <a:gd name="connsiteY195" fmla="*/ 2104155 h 2323145"/>
              <a:gd name="connsiteX196" fmla="*/ 2918608 w 11269336"/>
              <a:gd name="connsiteY196" fmla="*/ 2104215 h 2323145"/>
              <a:gd name="connsiteX197" fmla="*/ 2918475 w 11269336"/>
              <a:gd name="connsiteY197" fmla="*/ 2103937 h 2323145"/>
              <a:gd name="connsiteX198" fmla="*/ 2910360 w 11269336"/>
              <a:gd name="connsiteY198" fmla="*/ 2103444 h 2323145"/>
              <a:gd name="connsiteX199" fmla="*/ 2904507 w 11269336"/>
              <a:gd name="connsiteY199" fmla="*/ 2104326 h 2323145"/>
              <a:gd name="connsiteX200" fmla="*/ 2889503 w 11269336"/>
              <a:gd name="connsiteY200" fmla="*/ 2104443 h 2323145"/>
              <a:gd name="connsiteX201" fmla="*/ 2884480 w 11269336"/>
              <a:gd name="connsiteY201" fmla="*/ 2102626 h 2323145"/>
              <a:gd name="connsiteX202" fmla="*/ 2882689 w 11269336"/>
              <a:gd name="connsiteY202" fmla="*/ 2099228 h 2323145"/>
              <a:gd name="connsiteX203" fmla="*/ 2881291 w 11269336"/>
              <a:gd name="connsiteY203" fmla="*/ 2099618 h 2323145"/>
              <a:gd name="connsiteX204" fmla="*/ 2853979 w 11269336"/>
              <a:gd name="connsiteY204" fmla="*/ 2090388 h 2323145"/>
              <a:gd name="connsiteX205" fmla="*/ 2791790 w 11269336"/>
              <a:gd name="connsiteY205" fmla="*/ 2080332 h 2323145"/>
              <a:gd name="connsiteX206" fmla="*/ 2755844 w 11269336"/>
              <a:gd name="connsiteY206" fmla="*/ 2078874 h 2323145"/>
              <a:gd name="connsiteX207" fmla="*/ 2657742 w 11269336"/>
              <a:gd name="connsiteY207" fmla="*/ 2070179 h 2323145"/>
              <a:gd name="connsiteX208" fmla="*/ 2559549 w 11269336"/>
              <a:gd name="connsiteY208" fmla="*/ 2057873 h 2323145"/>
              <a:gd name="connsiteX209" fmla="*/ 2512054 w 11269336"/>
              <a:gd name="connsiteY209" fmla="*/ 2031671 h 2323145"/>
              <a:gd name="connsiteX210" fmla="*/ 2506437 w 11269336"/>
              <a:gd name="connsiteY210" fmla="*/ 2030918 h 2323145"/>
              <a:gd name="connsiteX211" fmla="*/ 2491752 w 11269336"/>
              <a:gd name="connsiteY211" fmla="*/ 2033906 h 2323145"/>
              <a:gd name="connsiteX212" fmla="*/ 2486338 w 11269336"/>
              <a:gd name="connsiteY212" fmla="*/ 2035862 h 2323145"/>
              <a:gd name="connsiteX213" fmla="*/ 2478186 w 11269336"/>
              <a:gd name="connsiteY213" fmla="*/ 2036953 h 2323145"/>
              <a:gd name="connsiteX214" fmla="*/ 2477950 w 11269336"/>
              <a:gd name="connsiteY214" fmla="*/ 2036715 h 2323145"/>
              <a:gd name="connsiteX215" fmla="*/ 2470381 w 11269336"/>
              <a:gd name="connsiteY215" fmla="*/ 2038256 h 2323145"/>
              <a:gd name="connsiteX216" fmla="*/ 2433781 w 11269336"/>
              <a:gd name="connsiteY216" fmla="*/ 2049140 h 2323145"/>
              <a:gd name="connsiteX217" fmla="*/ 2381172 w 11269336"/>
              <a:gd name="connsiteY217" fmla="*/ 2030645 h 2323145"/>
              <a:gd name="connsiteX218" fmla="*/ 2360198 w 11269336"/>
              <a:gd name="connsiteY218" fmla="*/ 2029059 h 2323145"/>
              <a:gd name="connsiteX219" fmla="*/ 2348815 w 11269336"/>
              <a:gd name="connsiteY219" fmla="*/ 2026798 h 2323145"/>
              <a:gd name="connsiteX220" fmla="*/ 2347988 w 11269336"/>
              <a:gd name="connsiteY220" fmla="*/ 2025745 h 2323145"/>
              <a:gd name="connsiteX221" fmla="*/ 2312920 w 11269336"/>
              <a:gd name="connsiteY221" fmla="*/ 2036311 h 2323145"/>
              <a:gd name="connsiteX222" fmla="*/ 2307986 w 11269336"/>
              <a:gd name="connsiteY222" fmla="*/ 2035583 h 2323145"/>
              <a:gd name="connsiteX223" fmla="*/ 2285481 w 11269336"/>
              <a:gd name="connsiteY223" fmla="*/ 2045197 h 2323145"/>
              <a:gd name="connsiteX224" fmla="*/ 2273666 w 11269336"/>
              <a:gd name="connsiteY224" fmla="*/ 2048710 h 2323145"/>
              <a:gd name="connsiteX225" fmla="*/ 2270719 w 11269336"/>
              <a:gd name="connsiteY225" fmla="*/ 2052702 h 2323145"/>
              <a:gd name="connsiteX226" fmla="*/ 2253080 w 11269336"/>
              <a:gd name="connsiteY226" fmla="*/ 2056363 h 2323145"/>
              <a:gd name="connsiteX227" fmla="*/ 2250906 w 11269336"/>
              <a:gd name="connsiteY227" fmla="*/ 2055654 h 2323145"/>
              <a:gd name="connsiteX228" fmla="*/ 2236905 w 11269336"/>
              <a:gd name="connsiteY228" fmla="*/ 2062882 h 2323145"/>
              <a:gd name="connsiteX229" fmla="*/ 2225830 w 11269336"/>
              <a:gd name="connsiteY229" fmla="*/ 2074027 h 2323145"/>
              <a:gd name="connsiteX230" fmla="*/ 2073776 w 11269336"/>
              <a:gd name="connsiteY230" fmla="*/ 2089244 h 2323145"/>
              <a:gd name="connsiteX231" fmla="*/ 1948256 w 11269336"/>
              <a:gd name="connsiteY231" fmla="*/ 2146616 h 2323145"/>
              <a:gd name="connsiteX232" fmla="*/ 1865582 w 11269336"/>
              <a:gd name="connsiteY232" fmla="*/ 2153738 h 2323145"/>
              <a:gd name="connsiteX233" fmla="*/ 1835210 w 11269336"/>
              <a:gd name="connsiteY233" fmla="*/ 2134244 h 2323145"/>
              <a:gd name="connsiteX234" fmla="*/ 1632661 w 11269336"/>
              <a:gd name="connsiteY234" fmla="*/ 2173882 h 2323145"/>
              <a:gd name="connsiteX235" fmla="*/ 1579590 w 11269336"/>
              <a:gd name="connsiteY235" fmla="*/ 2173680 h 2323145"/>
              <a:gd name="connsiteX236" fmla="*/ 1535601 w 11269336"/>
              <a:gd name="connsiteY236" fmla="*/ 2194590 h 2323145"/>
              <a:gd name="connsiteX237" fmla="*/ 1515594 w 11269336"/>
              <a:gd name="connsiteY237" fmla="*/ 2189622 h 2323145"/>
              <a:gd name="connsiteX238" fmla="*/ 1512113 w 11269336"/>
              <a:gd name="connsiteY238" fmla="*/ 2188534 h 2323145"/>
              <a:gd name="connsiteX239" fmla="*/ 1498838 w 11269336"/>
              <a:gd name="connsiteY239" fmla="*/ 2189213 h 2323145"/>
              <a:gd name="connsiteX240" fmla="*/ 1494279 w 11269336"/>
              <a:gd name="connsiteY240" fmla="*/ 2183112 h 2323145"/>
              <a:gd name="connsiteX241" fmla="*/ 1473714 w 11269336"/>
              <a:gd name="connsiteY241" fmla="*/ 2179625 h 2323145"/>
              <a:gd name="connsiteX242" fmla="*/ 1449503 w 11269336"/>
              <a:gd name="connsiteY242" fmla="*/ 2182633 h 2323145"/>
              <a:gd name="connsiteX243" fmla="*/ 1266687 w 11269336"/>
              <a:gd name="connsiteY243" fmla="*/ 2212688 h 2323145"/>
              <a:gd name="connsiteX244" fmla="*/ 1239614 w 11269336"/>
              <a:gd name="connsiteY244" fmla="*/ 2209727 h 2323145"/>
              <a:gd name="connsiteX245" fmla="*/ 1202436 w 11269336"/>
              <a:gd name="connsiteY245" fmla="*/ 2209817 h 2323145"/>
              <a:gd name="connsiteX246" fmla="*/ 1136097 w 11269336"/>
              <a:gd name="connsiteY246" fmla="*/ 2205112 h 2323145"/>
              <a:gd name="connsiteX247" fmla="*/ 988232 w 11269336"/>
              <a:gd name="connsiteY247" fmla="*/ 2235635 h 2323145"/>
              <a:gd name="connsiteX248" fmla="*/ 981959 w 11269336"/>
              <a:gd name="connsiteY248" fmla="*/ 2231607 h 2323145"/>
              <a:gd name="connsiteX249" fmla="*/ 938600 w 11269336"/>
              <a:gd name="connsiteY249" fmla="*/ 2238113 h 2323145"/>
              <a:gd name="connsiteX250" fmla="*/ 791788 w 11269336"/>
              <a:gd name="connsiteY250" fmla="*/ 2293224 h 2323145"/>
              <a:gd name="connsiteX251" fmla="*/ 706914 w 11269336"/>
              <a:gd name="connsiteY251" fmla="*/ 2305046 h 2323145"/>
              <a:gd name="connsiteX252" fmla="*/ 675971 w 11269336"/>
              <a:gd name="connsiteY252" fmla="*/ 2304030 h 2323145"/>
              <a:gd name="connsiteX253" fmla="*/ 624180 w 11269336"/>
              <a:gd name="connsiteY253" fmla="*/ 2302650 h 2323145"/>
              <a:gd name="connsiteX254" fmla="*/ 583453 w 11269336"/>
              <a:gd name="connsiteY254" fmla="*/ 2288788 h 2323145"/>
              <a:gd name="connsiteX255" fmla="*/ 540946 w 11269336"/>
              <a:gd name="connsiteY255" fmla="*/ 2292721 h 2323145"/>
              <a:gd name="connsiteX256" fmla="*/ 533680 w 11269336"/>
              <a:gd name="connsiteY256" fmla="*/ 2310233 h 2323145"/>
              <a:gd name="connsiteX257" fmla="*/ 487366 w 11269336"/>
              <a:gd name="connsiteY257" fmla="*/ 2309053 h 2323145"/>
              <a:gd name="connsiteX258" fmla="*/ 416820 w 11269336"/>
              <a:gd name="connsiteY258" fmla="*/ 2305443 h 2323145"/>
              <a:gd name="connsiteX259" fmla="*/ 376805 w 11269336"/>
              <a:gd name="connsiteY259" fmla="*/ 2307647 h 2323145"/>
              <a:gd name="connsiteX260" fmla="*/ 266777 w 11269336"/>
              <a:gd name="connsiteY260" fmla="*/ 2309012 h 2323145"/>
              <a:gd name="connsiteX261" fmla="*/ 156013 w 11269336"/>
              <a:gd name="connsiteY261" fmla="*/ 2306832 h 2323145"/>
              <a:gd name="connsiteX262" fmla="*/ 87258 w 11269336"/>
              <a:gd name="connsiteY262" fmla="*/ 2285511 h 2323145"/>
              <a:gd name="connsiteX263" fmla="*/ 23798 w 11269336"/>
              <a:gd name="connsiteY263" fmla="*/ 2281822 h 2323145"/>
              <a:gd name="connsiteX264" fmla="*/ 0 w 11269336"/>
              <a:gd name="connsiteY264" fmla="*/ 2285369 h 2323145"/>
              <a:gd name="connsiteX265" fmla="*/ 0 w 11269336"/>
              <a:gd name="connsiteY26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8977138 w 11269336"/>
              <a:gd name="connsiteY22" fmla="*/ 774970 h 2323145"/>
              <a:gd name="connsiteX23" fmla="*/ 8947030 w 11269336"/>
              <a:gd name="connsiteY23" fmla="*/ 814934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882654 w 11269336"/>
              <a:gd name="connsiteY29" fmla="*/ 892768 h 2323145"/>
              <a:gd name="connsiteX30" fmla="*/ 8795998 w 11269336"/>
              <a:gd name="connsiteY30" fmla="*/ 863337 h 2323145"/>
              <a:gd name="connsiteX31" fmla="*/ 8776970 w 11269336"/>
              <a:gd name="connsiteY31" fmla="*/ 885177 h 2323145"/>
              <a:gd name="connsiteX32" fmla="*/ 8755719 w 11269336"/>
              <a:gd name="connsiteY32" fmla="*/ 889754 h 2323145"/>
              <a:gd name="connsiteX33" fmla="*/ 8743257 w 11269336"/>
              <a:gd name="connsiteY33" fmla="*/ 904723 h 2323145"/>
              <a:gd name="connsiteX34" fmla="*/ 8721366 w 11269336"/>
              <a:gd name="connsiteY34" fmla="*/ 904711 h 2323145"/>
              <a:gd name="connsiteX35" fmla="*/ 8678353 w 11269336"/>
              <a:gd name="connsiteY35" fmla="*/ 926318 h 2323145"/>
              <a:gd name="connsiteX36" fmla="*/ 8636849 w 11269336"/>
              <a:gd name="connsiteY36" fmla="*/ 937900 h 2323145"/>
              <a:gd name="connsiteX37" fmla="*/ 8620213 w 11269336"/>
              <a:gd name="connsiteY37" fmla="*/ 943068 h 2323145"/>
              <a:gd name="connsiteX38" fmla="*/ 8612581 w 11269336"/>
              <a:gd name="connsiteY38" fmla="*/ 952695 h 2323145"/>
              <a:gd name="connsiteX39" fmla="*/ 8589038 w 11269336"/>
              <a:gd name="connsiteY39" fmla="*/ 963892 h 2323145"/>
              <a:gd name="connsiteX40" fmla="*/ 8579950 w 11269336"/>
              <a:gd name="connsiteY40" fmla="*/ 960899 h 2323145"/>
              <a:gd name="connsiteX41" fmla="*/ 8579319 w 11269336"/>
              <a:gd name="connsiteY41" fmla="*/ 965630 h 2323145"/>
              <a:gd name="connsiteX42" fmla="*/ 8547429 w 11269336"/>
              <a:gd name="connsiteY42" fmla="*/ 984506 h 2323145"/>
              <a:gd name="connsiteX43" fmla="*/ 8478704 w 11269336"/>
              <a:gd name="connsiteY43" fmla="*/ 1025490 h 2323145"/>
              <a:gd name="connsiteX44" fmla="*/ 8461421 w 11269336"/>
              <a:gd name="connsiteY44" fmla="*/ 1035512 h 2323145"/>
              <a:gd name="connsiteX45" fmla="*/ 8445003 w 11269336"/>
              <a:gd name="connsiteY45" fmla="*/ 1036851 h 2323145"/>
              <a:gd name="connsiteX46" fmla="*/ 8357350 w 11269336"/>
              <a:gd name="connsiteY46" fmla="*/ 1060213 h 2323145"/>
              <a:gd name="connsiteX47" fmla="*/ 8335565 w 11269336"/>
              <a:gd name="connsiteY47" fmla="*/ 1061151 h 2323145"/>
              <a:gd name="connsiteX48" fmla="*/ 8325267 w 11269336"/>
              <a:gd name="connsiteY48" fmla="*/ 1055919 h 2323145"/>
              <a:gd name="connsiteX49" fmla="*/ 8293586 w 11269336"/>
              <a:gd name="connsiteY49" fmla="*/ 1076144 h 2323145"/>
              <a:gd name="connsiteX50" fmla="*/ 8242405 w 11269336"/>
              <a:gd name="connsiteY50" fmla="*/ 1095960 h 2323145"/>
              <a:gd name="connsiteX51" fmla="*/ 8197391 w 11269336"/>
              <a:gd name="connsiteY51" fmla="*/ 1107746 h 2323145"/>
              <a:gd name="connsiteX52" fmla="*/ 8081474 w 11269336"/>
              <a:gd name="connsiteY52" fmla="*/ 1130125 h 2323145"/>
              <a:gd name="connsiteX53" fmla="*/ 8053585 w 11269336"/>
              <a:gd name="connsiteY53" fmla="*/ 1129169 h 2323145"/>
              <a:gd name="connsiteX54" fmla="*/ 8038422 w 11269336"/>
              <a:gd name="connsiteY54" fmla="*/ 1119092 h 2323145"/>
              <a:gd name="connsiteX55" fmla="*/ 8029450 w 11269336"/>
              <a:gd name="connsiteY55" fmla="*/ 1125592 h 2323145"/>
              <a:gd name="connsiteX56" fmla="*/ 7959552 w 11269336"/>
              <a:gd name="connsiteY56" fmla="*/ 1140188 h 2323145"/>
              <a:gd name="connsiteX57" fmla="*/ 7914188 w 11269336"/>
              <a:gd name="connsiteY57" fmla="*/ 1150862 h 2323145"/>
              <a:gd name="connsiteX58" fmla="*/ 7914918 w 11269336"/>
              <a:gd name="connsiteY58" fmla="*/ 1168758 h 2323145"/>
              <a:gd name="connsiteX59" fmla="*/ 7875510 w 11269336"/>
              <a:gd name="connsiteY59" fmla="*/ 1183153 h 2323145"/>
              <a:gd name="connsiteX60" fmla="*/ 7829932 w 11269336"/>
              <a:gd name="connsiteY60" fmla="*/ 1180782 h 2323145"/>
              <a:gd name="connsiteX61" fmla="*/ 7779182 w 11269336"/>
              <a:gd name="connsiteY61" fmla="*/ 1192665 h 2323145"/>
              <a:gd name="connsiteX62" fmla="*/ 7748774 w 11269336"/>
              <a:gd name="connsiteY62" fmla="*/ 1199586 h 2323145"/>
              <a:gd name="connsiteX63" fmla="*/ 7671846 w 11269336"/>
              <a:gd name="connsiteY63" fmla="*/ 1231966 h 2323145"/>
              <a:gd name="connsiteX64" fmla="*/ 7554146 w 11269336"/>
              <a:gd name="connsiteY64" fmla="*/ 1319748 h 2323145"/>
              <a:gd name="connsiteX65" fmla="*/ 7515052 w 11269336"/>
              <a:gd name="connsiteY65" fmla="*/ 1336718 h 2323145"/>
              <a:gd name="connsiteX66" fmla="*/ 7507193 w 11269336"/>
              <a:gd name="connsiteY66" fmla="*/ 1334617 h 2323145"/>
              <a:gd name="connsiteX67" fmla="*/ 7461694 w 11269336"/>
              <a:gd name="connsiteY67" fmla="*/ 1375866 h 2323145"/>
              <a:gd name="connsiteX68" fmla="*/ 7377571 w 11269336"/>
              <a:gd name="connsiteY68" fmla="*/ 1400128 h 2323145"/>
              <a:gd name="connsiteX69" fmla="*/ 7311261 w 11269336"/>
              <a:gd name="connsiteY69" fmla="*/ 1412652 h 2323145"/>
              <a:gd name="connsiteX70" fmla="*/ 7275307 w 11269336"/>
              <a:gd name="connsiteY70" fmla="*/ 1422171 h 2323145"/>
              <a:gd name="connsiteX71" fmla="*/ 7247783 w 11269336"/>
              <a:gd name="connsiteY71" fmla="*/ 1426330 h 2323145"/>
              <a:gd name="connsiteX72" fmla="*/ 7185047 w 11269336"/>
              <a:gd name="connsiteY72" fmla="*/ 1451812 h 2323145"/>
              <a:gd name="connsiteX73" fmla="*/ 7084117 w 11269336"/>
              <a:gd name="connsiteY73" fmla="*/ 1500281 h 2323145"/>
              <a:gd name="connsiteX74" fmla="*/ 7062011 w 11269336"/>
              <a:gd name="connsiteY74" fmla="*/ 1509183 h 2323145"/>
              <a:gd name="connsiteX75" fmla="*/ 7040555 w 11269336"/>
              <a:gd name="connsiteY75" fmla="*/ 1511207 h 2323145"/>
              <a:gd name="connsiteX76" fmla="*/ 7033438 w 11269336"/>
              <a:gd name="connsiteY76" fmla="*/ 1506772 h 2323145"/>
              <a:gd name="connsiteX77" fmla="*/ 7020886 w 11269336"/>
              <a:gd name="connsiteY77" fmla="*/ 1510764 h 2323145"/>
              <a:gd name="connsiteX78" fmla="*/ 7017033 w 11269336"/>
              <a:gd name="connsiteY78" fmla="*/ 1510650 h 2323145"/>
              <a:gd name="connsiteX79" fmla="*/ 6995460 w 11269336"/>
              <a:gd name="connsiteY79" fmla="*/ 1511173 h 2323145"/>
              <a:gd name="connsiteX80" fmla="*/ 6962144 w 11269336"/>
              <a:gd name="connsiteY80" fmla="*/ 1541508 h 2323145"/>
              <a:gd name="connsiteX81" fmla="*/ 6910674 w 11269336"/>
              <a:gd name="connsiteY81" fmla="*/ 1554793 h 2323145"/>
              <a:gd name="connsiteX82" fmla="*/ 6732152 w 11269336"/>
              <a:gd name="connsiteY82" fmla="*/ 1642538 h 2323145"/>
              <a:gd name="connsiteX83" fmla="*/ 6694106 w 11269336"/>
              <a:gd name="connsiteY83" fmla="*/ 1632377 h 2323145"/>
              <a:gd name="connsiteX84" fmla="*/ 6617223 w 11269336"/>
              <a:gd name="connsiteY84" fmla="*/ 1659889 h 2323145"/>
              <a:gd name="connsiteX85" fmla="*/ 6521138 w 11269336"/>
              <a:gd name="connsiteY85" fmla="*/ 1744340 h 2323145"/>
              <a:gd name="connsiteX86" fmla="*/ 6380677 w 11269336"/>
              <a:gd name="connsiteY86" fmla="*/ 1796883 h 2323145"/>
              <a:gd name="connsiteX87" fmla="*/ 6374897 w 11269336"/>
              <a:gd name="connsiteY87" fmla="*/ 1809910 h 2323145"/>
              <a:gd name="connsiteX88" fmla="*/ 6364545 w 11269336"/>
              <a:gd name="connsiteY88" fmla="*/ 1820090 h 2323145"/>
              <a:gd name="connsiteX89" fmla="*/ 6362126 w 11269336"/>
              <a:gd name="connsiteY89" fmla="*/ 1819991 h 2323145"/>
              <a:gd name="connsiteX90" fmla="*/ 6346673 w 11269336"/>
              <a:gd name="connsiteY90" fmla="*/ 1827824 h 2323145"/>
              <a:gd name="connsiteX91" fmla="*/ 6345588 w 11269336"/>
              <a:gd name="connsiteY91" fmla="*/ 1832232 h 2323145"/>
              <a:gd name="connsiteX92" fmla="*/ 6335708 w 11269336"/>
              <a:gd name="connsiteY92" fmla="*/ 1838451 h 2323145"/>
              <a:gd name="connsiteX93" fmla="*/ 6318182 w 11269336"/>
              <a:gd name="connsiteY93" fmla="*/ 1852975 h 2323145"/>
              <a:gd name="connsiteX94" fmla="*/ 6313084 w 11269336"/>
              <a:gd name="connsiteY94" fmla="*/ 1853561 h 2323145"/>
              <a:gd name="connsiteX95" fmla="*/ 6283816 w 11269336"/>
              <a:gd name="connsiteY95" fmla="*/ 1872148 h 2323145"/>
              <a:gd name="connsiteX96" fmla="*/ 6282550 w 11269336"/>
              <a:gd name="connsiteY96" fmla="*/ 1871392 h 2323145"/>
              <a:gd name="connsiteX97" fmla="*/ 6270527 w 11269336"/>
              <a:gd name="connsiteY97" fmla="*/ 1872208 h 2323145"/>
              <a:gd name="connsiteX98" fmla="*/ 6249518 w 11269336"/>
              <a:gd name="connsiteY98" fmla="*/ 1876079 h 2323145"/>
              <a:gd name="connsiteX99" fmla="*/ 6190386 w 11269336"/>
              <a:gd name="connsiteY99" fmla="*/ 1872478 h 2323145"/>
              <a:gd name="connsiteX100" fmla="*/ 6159777 w 11269336"/>
              <a:gd name="connsiteY100" fmla="*/ 1891745 h 2323145"/>
              <a:gd name="connsiteX101" fmla="*/ 6153131 w 11269336"/>
              <a:gd name="connsiteY101" fmla="*/ 1895079 h 2323145"/>
              <a:gd name="connsiteX102" fmla="*/ 6152798 w 11269336"/>
              <a:gd name="connsiteY102" fmla="*/ 1894920 h 2323145"/>
              <a:gd name="connsiteX103" fmla="*/ 6145388 w 11269336"/>
              <a:gd name="connsiteY103" fmla="*/ 1897990 h 2323145"/>
              <a:gd name="connsiteX104" fmla="*/ 6141014 w 11269336"/>
              <a:gd name="connsiteY104" fmla="*/ 1901155 h 2323145"/>
              <a:gd name="connsiteX105" fmla="*/ 6128122 w 11269336"/>
              <a:gd name="connsiteY105" fmla="*/ 1907623 h 2323145"/>
              <a:gd name="connsiteX106" fmla="*/ 6122351 w 11269336"/>
              <a:gd name="connsiteY106" fmla="*/ 1908359 h 2323145"/>
              <a:gd name="connsiteX107" fmla="*/ 6064750 w 11269336"/>
              <a:gd name="connsiteY107" fmla="*/ 1896394 h 2323145"/>
              <a:gd name="connsiteX108" fmla="*/ 5964230 w 11269336"/>
              <a:gd name="connsiteY108" fmla="*/ 1910038 h 2323145"/>
              <a:gd name="connsiteX109" fmla="*/ 5865399 w 11269336"/>
              <a:gd name="connsiteY109" fmla="*/ 1926966 h 2323145"/>
              <a:gd name="connsiteX110" fmla="*/ 5829951 w 11269336"/>
              <a:gd name="connsiteY110" fmla="*/ 1934755 h 2323145"/>
              <a:gd name="connsiteX111" fmla="*/ 5765285 w 11269336"/>
              <a:gd name="connsiteY111" fmla="*/ 1941322 h 2323145"/>
              <a:gd name="connsiteX112" fmla="*/ 5734750 w 11269336"/>
              <a:gd name="connsiteY112" fmla="*/ 1939793 h 2323145"/>
              <a:gd name="connsiteX113" fmla="*/ 5733569 w 11269336"/>
              <a:gd name="connsiteY113" fmla="*/ 1940505 h 2323145"/>
              <a:gd name="connsiteX114" fmla="*/ 5730329 w 11269336"/>
              <a:gd name="connsiteY114" fmla="*/ 1937845 h 2323145"/>
              <a:gd name="connsiteX115" fmla="*/ 5724661 w 11269336"/>
              <a:gd name="connsiteY115" fmla="*/ 1937455 h 2323145"/>
              <a:gd name="connsiteX116" fmla="*/ 5710186 w 11269336"/>
              <a:gd name="connsiteY116" fmla="*/ 1941370 h 2323145"/>
              <a:gd name="connsiteX117" fmla="*/ 5704910 w 11269336"/>
              <a:gd name="connsiteY117" fmla="*/ 1943663 h 2323145"/>
              <a:gd name="connsiteX118" fmla="*/ 5696836 w 11269336"/>
              <a:gd name="connsiteY118" fmla="*/ 1945271 h 2323145"/>
              <a:gd name="connsiteX119" fmla="*/ 5696583 w 11269336"/>
              <a:gd name="connsiteY119" fmla="*/ 1945050 h 2323145"/>
              <a:gd name="connsiteX120" fmla="*/ 5689123 w 11269336"/>
              <a:gd name="connsiteY120" fmla="*/ 1947067 h 2323145"/>
              <a:gd name="connsiteX121" fmla="*/ 5653291 w 11269336"/>
              <a:gd name="connsiteY121" fmla="*/ 1960245 h 2323145"/>
              <a:gd name="connsiteX122" fmla="*/ 5599385 w 11269336"/>
              <a:gd name="connsiteY122" fmla="*/ 1945198 h 2323145"/>
              <a:gd name="connsiteX123" fmla="*/ 5578300 w 11269336"/>
              <a:gd name="connsiteY123" fmla="*/ 1944963 h 2323145"/>
              <a:gd name="connsiteX124" fmla="*/ 5566758 w 11269336"/>
              <a:gd name="connsiteY124" fmla="*/ 1943441 h 2323145"/>
              <a:gd name="connsiteX125" fmla="*/ 5565857 w 11269336"/>
              <a:gd name="connsiteY125" fmla="*/ 1942445 h 2323145"/>
              <a:gd name="connsiteX126" fmla="*/ 5531534 w 11269336"/>
              <a:gd name="connsiteY126" fmla="*/ 1955208 h 2323145"/>
              <a:gd name="connsiteX127" fmla="*/ 5526552 w 11269336"/>
              <a:gd name="connsiteY127" fmla="*/ 1954799 h 2323145"/>
              <a:gd name="connsiteX128" fmla="*/ 5504723 w 11269336"/>
              <a:gd name="connsiteY128" fmla="*/ 1965811 h 2323145"/>
              <a:gd name="connsiteX129" fmla="*/ 5493156 w 11269336"/>
              <a:gd name="connsiteY129" fmla="*/ 1970063 h 2323145"/>
              <a:gd name="connsiteX130" fmla="*/ 5490486 w 11269336"/>
              <a:gd name="connsiteY130" fmla="*/ 1974227 h 2323145"/>
              <a:gd name="connsiteX131" fmla="*/ 5473107 w 11269336"/>
              <a:gd name="connsiteY131" fmla="*/ 1979001 h 2323145"/>
              <a:gd name="connsiteX132" fmla="*/ 5470885 w 11269336"/>
              <a:gd name="connsiteY132" fmla="*/ 1978432 h 2323145"/>
              <a:gd name="connsiteX133" fmla="*/ 5457393 w 11269336"/>
              <a:gd name="connsiteY133" fmla="*/ 1986525 h 2323145"/>
              <a:gd name="connsiteX134" fmla="*/ 5447102 w 11269336"/>
              <a:gd name="connsiteY134" fmla="*/ 1998329 h 2323145"/>
              <a:gd name="connsiteX135" fmla="*/ 5159151 w 11269336"/>
              <a:gd name="connsiteY135" fmla="*/ 2029640 h 2323145"/>
              <a:gd name="connsiteX136" fmla="*/ 5041688 w 11269336"/>
              <a:gd name="connsiteY136" fmla="*/ 2022334 h 2323145"/>
              <a:gd name="connsiteX137" fmla="*/ 4860988 w 11269336"/>
              <a:gd name="connsiteY137" fmla="*/ 2135698 h 2323145"/>
              <a:gd name="connsiteX138" fmla="*/ 4807902 w 11269336"/>
              <a:gd name="connsiteY138" fmla="*/ 2138894 h 2323145"/>
              <a:gd name="connsiteX139" fmla="*/ 4765388 w 11269336"/>
              <a:gd name="connsiteY139" fmla="*/ 2162525 h 2323145"/>
              <a:gd name="connsiteX140" fmla="*/ 4745033 w 11269336"/>
              <a:gd name="connsiteY140" fmla="*/ 2158859 h 2323145"/>
              <a:gd name="connsiteX141" fmla="*/ 4741475 w 11269336"/>
              <a:gd name="connsiteY141" fmla="*/ 2157998 h 2323145"/>
              <a:gd name="connsiteX142" fmla="*/ 4728247 w 11269336"/>
              <a:gd name="connsiteY142" fmla="*/ 2159526 h 2323145"/>
              <a:gd name="connsiteX143" fmla="*/ 4723263 w 11269336"/>
              <a:gd name="connsiteY143" fmla="*/ 2153742 h 2323145"/>
              <a:gd name="connsiteX144" fmla="*/ 4702453 w 11269336"/>
              <a:gd name="connsiteY144" fmla="*/ 2151586 h 2323145"/>
              <a:gd name="connsiteX145" fmla="*/ 4678455 w 11269336"/>
              <a:gd name="connsiteY145" fmla="*/ 2156131 h 2323145"/>
              <a:gd name="connsiteX146" fmla="*/ 4593061 w 11269336"/>
              <a:gd name="connsiteY146" fmla="*/ 2171597 h 2323145"/>
              <a:gd name="connsiteX147" fmla="*/ 4579902 w 11269336"/>
              <a:gd name="connsiteY147" fmla="*/ 2177927 h 2323145"/>
              <a:gd name="connsiteX148" fmla="*/ 4533444 w 11269336"/>
              <a:gd name="connsiteY148" fmla="*/ 2181200 h 2323145"/>
              <a:gd name="connsiteX149" fmla="*/ 4492832 w 11269336"/>
              <a:gd name="connsiteY149" fmla="*/ 2188033 h 2323145"/>
              <a:gd name="connsiteX150" fmla="*/ 4467257 w 11269336"/>
              <a:gd name="connsiteY150" fmla="*/ 2196121 h 2323145"/>
              <a:gd name="connsiteX151" fmla="*/ 4459937 w 11269336"/>
              <a:gd name="connsiteY151" fmla="*/ 2195182 h 2323145"/>
              <a:gd name="connsiteX152" fmla="*/ 4433312 w 11269336"/>
              <a:gd name="connsiteY152" fmla="*/ 2199004 h 2323145"/>
              <a:gd name="connsiteX153" fmla="*/ 4420601 w 11269336"/>
              <a:gd name="connsiteY153" fmla="*/ 2205158 h 2323145"/>
              <a:gd name="connsiteX154" fmla="*/ 4405765 w 11269336"/>
              <a:gd name="connsiteY154" fmla="*/ 2199902 h 2323145"/>
              <a:gd name="connsiteX155" fmla="*/ 4401354 w 11269336"/>
              <a:gd name="connsiteY155" fmla="*/ 2194745 h 2323145"/>
              <a:gd name="connsiteX156" fmla="*/ 4383151 w 11269336"/>
              <a:gd name="connsiteY156" fmla="*/ 2201140 h 2323145"/>
              <a:gd name="connsiteX157" fmla="*/ 4366646 w 11269336"/>
              <a:gd name="connsiteY157" fmla="*/ 2198564 h 2323145"/>
              <a:gd name="connsiteX158" fmla="*/ 4354009 w 11269336"/>
              <a:gd name="connsiteY158" fmla="*/ 2204984 h 2323145"/>
              <a:gd name="connsiteX159" fmla="*/ 4348284 w 11269336"/>
              <a:gd name="connsiteY159" fmla="*/ 2205270 h 2323145"/>
              <a:gd name="connsiteX160" fmla="*/ 4333906 w 11269336"/>
              <a:gd name="connsiteY160" fmla="*/ 2205251 h 2323145"/>
              <a:gd name="connsiteX161" fmla="*/ 4308819 w 11269336"/>
              <a:gd name="connsiteY161" fmla="*/ 2203822 h 2323145"/>
              <a:gd name="connsiteX162" fmla="*/ 4301210 w 11269336"/>
              <a:gd name="connsiteY162" fmla="*/ 2204456 h 2323145"/>
              <a:gd name="connsiteX163" fmla="*/ 4283095 w 11269336"/>
              <a:gd name="connsiteY163" fmla="*/ 2198177 h 2323145"/>
              <a:gd name="connsiteX164" fmla="*/ 4250119 w 11269336"/>
              <a:gd name="connsiteY164" fmla="*/ 2196342 h 2323145"/>
              <a:gd name="connsiteX165" fmla="*/ 4189203 w 11269336"/>
              <a:gd name="connsiteY165" fmla="*/ 2178994 h 2323145"/>
              <a:gd name="connsiteX166" fmla="*/ 4154035 w 11269336"/>
              <a:gd name="connsiteY166" fmla="*/ 2171950 h 2323145"/>
              <a:gd name="connsiteX167" fmla="*/ 4129569 w 11269336"/>
              <a:gd name="connsiteY167" fmla="*/ 2163850 h 2323145"/>
              <a:gd name="connsiteX168" fmla="*/ 4061250 w 11269336"/>
              <a:gd name="connsiteY168" fmla="*/ 2159236 h 2323145"/>
              <a:gd name="connsiteX169" fmla="*/ 3945480 w 11269336"/>
              <a:gd name="connsiteY169" fmla="*/ 2158279 h 2323145"/>
              <a:gd name="connsiteX170" fmla="*/ 3921468 w 11269336"/>
              <a:gd name="connsiteY170" fmla="*/ 2156588 h 2323145"/>
              <a:gd name="connsiteX171" fmla="*/ 3903348 w 11269336"/>
              <a:gd name="connsiteY171" fmla="*/ 2149220 h 2323145"/>
              <a:gd name="connsiteX172" fmla="*/ 3901342 w 11269336"/>
              <a:gd name="connsiteY172" fmla="*/ 2142355 h 2323145"/>
              <a:gd name="connsiteX173" fmla="*/ 3888539 w 11269336"/>
              <a:gd name="connsiteY173" fmla="*/ 2140476 h 2323145"/>
              <a:gd name="connsiteX174" fmla="*/ 3885662 w 11269336"/>
              <a:gd name="connsiteY174" fmla="*/ 2138740 h 2323145"/>
              <a:gd name="connsiteX175" fmla="*/ 3868627 w 11269336"/>
              <a:gd name="connsiteY175" fmla="*/ 2130023 h 2323145"/>
              <a:gd name="connsiteX176" fmla="*/ 3819177 w 11269336"/>
              <a:gd name="connsiteY176" fmla="*/ 2142111 h 2323145"/>
              <a:gd name="connsiteX177" fmla="*/ 3769100 w 11269336"/>
              <a:gd name="connsiteY177" fmla="*/ 2131731 h 2323145"/>
              <a:gd name="connsiteX178" fmla="*/ 3562752 w 11269336"/>
              <a:gd name="connsiteY178" fmla="*/ 2131785 h 2323145"/>
              <a:gd name="connsiteX179" fmla="*/ 3541402 w 11269336"/>
              <a:gd name="connsiteY179" fmla="*/ 2106821 h 2323145"/>
              <a:gd name="connsiteX180" fmla="*/ 3365341 w 11269336"/>
              <a:gd name="connsiteY180" fmla="*/ 2077638 h 2323145"/>
              <a:gd name="connsiteX181" fmla="*/ 3170922 w 11269336"/>
              <a:gd name="connsiteY181" fmla="*/ 2115957 h 2323145"/>
              <a:gd name="connsiteX182" fmla="*/ 3156256 w 11269336"/>
              <a:gd name="connsiteY182" fmla="*/ 2124773 h 2323145"/>
              <a:gd name="connsiteX183" fmla="*/ 3140298 w 11269336"/>
              <a:gd name="connsiteY183" fmla="*/ 2129182 h 2323145"/>
              <a:gd name="connsiteX184" fmla="*/ 3138514 w 11269336"/>
              <a:gd name="connsiteY184" fmla="*/ 2128069 h 2323145"/>
              <a:gd name="connsiteX185" fmla="*/ 3120467 w 11269336"/>
              <a:gd name="connsiteY185" fmla="*/ 2128281 h 2323145"/>
              <a:gd name="connsiteX186" fmla="*/ 3116175 w 11269336"/>
              <a:gd name="connsiteY186" fmla="*/ 2131633 h 2323145"/>
              <a:gd name="connsiteX187" fmla="*/ 3103685 w 11269336"/>
              <a:gd name="connsiteY187" fmla="*/ 2132814 h 2323145"/>
              <a:gd name="connsiteX188" fmla="*/ 3078794 w 11269336"/>
              <a:gd name="connsiteY188" fmla="*/ 2137935 h 2323145"/>
              <a:gd name="connsiteX189" fmla="*/ 3074407 w 11269336"/>
              <a:gd name="connsiteY189" fmla="*/ 2136274 h 2323145"/>
              <a:gd name="connsiteX190" fmla="*/ 3037285 w 11269336"/>
              <a:gd name="connsiteY190" fmla="*/ 2139919 h 2323145"/>
              <a:gd name="connsiteX191" fmla="*/ 3036901 w 11269336"/>
              <a:gd name="connsiteY191" fmla="*/ 2138726 h 2323145"/>
              <a:gd name="connsiteX192" fmla="*/ 3026996 w 11269336"/>
              <a:gd name="connsiteY192" fmla="*/ 2134322 h 2323145"/>
              <a:gd name="connsiteX193" fmla="*/ 3007772 w 11269336"/>
              <a:gd name="connsiteY193" fmla="*/ 2128742 h 2323145"/>
              <a:gd name="connsiteX194" fmla="*/ 2965030 w 11269336"/>
              <a:gd name="connsiteY194" fmla="*/ 2100494 h 2323145"/>
              <a:gd name="connsiteX195" fmla="*/ 2926342 w 11269336"/>
              <a:gd name="connsiteY195" fmla="*/ 2104155 h 2323145"/>
              <a:gd name="connsiteX196" fmla="*/ 2918608 w 11269336"/>
              <a:gd name="connsiteY196" fmla="*/ 2104215 h 2323145"/>
              <a:gd name="connsiteX197" fmla="*/ 2918475 w 11269336"/>
              <a:gd name="connsiteY197" fmla="*/ 2103937 h 2323145"/>
              <a:gd name="connsiteX198" fmla="*/ 2910360 w 11269336"/>
              <a:gd name="connsiteY198" fmla="*/ 2103444 h 2323145"/>
              <a:gd name="connsiteX199" fmla="*/ 2904507 w 11269336"/>
              <a:gd name="connsiteY199" fmla="*/ 2104326 h 2323145"/>
              <a:gd name="connsiteX200" fmla="*/ 2889503 w 11269336"/>
              <a:gd name="connsiteY200" fmla="*/ 2104443 h 2323145"/>
              <a:gd name="connsiteX201" fmla="*/ 2884480 w 11269336"/>
              <a:gd name="connsiteY201" fmla="*/ 2102626 h 2323145"/>
              <a:gd name="connsiteX202" fmla="*/ 2882689 w 11269336"/>
              <a:gd name="connsiteY202" fmla="*/ 2099228 h 2323145"/>
              <a:gd name="connsiteX203" fmla="*/ 2881291 w 11269336"/>
              <a:gd name="connsiteY203" fmla="*/ 2099618 h 2323145"/>
              <a:gd name="connsiteX204" fmla="*/ 2853979 w 11269336"/>
              <a:gd name="connsiteY204" fmla="*/ 2090388 h 2323145"/>
              <a:gd name="connsiteX205" fmla="*/ 2791790 w 11269336"/>
              <a:gd name="connsiteY205" fmla="*/ 2080332 h 2323145"/>
              <a:gd name="connsiteX206" fmla="*/ 2755844 w 11269336"/>
              <a:gd name="connsiteY206" fmla="*/ 2078874 h 2323145"/>
              <a:gd name="connsiteX207" fmla="*/ 2657742 w 11269336"/>
              <a:gd name="connsiteY207" fmla="*/ 2070179 h 2323145"/>
              <a:gd name="connsiteX208" fmla="*/ 2559549 w 11269336"/>
              <a:gd name="connsiteY208" fmla="*/ 2057873 h 2323145"/>
              <a:gd name="connsiteX209" fmla="*/ 2512054 w 11269336"/>
              <a:gd name="connsiteY209" fmla="*/ 2031671 h 2323145"/>
              <a:gd name="connsiteX210" fmla="*/ 2506437 w 11269336"/>
              <a:gd name="connsiteY210" fmla="*/ 2030918 h 2323145"/>
              <a:gd name="connsiteX211" fmla="*/ 2491752 w 11269336"/>
              <a:gd name="connsiteY211" fmla="*/ 2033906 h 2323145"/>
              <a:gd name="connsiteX212" fmla="*/ 2486338 w 11269336"/>
              <a:gd name="connsiteY212" fmla="*/ 2035862 h 2323145"/>
              <a:gd name="connsiteX213" fmla="*/ 2478186 w 11269336"/>
              <a:gd name="connsiteY213" fmla="*/ 2036953 h 2323145"/>
              <a:gd name="connsiteX214" fmla="*/ 2477950 w 11269336"/>
              <a:gd name="connsiteY214" fmla="*/ 2036715 h 2323145"/>
              <a:gd name="connsiteX215" fmla="*/ 2470381 w 11269336"/>
              <a:gd name="connsiteY215" fmla="*/ 2038256 h 2323145"/>
              <a:gd name="connsiteX216" fmla="*/ 2433781 w 11269336"/>
              <a:gd name="connsiteY216" fmla="*/ 2049140 h 2323145"/>
              <a:gd name="connsiteX217" fmla="*/ 2381172 w 11269336"/>
              <a:gd name="connsiteY217" fmla="*/ 2030645 h 2323145"/>
              <a:gd name="connsiteX218" fmla="*/ 2360198 w 11269336"/>
              <a:gd name="connsiteY218" fmla="*/ 2029059 h 2323145"/>
              <a:gd name="connsiteX219" fmla="*/ 2348815 w 11269336"/>
              <a:gd name="connsiteY219" fmla="*/ 2026798 h 2323145"/>
              <a:gd name="connsiteX220" fmla="*/ 2347988 w 11269336"/>
              <a:gd name="connsiteY220" fmla="*/ 2025745 h 2323145"/>
              <a:gd name="connsiteX221" fmla="*/ 2312920 w 11269336"/>
              <a:gd name="connsiteY221" fmla="*/ 2036311 h 2323145"/>
              <a:gd name="connsiteX222" fmla="*/ 2307986 w 11269336"/>
              <a:gd name="connsiteY222" fmla="*/ 2035583 h 2323145"/>
              <a:gd name="connsiteX223" fmla="*/ 2285481 w 11269336"/>
              <a:gd name="connsiteY223" fmla="*/ 2045197 h 2323145"/>
              <a:gd name="connsiteX224" fmla="*/ 2273666 w 11269336"/>
              <a:gd name="connsiteY224" fmla="*/ 2048710 h 2323145"/>
              <a:gd name="connsiteX225" fmla="*/ 2270719 w 11269336"/>
              <a:gd name="connsiteY225" fmla="*/ 2052702 h 2323145"/>
              <a:gd name="connsiteX226" fmla="*/ 2253080 w 11269336"/>
              <a:gd name="connsiteY226" fmla="*/ 2056363 h 2323145"/>
              <a:gd name="connsiteX227" fmla="*/ 2250906 w 11269336"/>
              <a:gd name="connsiteY227" fmla="*/ 2055654 h 2323145"/>
              <a:gd name="connsiteX228" fmla="*/ 2236905 w 11269336"/>
              <a:gd name="connsiteY228" fmla="*/ 2062882 h 2323145"/>
              <a:gd name="connsiteX229" fmla="*/ 2225830 w 11269336"/>
              <a:gd name="connsiteY229" fmla="*/ 2074027 h 2323145"/>
              <a:gd name="connsiteX230" fmla="*/ 2073776 w 11269336"/>
              <a:gd name="connsiteY230" fmla="*/ 2089244 h 2323145"/>
              <a:gd name="connsiteX231" fmla="*/ 1948256 w 11269336"/>
              <a:gd name="connsiteY231" fmla="*/ 2146616 h 2323145"/>
              <a:gd name="connsiteX232" fmla="*/ 1865582 w 11269336"/>
              <a:gd name="connsiteY232" fmla="*/ 2153738 h 2323145"/>
              <a:gd name="connsiteX233" fmla="*/ 1835210 w 11269336"/>
              <a:gd name="connsiteY233" fmla="*/ 2134244 h 2323145"/>
              <a:gd name="connsiteX234" fmla="*/ 1632661 w 11269336"/>
              <a:gd name="connsiteY234" fmla="*/ 2173882 h 2323145"/>
              <a:gd name="connsiteX235" fmla="*/ 1579590 w 11269336"/>
              <a:gd name="connsiteY235" fmla="*/ 2173680 h 2323145"/>
              <a:gd name="connsiteX236" fmla="*/ 1535601 w 11269336"/>
              <a:gd name="connsiteY236" fmla="*/ 2194590 h 2323145"/>
              <a:gd name="connsiteX237" fmla="*/ 1515594 w 11269336"/>
              <a:gd name="connsiteY237" fmla="*/ 2189622 h 2323145"/>
              <a:gd name="connsiteX238" fmla="*/ 1512113 w 11269336"/>
              <a:gd name="connsiteY238" fmla="*/ 2188534 h 2323145"/>
              <a:gd name="connsiteX239" fmla="*/ 1498838 w 11269336"/>
              <a:gd name="connsiteY239" fmla="*/ 2189213 h 2323145"/>
              <a:gd name="connsiteX240" fmla="*/ 1494279 w 11269336"/>
              <a:gd name="connsiteY240" fmla="*/ 2183112 h 2323145"/>
              <a:gd name="connsiteX241" fmla="*/ 1473714 w 11269336"/>
              <a:gd name="connsiteY241" fmla="*/ 2179625 h 2323145"/>
              <a:gd name="connsiteX242" fmla="*/ 1449503 w 11269336"/>
              <a:gd name="connsiteY242" fmla="*/ 2182633 h 2323145"/>
              <a:gd name="connsiteX243" fmla="*/ 1266687 w 11269336"/>
              <a:gd name="connsiteY243" fmla="*/ 2212688 h 2323145"/>
              <a:gd name="connsiteX244" fmla="*/ 1239614 w 11269336"/>
              <a:gd name="connsiteY244" fmla="*/ 2209727 h 2323145"/>
              <a:gd name="connsiteX245" fmla="*/ 1202436 w 11269336"/>
              <a:gd name="connsiteY245" fmla="*/ 2209817 h 2323145"/>
              <a:gd name="connsiteX246" fmla="*/ 1136097 w 11269336"/>
              <a:gd name="connsiteY246" fmla="*/ 2205112 h 2323145"/>
              <a:gd name="connsiteX247" fmla="*/ 988232 w 11269336"/>
              <a:gd name="connsiteY247" fmla="*/ 2235635 h 2323145"/>
              <a:gd name="connsiteX248" fmla="*/ 981959 w 11269336"/>
              <a:gd name="connsiteY248" fmla="*/ 2231607 h 2323145"/>
              <a:gd name="connsiteX249" fmla="*/ 938600 w 11269336"/>
              <a:gd name="connsiteY249" fmla="*/ 2238113 h 2323145"/>
              <a:gd name="connsiteX250" fmla="*/ 791788 w 11269336"/>
              <a:gd name="connsiteY250" fmla="*/ 2293224 h 2323145"/>
              <a:gd name="connsiteX251" fmla="*/ 706914 w 11269336"/>
              <a:gd name="connsiteY251" fmla="*/ 2305046 h 2323145"/>
              <a:gd name="connsiteX252" fmla="*/ 675971 w 11269336"/>
              <a:gd name="connsiteY252" fmla="*/ 2304030 h 2323145"/>
              <a:gd name="connsiteX253" fmla="*/ 624180 w 11269336"/>
              <a:gd name="connsiteY253" fmla="*/ 2302650 h 2323145"/>
              <a:gd name="connsiteX254" fmla="*/ 583453 w 11269336"/>
              <a:gd name="connsiteY254" fmla="*/ 2288788 h 2323145"/>
              <a:gd name="connsiteX255" fmla="*/ 540946 w 11269336"/>
              <a:gd name="connsiteY255" fmla="*/ 2292721 h 2323145"/>
              <a:gd name="connsiteX256" fmla="*/ 533680 w 11269336"/>
              <a:gd name="connsiteY256" fmla="*/ 2310233 h 2323145"/>
              <a:gd name="connsiteX257" fmla="*/ 487366 w 11269336"/>
              <a:gd name="connsiteY257" fmla="*/ 2309053 h 2323145"/>
              <a:gd name="connsiteX258" fmla="*/ 416820 w 11269336"/>
              <a:gd name="connsiteY258" fmla="*/ 2305443 h 2323145"/>
              <a:gd name="connsiteX259" fmla="*/ 376805 w 11269336"/>
              <a:gd name="connsiteY259" fmla="*/ 2307647 h 2323145"/>
              <a:gd name="connsiteX260" fmla="*/ 266777 w 11269336"/>
              <a:gd name="connsiteY260" fmla="*/ 2309012 h 2323145"/>
              <a:gd name="connsiteX261" fmla="*/ 156013 w 11269336"/>
              <a:gd name="connsiteY261" fmla="*/ 2306832 h 2323145"/>
              <a:gd name="connsiteX262" fmla="*/ 87258 w 11269336"/>
              <a:gd name="connsiteY262" fmla="*/ 2285511 h 2323145"/>
              <a:gd name="connsiteX263" fmla="*/ 23798 w 11269336"/>
              <a:gd name="connsiteY263" fmla="*/ 2281822 h 2323145"/>
              <a:gd name="connsiteX264" fmla="*/ 0 w 11269336"/>
              <a:gd name="connsiteY264" fmla="*/ 2285369 h 2323145"/>
              <a:gd name="connsiteX265" fmla="*/ 0 w 11269336"/>
              <a:gd name="connsiteY26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8977138 w 11269336"/>
              <a:gd name="connsiteY22" fmla="*/ 774970 h 2323145"/>
              <a:gd name="connsiteX23" fmla="*/ 9070855 w 11269336"/>
              <a:gd name="connsiteY23" fmla="*/ 794621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882654 w 11269336"/>
              <a:gd name="connsiteY29" fmla="*/ 892768 h 2323145"/>
              <a:gd name="connsiteX30" fmla="*/ 8795998 w 11269336"/>
              <a:gd name="connsiteY30" fmla="*/ 863337 h 2323145"/>
              <a:gd name="connsiteX31" fmla="*/ 8776970 w 11269336"/>
              <a:gd name="connsiteY31" fmla="*/ 885177 h 2323145"/>
              <a:gd name="connsiteX32" fmla="*/ 8755719 w 11269336"/>
              <a:gd name="connsiteY32" fmla="*/ 889754 h 2323145"/>
              <a:gd name="connsiteX33" fmla="*/ 8743257 w 11269336"/>
              <a:gd name="connsiteY33" fmla="*/ 904723 h 2323145"/>
              <a:gd name="connsiteX34" fmla="*/ 8721366 w 11269336"/>
              <a:gd name="connsiteY34" fmla="*/ 904711 h 2323145"/>
              <a:gd name="connsiteX35" fmla="*/ 8678353 w 11269336"/>
              <a:gd name="connsiteY35" fmla="*/ 926318 h 2323145"/>
              <a:gd name="connsiteX36" fmla="*/ 8636849 w 11269336"/>
              <a:gd name="connsiteY36" fmla="*/ 937900 h 2323145"/>
              <a:gd name="connsiteX37" fmla="*/ 8620213 w 11269336"/>
              <a:gd name="connsiteY37" fmla="*/ 943068 h 2323145"/>
              <a:gd name="connsiteX38" fmla="*/ 8612581 w 11269336"/>
              <a:gd name="connsiteY38" fmla="*/ 952695 h 2323145"/>
              <a:gd name="connsiteX39" fmla="*/ 8589038 w 11269336"/>
              <a:gd name="connsiteY39" fmla="*/ 963892 h 2323145"/>
              <a:gd name="connsiteX40" fmla="*/ 8579950 w 11269336"/>
              <a:gd name="connsiteY40" fmla="*/ 960899 h 2323145"/>
              <a:gd name="connsiteX41" fmla="*/ 8579319 w 11269336"/>
              <a:gd name="connsiteY41" fmla="*/ 965630 h 2323145"/>
              <a:gd name="connsiteX42" fmla="*/ 8547429 w 11269336"/>
              <a:gd name="connsiteY42" fmla="*/ 984506 h 2323145"/>
              <a:gd name="connsiteX43" fmla="*/ 8478704 w 11269336"/>
              <a:gd name="connsiteY43" fmla="*/ 1025490 h 2323145"/>
              <a:gd name="connsiteX44" fmla="*/ 8461421 w 11269336"/>
              <a:gd name="connsiteY44" fmla="*/ 1035512 h 2323145"/>
              <a:gd name="connsiteX45" fmla="*/ 8445003 w 11269336"/>
              <a:gd name="connsiteY45" fmla="*/ 1036851 h 2323145"/>
              <a:gd name="connsiteX46" fmla="*/ 8357350 w 11269336"/>
              <a:gd name="connsiteY46" fmla="*/ 1060213 h 2323145"/>
              <a:gd name="connsiteX47" fmla="*/ 8335565 w 11269336"/>
              <a:gd name="connsiteY47" fmla="*/ 1061151 h 2323145"/>
              <a:gd name="connsiteX48" fmla="*/ 8325267 w 11269336"/>
              <a:gd name="connsiteY48" fmla="*/ 1055919 h 2323145"/>
              <a:gd name="connsiteX49" fmla="*/ 8293586 w 11269336"/>
              <a:gd name="connsiteY49" fmla="*/ 1076144 h 2323145"/>
              <a:gd name="connsiteX50" fmla="*/ 8242405 w 11269336"/>
              <a:gd name="connsiteY50" fmla="*/ 1095960 h 2323145"/>
              <a:gd name="connsiteX51" fmla="*/ 8197391 w 11269336"/>
              <a:gd name="connsiteY51" fmla="*/ 1107746 h 2323145"/>
              <a:gd name="connsiteX52" fmla="*/ 8081474 w 11269336"/>
              <a:gd name="connsiteY52" fmla="*/ 1130125 h 2323145"/>
              <a:gd name="connsiteX53" fmla="*/ 8053585 w 11269336"/>
              <a:gd name="connsiteY53" fmla="*/ 1129169 h 2323145"/>
              <a:gd name="connsiteX54" fmla="*/ 8038422 w 11269336"/>
              <a:gd name="connsiteY54" fmla="*/ 1119092 h 2323145"/>
              <a:gd name="connsiteX55" fmla="*/ 8029450 w 11269336"/>
              <a:gd name="connsiteY55" fmla="*/ 1125592 h 2323145"/>
              <a:gd name="connsiteX56" fmla="*/ 7959552 w 11269336"/>
              <a:gd name="connsiteY56" fmla="*/ 1140188 h 2323145"/>
              <a:gd name="connsiteX57" fmla="*/ 7914188 w 11269336"/>
              <a:gd name="connsiteY57" fmla="*/ 1150862 h 2323145"/>
              <a:gd name="connsiteX58" fmla="*/ 7914918 w 11269336"/>
              <a:gd name="connsiteY58" fmla="*/ 1168758 h 2323145"/>
              <a:gd name="connsiteX59" fmla="*/ 7875510 w 11269336"/>
              <a:gd name="connsiteY59" fmla="*/ 1183153 h 2323145"/>
              <a:gd name="connsiteX60" fmla="*/ 7829932 w 11269336"/>
              <a:gd name="connsiteY60" fmla="*/ 1180782 h 2323145"/>
              <a:gd name="connsiteX61" fmla="*/ 7779182 w 11269336"/>
              <a:gd name="connsiteY61" fmla="*/ 1192665 h 2323145"/>
              <a:gd name="connsiteX62" fmla="*/ 7748774 w 11269336"/>
              <a:gd name="connsiteY62" fmla="*/ 1199586 h 2323145"/>
              <a:gd name="connsiteX63" fmla="*/ 7671846 w 11269336"/>
              <a:gd name="connsiteY63" fmla="*/ 1231966 h 2323145"/>
              <a:gd name="connsiteX64" fmla="*/ 7554146 w 11269336"/>
              <a:gd name="connsiteY64" fmla="*/ 1319748 h 2323145"/>
              <a:gd name="connsiteX65" fmla="*/ 7515052 w 11269336"/>
              <a:gd name="connsiteY65" fmla="*/ 1336718 h 2323145"/>
              <a:gd name="connsiteX66" fmla="*/ 7507193 w 11269336"/>
              <a:gd name="connsiteY66" fmla="*/ 1334617 h 2323145"/>
              <a:gd name="connsiteX67" fmla="*/ 7461694 w 11269336"/>
              <a:gd name="connsiteY67" fmla="*/ 1375866 h 2323145"/>
              <a:gd name="connsiteX68" fmla="*/ 7377571 w 11269336"/>
              <a:gd name="connsiteY68" fmla="*/ 1400128 h 2323145"/>
              <a:gd name="connsiteX69" fmla="*/ 7311261 w 11269336"/>
              <a:gd name="connsiteY69" fmla="*/ 1412652 h 2323145"/>
              <a:gd name="connsiteX70" fmla="*/ 7275307 w 11269336"/>
              <a:gd name="connsiteY70" fmla="*/ 1422171 h 2323145"/>
              <a:gd name="connsiteX71" fmla="*/ 7247783 w 11269336"/>
              <a:gd name="connsiteY71" fmla="*/ 1426330 h 2323145"/>
              <a:gd name="connsiteX72" fmla="*/ 7185047 w 11269336"/>
              <a:gd name="connsiteY72" fmla="*/ 1451812 h 2323145"/>
              <a:gd name="connsiteX73" fmla="*/ 7084117 w 11269336"/>
              <a:gd name="connsiteY73" fmla="*/ 1500281 h 2323145"/>
              <a:gd name="connsiteX74" fmla="*/ 7062011 w 11269336"/>
              <a:gd name="connsiteY74" fmla="*/ 1509183 h 2323145"/>
              <a:gd name="connsiteX75" fmla="*/ 7040555 w 11269336"/>
              <a:gd name="connsiteY75" fmla="*/ 1511207 h 2323145"/>
              <a:gd name="connsiteX76" fmla="*/ 7033438 w 11269336"/>
              <a:gd name="connsiteY76" fmla="*/ 1506772 h 2323145"/>
              <a:gd name="connsiteX77" fmla="*/ 7020886 w 11269336"/>
              <a:gd name="connsiteY77" fmla="*/ 1510764 h 2323145"/>
              <a:gd name="connsiteX78" fmla="*/ 7017033 w 11269336"/>
              <a:gd name="connsiteY78" fmla="*/ 1510650 h 2323145"/>
              <a:gd name="connsiteX79" fmla="*/ 6995460 w 11269336"/>
              <a:gd name="connsiteY79" fmla="*/ 1511173 h 2323145"/>
              <a:gd name="connsiteX80" fmla="*/ 6962144 w 11269336"/>
              <a:gd name="connsiteY80" fmla="*/ 1541508 h 2323145"/>
              <a:gd name="connsiteX81" fmla="*/ 6910674 w 11269336"/>
              <a:gd name="connsiteY81" fmla="*/ 1554793 h 2323145"/>
              <a:gd name="connsiteX82" fmla="*/ 6732152 w 11269336"/>
              <a:gd name="connsiteY82" fmla="*/ 1642538 h 2323145"/>
              <a:gd name="connsiteX83" fmla="*/ 6694106 w 11269336"/>
              <a:gd name="connsiteY83" fmla="*/ 1632377 h 2323145"/>
              <a:gd name="connsiteX84" fmla="*/ 6617223 w 11269336"/>
              <a:gd name="connsiteY84" fmla="*/ 1659889 h 2323145"/>
              <a:gd name="connsiteX85" fmla="*/ 6521138 w 11269336"/>
              <a:gd name="connsiteY85" fmla="*/ 1744340 h 2323145"/>
              <a:gd name="connsiteX86" fmla="*/ 6380677 w 11269336"/>
              <a:gd name="connsiteY86" fmla="*/ 1796883 h 2323145"/>
              <a:gd name="connsiteX87" fmla="*/ 6374897 w 11269336"/>
              <a:gd name="connsiteY87" fmla="*/ 1809910 h 2323145"/>
              <a:gd name="connsiteX88" fmla="*/ 6364545 w 11269336"/>
              <a:gd name="connsiteY88" fmla="*/ 1820090 h 2323145"/>
              <a:gd name="connsiteX89" fmla="*/ 6362126 w 11269336"/>
              <a:gd name="connsiteY89" fmla="*/ 1819991 h 2323145"/>
              <a:gd name="connsiteX90" fmla="*/ 6346673 w 11269336"/>
              <a:gd name="connsiteY90" fmla="*/ 1827824 h 2323145"/>
              <a:gd name="connsiteX91" fmla="*/ 6345588 w 11269336"/>
              <a:gd name="connsiteY91" fmla="*/ 1832232 h 2323145"/>
              <a:gd name="connsiteX92" fmla="*/ 6335708 w 11269336"/>
              <a:gd name="connsiteY92" fmla="*/ 1838451 h 2323145"/>
              <a:gd name="connsiteX93" fmla="*/ 6318182 w 11269336"/>
              <a:gd name="connsiteY93" fmla="*/ 1852975 h 2323145"/>
              <a:gd name="connsiteX94" fmla="*/ 6313084 w 11269336"/>
              <a:gd name="connsiteY94" fmla="*/ 1853561 h 2323145"/>
              <a:gd name="connsiteX95" fmla="*/ 6283816 w 11269336"/>
              <a:gd name="connsiteY95" fmla="*/ 1872148 h 2323145"/>
              <a:gd name="connsiteX96" fmla="*/ 6282550 w 11269336"/>
              <a:gd name="connsiteY96" fmla="*/ 1871392 h 2323145"/>
              <a:gd name="connsiteX97" fmla="*/ 6270527 w 11269336"/>
              <a:gd name="connsiteY97" fmla="*/ 1872208 h 2323145"/>
              <a:gd name="connsiteX98" fmla="*/ 6249518 w 11269336"/>
              <a:gd name="connsiteY98" fmla="*/ 1876079 h 2323145"/>
              <a:gd name="connsiteX99" fmla="*/ 6190386 w 11269336"/>
              <a:gd name="connsiteY99" fmla="*/ 1872478 h 2323145"/>
              <a:gd name="connsiteX100" fmla="*/ 6159777 w 11269336"/>
              <a:gd name="connsiteY100" fmla="*/ 1891745 h 2323145"/>
              <a:gd name="connsiteX101" fmla="*/ 6153131 w 11269336"/>
              <a:gd name="connsiteY101" fmla="*/ 1895079 h 2323145"/>
              <a:gd name="connsiteX102" fmla="*/ 6152798 w 11269336"/>
              <a:gd name="connsiteY102" fmla="*/ 1894920 h 2323145"/>
              <a:gd name="connsiteX103" fmla="*/ 6145388 w 11269336"/>
              <a:gd name="connsiteY103" fmla="*/ 1897990 h 2323145"/>
              <a:gd name="connsiteX104" fmla="*/ 6141014 w 11269336"/>
              <a:gd name="connsiteY104" fmla="*/ 1901155 h 2323145"/>
              <a:gd name="connsiteX105" fmla="*/ 6128122 w 11269336"/>
              <a:gd name="connsiteY105" fmla="*/ 1907623 h 2323145"/>
              <a:gd name="connsiteX106" fmla="*/ 6122351 w 11269336"/>
              <a:gd name="connsiteY106" fmla="*/ 1908359 h 2323145"/>
              <a:gd name="connsiteX107" fmla="*/ 6064750 w 11269336"/>
              <a:gd name="connsiteY107" fmla="*/ 1896394 h 2323145"/>
              <a:gd name="connsiteX108" fmla="*/ 5964230 w 11269336"/>
              <a:gd name="connsiteY108" fmla="*/ 1910038 h 2323145"/>
              <a:gd name="connsiteX109" fmla="*/ 5865399 w 11269336"/>
              <a:gd name="connsiteY109" fmla="*/ 1926966 h 2323145"/>
              <a:gd name="connsiteX110" fmla="*/ 5829951 w 11269336"/>
              <a:gd name="connsiteY110" fmla="*/ 1934755 h 2323145"/>
              <a:gd name="connsiteX111" fmla="*/ 5765285 w 11269336"/>
              <a:gd name="connsiteY111" fmla="*/ 1941322 h 2323145"/>
              <a:gd name="connsiteX112" fmla="*/ 5734750 w 11269336"/>
              <a:gd name="connsiteY112" fmla="*/ 1939793 h 2323145"/>
              <a:gd name="connsiteX113" fmla="*/ 5733569 w 11269336"/>
              <a:gd name="connsiteY113" fmla="*/ 1940505 h 2323145"/>
              <a:gd name="connsiteX114" fmla="*/ 5730329 w 11269336"/>
              <a:gd name="connsiteY114" fmla="*/ 1937845 h 2323145"/>
              <a:gd name="connsiteX115" fmla="*/ 5724661 w 11269336"/>
              <a:gd name="connsiteY115" fmla="*/ 1937455 h 2323145"/>
              <a:gd name="connsiteX116" fmla="*/ 5710186 w 11269336"/>
              <a:gd name="connsiteY116" fmla="*/ 1941370 h 2323145"/>
              <a:gd name="connsiteX117" fmla="*/ 5704910 w 11269336"/>
              <a:gd name="connsiteY117" fmla="*/ 1943663 h 2323145"/>
              <a:gd name="connsiteX118" fmla="*/ 5696836 w 11269336"/>
              <a:gd name="connsiteY118" fmla="*/ 1945271 h 2323145"/>
              <a:gd name="connsiteX119" fmla="*/ 5696583 w 11269336"/>
              <a:gd name="connsiteY119" fmla="*/ 1945050 h 2323145"/>
              <a:gd name="connsiteX120" fmla="*/ 5689123 w 11269336"/>
              <a:gd name="connsiteY120" fmla="*/ 1947067 h 2323145"/>
              <a:gd name="connsiteX121" fmla="*/ 5653291 w 11269336"/>
              <a:gd name="connsiteY121" fmla="*/ 1960245 h 2323145"/>
              <a:gd name="connsiteX122" fmla="*/ 5599385 w 11269336"/>
              <a:gd name="connsiteY122" fmla="*/ 1945198 h 2323145"/>
              <a:gd name="connsiteX123" fmla="*/ 5578300 w 11269336"/>
              <a:gd name="connsiteY123" fmla="*/ 1944963 h 2323145"/>
              <a:gd name="connsiteX124" fmla="*/ 5566758 w 11269336"/>
              <a:gd name="connsiteY124" fmla="*/ 1943441 h 2323145"/>
              <a:gd name="connsiteX125" fmla="*/ 5565857 w 11269336"/>
              <a:gd name="connsiteY125" fmla="*/ 1942445 h 2323145"/>
              <a:gd name="connsiteX126" fmla="*/ 5531534 w 11269336"/>
              <a:gd name="connsiteY126" fmla="*/ 1955208 h 2323145"/>
              <a:gd name="connsiteX127" fmla="*/ 5526552 w 11269336"/>
              <a:gd name="connsiteY127" fmla="*/ 1954799 h 2323145"/>
              <a:gd name="connsiteX128" fmla="*/ 5504723 w 11269336"/>
              <a:gd name="connsiteY128" fmla="*/ 1965811 h 2323145"/>
              <a:gd name="connsiteX129" fmla="*/ 5493156 w 11269336"/>
              <a:gd name="connsiteY129" fmla="*/ 1970063 h 2323145"/>
              <a:gd name="connsiteX130" fmla="*/ 5490486 w 11269336"/>
              <a:gd name="connsiteY130" fmla="*/ 1974227 h 2323145"/>
              <a:gd name="connsiteX131" fmla="*/ 5473107 w 11269336"/>
              <a:gd name="connsiteY131" fmla="*/ 1979001 h 2323145"/>
              <a:gd name="connsiteX132" fmla="*/ 5470885 w 11269336"/>
              <a:gd name="connsiteY132" fmla="*/ 1978432 h 2323145"/>
              <a:gd name="connsiteX133" fmla="*/ 5457393 w 11269336"/>
              <a:gd name="connsiteY133" fmla="*/ 1986525 h 2323145"/>
              <a:gd name="connsiteX134" fmla="*/ 5447102 w 11269336"/>
              <a:gd name="connsiteY134" fmla="*/ 1998329 h 2323145"/>
              <a:gd name="connsiteX135" fmla="*/ 5159151 w 11269336"/>
              <a:gd name="connsiteY135" fmla="*/ 2029640 h 2323145"/>
              <a:gd name="connsiteX136" fmla="*/ 5041688 w 11269336"/>
              <a:gd name="connsiteY136" fmla="*/ 2022334 h 2323145"/>
              <a:gd name="connsiteX137" fmla="*/ 4860988 w 11269336"/>
              <a:gd name="connsiteY137" fmla="*/ 2135698 h 2323145"/>
              <a:gd name="connsiteX138" fmla="*/ 4807902 w 11269336"/>
              <a:gd name="connsiteY138" fmla="*/ 2138894 h 2323145"/>
              <a:gd name="connsiteX139" fmla="*/ 4765388 w 11269336"/>
              <a:gd name="connsiteY139" fmla="*/ 2162525 h 2323145"/>
              <a:gd name="connsiteX140" fmla="*/ 4745033 w 11269336"/>
              <a:gd name="connsiteY140" fmla="*/ 2158859 h 2323145"/>
              <a:gd name="connsiteX141" fmla="*/ 4741475 w 11269336"/>
              <a:gd name="connsiteY141" fmla="*/ 2157998 h 2323145"/>
              <a:gd name="connsiteX142" fmla="*/ 4728247 w 11269336"/>
              <a:gd name="connsiteY142" fmla="*/ 2159526 h 2323145"/>
              <a:gd name="connsiteX143" fmla="*/ 4723263 w 11269336"/>
              <a:gd name="connsiteY143" fmla="*/ 2153742 h 2323145"/>
              <a:gd name="connsiteX144" fmla="*/ 4702453 w 11269336"/>
              <a:gd name="connsiteY144" fmla="*/ 2151586 h 2323145"/>
              <a:gd name="connsiteX145" fmla="*/ 4678455 w 11269336"/>
              <a:gd name="connsiteY145" fmla="*/ 2156131 h 2323145"/>
              <a:gd name="connsiteX146" fmla="*/ 4593061 w 11269336"/>
              <a:gd name="connsiteY146" fmla="*/ 2171597 h 2323145"/>
              <a:gd name="connsiteX147" fmla="*/ 4579902 w 11269336"/>
              <a:gd name="connsiteY147" fmla="*/ 2177927 h 2323145"/>
              <a:gd name="connsiteX148" fmla="*/ 4533444 w 11269336"/>
              <a:gd name="connsiteY148" fmla="*/ 2181200 h 2323145"/>
              <a:gd name="connsiteX149" fmla="*/ 4492832 w 11269336"/>
              <a:gd name="connsiteY149" fmla="*/ 2188033 h 2323145"/>
              <a:gd name="connsiteX150" fmla="*/ 4467257 w 11269336"/>
              <a:gd name="connsiteY150" fmla="*/ 2196121 h 2323145"/>
              <a:gd name="connsiteX151" fmla="*/ 4459937 w 11269336"/>
              <a:gd name="connsiteY151" fmla="*/ 2195182 h 2323145"/>
              <a:gd name="connsiteX152" fmla="*/ 4433312 w 11269336"/>
              <a:gd name="connsiteY152" fmla="*/ 2199004 h 2323145"/>
              <a:gd name="connsiteX153" fmla="*/ 4420601 w 11269336"/>
              <a:gd name="connsiteY153" fmla="*/ 2205158 h 2323145"/>
              <a:gd name="connsiteX154" fmla="*/ 4405765 w 11269336"/>
              <a:gd name="connsiteY154" fmla="*/ 2199902 h 2323145"/>
              <a:gd name="connsiteX155" fmla="*/ 4401354 w 11269336"/>
              <a:gd name="connsiteY155" fmla="*/ 2194745 h 2323145"/>
              <a:gd name="connsiteX156" fmla="*/ 4383151 w 11269336"/>
              <a:gd name="connsiteY156" fmla="*/ 2201140 h 2323145"/>
              <a:gd name="connsiteX157" fmla="*/ 4366646 w 11269336"/>
              <a:gd name="connsiteY157" fmla="*/ 2198564 h 2323145"/>
              <a:gd name="connsiteX158" fmla="*/ 4354009 w 11269336"/>
              <a:gd name="connsiteY158" fmla="*/ 2204984 h 2323145"/>
              <a:gd name="connsiteX159" fmla="*/ 4348284 w 11269336"/>
              <a:gd name="connsiteY159" fmla="*/ 2205270 h 2323145"/>
              <a:gd name="connsiteX160" fmla="*/ 4333906 w 11269336"/>
              <a:gd name="connsiteY160" fmla="*/ 2205251 h 2323145"/>
              <a:gd name="connsiteX161" fmla="*/ 4308819 w 11269336"/>
              <a:gd name="connsiteY161" fmla="*/ 2203822 h 2323145"/>
              <a:gd name="connsiteX162" fmla="*/ 4301210 w 11269336"/>
              <a:gd name="connsiteY162" fmla="*/ 2204456 h 2323145"/>
              <a:gd name="connsiteX163" fmla="*/ 4283095 w 11269336"/>
              <a:gd name="connsiteY163" fmla="*/ 2198177 h 2323145"/>
              <a:gd name="connsiteX164" fmla="*/ 4250119 w 11269336"/>
              <a:gd name="connsiteY164" fmla="*/ 2196342 h 2323145"/>
              <a:gd name="connsiteX165" fmla="*/ 4189203 w 11269336"/>
              <a:gd name="connsiteY165" fmla="*/ 2178994 h 2323145"/>
              <a:gd name="connsiteX166" fmla="*/ 4154035 w 11269336"/>
              <a:gd name="connsiteY166" fmla="*/ 2171950 h 2323145"/>
              <a:gd name="connsiteX167" fmla="*/ 4129569 w 11269336"/>
              <a:gd name="connsiteY167" fmla="*/ 2163850 h 2323145"/>
              <a:gd name="connsiteX168" fmla="*/ 4061250 w 11269336"/>
              <a:gd name="connsiteY168" fmla="*/ 2159236 h 2323145"/>
              <a:gd name="connsiteX169" fmla="*/ 3945480 w 11269336"/>
              <a:gd name="connsiteY169" fmla="*/ 2158279 h 2323145"/>
              <a:gd name="connsiteX170" fmla="*/ 3921468 w 11269336"/>
              <a:gd name="connsiteY170" fmla="*/ 2156588 h 2323145"/>
              <a:gd name="connsiteX171" fmla="*/ 3903348 w 11269336"/>
              <a:gd name="connsiteY171" fmla="*/ 2149220 h 2323145"/>
              <a:gd name="connsiteX172" fmla="*/ 3901342 w 11269336"/>
              <a:gd name="connsiteY172" fmla="*/ 2142355 h 2323145"/>
              <a:gd name="connsiteX173" fmla="*/ 3888539 w 11269336"/>
              <a:gd name="connsiteY173" fmla="*/ 2140476 h 2323145"/>
              <a:gd name="connsiteX174" fmla="*/ 3885662 w 11269336"/>
              <a:gd name="connsiteY174" fmla="*/ 2138740 h 2323145"/>
              <a:gd name="connsiteX175" fmla="*/ 3868627 w 11269336"/>
              <a:gd name="connsiteY175" fmla="*/ 2130023 h 2323145"/>
              <a:gd name="connsiteX176" fmla="*/ 3819177 w 11269336"/>
              <a:gd name="connsiteY176" fmla="*/ 2142111 h 2323145"/>
              <a:gd name="connsiteX177" fmla="*/ 3769100 w 11269336"/>
              <a:gd name="connsiteY177" fmla="*/ 2131731 h 2323145"/>
              <a:gd name="connsiteX178" fmla="*/ 3562752 w 11269336"/>
              <a:gd name="connsiteY178" fmla="*/ 2131785 h 2323145"/>
              <a:gd name="connsiteX179" fmla="*/ 3541402 w 11269336"/>
              <a:gd name="connsiteY179" fmla="*/ 2106821 h 2323145"/>
              <a:gd name="connsiteX180" fmla="*/ 3365341 w 11269336"/>
              <a:gd name="connsiteY180" fmla="*/ 2077638 h 2323145"/>
              <a:gd name="connsiteX181" fmla="*/ 3170922 w 11269336"/>
              <a:gd name="connsiteY181" fmla="*/ 2115957 h 2323145"/>
              <a:gd name="connsiteX182" fmla="*/ 3156256 w 11269336"/>
              <a:gd name="connsiteY182" fmla="*/ 2124773 h 2323145"/>
              <a:gd name="connsiteX183" fmla="*/ 3140298 w 11269336"/>
              <a:gd name="connsiteY183" fmla="*/ 2129182 h 2323145"/>
              <a:gd name="connsiteX184" fmla="*/ 3138514 w 11269336"/>
              <a:gd name="connsiteY184" fmla="*/ 2128069 h 2323145"/>
              <a:gd name="connsiteX185" fmla="*/ 3120467 w 11269336"/>
              <a:gd name="connsiteY185" fmla="*/ 2128281 h 2323145"/>
              <a:gd name="connsiteX186" fmla="*/ 3116175 w 11269336"/>
              <a:gd name="connsiteY186" fmla="*/ 2131633 h 2323145"/>
              <a:gd name="connsiteX187" fmla="*/ 3103685 w 11269336"/>
              <a:gd name="connsiteY187" fmla="*/ 2132814 h 2323145"/>
              <a:gd name="connsiteX188" fmla="*/ 3078794 w 11269336"/>
              <a:gd name="connsiteY188" fmla="*/ 2137935 h 2323145"/>
              <a:gd name="connsiteX189" fmla="*/ 3074407 w 11269336"/>
              <a:gd name="connsiteY189" fmla="*/ 2136274 h 2323145"/>
              <a:gd name="connsiteX190" fmla="*/ 3037285 w 11269336"/>
              <a:gd name="connsiteY190" fmla="*/ 2139919 h 2323145"/>
              <a:gd name="connsiteX191" fmla="*/ 3036901 w 11269336"/>
              <a:gd name="connsiteY191" fmla="*/ 2138726 h 2323145"/>
              <a:gd name="connsiteX192" fmla="*/ 3026996 w 11269336"/>
              <a:gd name="connsiteY192" fmla="*/ 2134322 h 2323145"/>
              <a:gd name="connsiteX193" fmla="*/ 3007772 w 11269336"/>
              <a:gd name="connsiteY193" fmla="*/ 2128742 h 2323145"/>
              <a:gd name="connsiteX194" fmla="*/ 2965030 w 11269336"/>
              <a:gd name="connsiteY194" fmla="*/ 2100494 h 2323145"/>
              <a:gd name="connsiteX195" fmla="*/ 2926342 w 11269336"/>
              <a:gd name="connsiteY195" fmla="*/ 2104155 h 2323145"/>
              <a:gd name="connsiteX196" fmla="*/ 2918608 w 11269336"/>
              <a:gd name="connsiteY196" fmla="*/ 2104215 h 2323145"/>
              <a:gd name="connsiteX197" fmla="*/ 2918475 w 11269336"/>
              <a:gd name="connsiteY197" fmla="*/ 2103937 h 2323145"/>
              <a:gd name="connsiteX198" fmla="*/ 2910360 w 11269336"/>
              <a:gd name="connsiteY198" fmla="*/ 2103444 h 2323145"/>
              <a:gd name="connsiteX199" fmla="*/ 2904507 w 11269336"/>
              <a:gd name="connsiteY199" fmla="*/ 2104326 h 2323145"/>
              <a:gd name="connsiteX200" fmla="*/ 2889503 w 11269336"/>
              <a:gd name="connsiteY200" fmla="*/ 2104443 h 2323145"/>
              <a:gd name="connsiteX201" fmla="*/ 2884480 w 11269336"/>
              <a:gd name="connsiteY201" fmla="*/ 2102626 h 2323145"/>
              <a:gd name="connsiteX202" fmla="*/ 2882689 w 11269336"/>
              <a:gd name="connsiteY202" fmla="*/ 2099228 h 2323145"/>
              <a:gd name="connsiteX203" fmla="*/ 2881291 w 11269336"/>
              <a:gd name="connsiteY203" fmla="*/ 2099618 h 2323145"/>
              <a:gd name="connsiteX204" fmla="*/ 2853979 w 11269336"/>
              <a:gd name="connsiteY204" fmla="*/ 2090388 h 2323145"/>
              <a:gd name="connsiteX205" fmla="*/ 2791790 w 11269336"/>
              <a:gd name="connsiteY205" fmla="*/ 2080332 h 2323145"/>
              <a:gd name="connsiteX206" fmla="*/ 2755844 w 11269336"/>
              <a:gd name="connsiteY206" fmla="*/ 2078874 h 2323145"/>
              <a:gd name="connsiteX207" fmla="*/ 2657742 w 11269336"/>
              <a:gd name="connsiteY207" fmla="*/ 2070179 h 2323145"/>
              <a:gd name="connsiteX208" fmla="*/ 2559549 w 11269336"/>
              <a:gd name="connsiteY208" fmla="*/ 2057873 h 2323145"/>
              <a:gd name="connsiteX209" fmla="*/ 2512054 w 11269336"/>
              <a:gd name="connsiteY209" fmla="*/ 2031671 h 2323145"/>
              <a:gd name="connsiteX210" fmla="*/ 2506437 w 11269336"/>
              <a:gd name="connsiteY210" fmla="*/ 2030918 h 2323145"/>
              <a:gd name="connsiteX211" fmla="*/ 2491752 w 11269336"/>
              <a:gd name="connsiteY211" fmla="*/ 2033906 h 2323145"/>
              <a:gd name="connsiteX212" fmla="*/ 2486338 w 11269336"/>
              <a:gd name="connsiteY212" fmla="*/ 2035862 h 2323145"/>
              <a:gd name="connsiteX213" fmla="*/ 2478186 w 11269336"/>
              <a:gd name="connsiteY213" fmla="*/ 2036953 h 2323145"/>
              <a:gd name="connsiteX214" fmla="*/ 2477950 w 11269336"/>
              <a:gd name="connsiteY214" fmla="*/ 2036715 h 2323145"/>
              <a:gd name="connsiteX215" fmla="*/ 2470381 w 11269336"/>
              <a:gd name="connsiteY215" fmla="*/ 2038256 h 2323145"/>
              <a:gd name="connsiteX216" fmla="*/ 2433781 w 11269336"/>
              <a:gd name="connsiteY216" fmla="*/ 2049140 h 2323145"/>
              <a:gd name="connsiteX217" fmla="*/ 2381172 w 11269336"/>
              <a:gd name="connsiteY217" fmla="*/ 2030645 h 2323145"/>
              <a:gd name="connsiteX218" fmla="*/ 2360198 w 11269336"/>
              <a:gd name="connsiteY218" fmla="*/ 2029059 h 2323145"/>
              <a:gd name="connsiteX219" fmla="*/ 2348815 w 11269336"/>
              <a:gd name="connsiteY219" fmla="*/ 2026798 h 2323145"/>
              <a:gd name="connsiteX220" fmla="*/ 2347988 w 11269336"/>
              <a:gd name="connsiteY220" fmla="*/ 2025745 h 2323145"/>
              <a:gd name="connsiteX221" fmla="*/ 2312920 w 11269336"/>
              <a:gd name="connsiteY221" fmla="*/ 2036311 h 2323145"/>
              <a:gd name="connsiteX222" fmla="*/ 2307986 w 11269336"/>
              <a:gd name="connsiteY222" fmla="*/ 2035583 h 2323145"/>
              <a:gd name="connsiteX223" fmla="*/ 2285481 w 11269336"/>
              <a:gd name="connsiteY223" fmla="*/ 2045197 h 2323145"/>
              <a:gd name="connsiteX224" fmla="*/ 2273666 w 11269336"/>
              <a:gd name="connsiteY224" fmla="*/ 2048710 h 2323145"/>
              <a:gd name="connsiteX225" fmla="*/ 2270719 w 11269336"/>
              <a:gd name="connsiteY225" fmla="*/ 2052702 h 2323145"/>
              <a:gd name="connsiteX226" fmla="*/ 2253080 w 11269336"/>
              <a:gd name="connsiteY226" fmla="*/ 2056363 h 2323145"/>
              <a:gd name="connsiteX227" fmla="*/ 2250906 w 11269336"/>
              <a:gd name="connsiteY227" fmla="*/ 2055654 h 2323145"/>
              <a:gd name="connsiteX228" fmla="*/ 2236905 w 11269336"/>
              <a:gd name="connsiteY228" fmla="*/ 2062882 h 2323145"/>
              <a:gd name="connsiteX229" fmla="*/ 2225830 w 11269336"/>
              <a:gd name="connsiteY229" fmla="*/ 2074027 h 2323145"/>
              <a:gd name="connsiteX230" fmla="*/ 2073776 w 11269336"/>
              <a:gd name="connsiteY230" fmla="*/ 2089244 h 2323145"/>
              <a:gd name="connsiteX231" fmla="*/ 1948256 w 11269336"/>
              <a:gd name="connsiteY231" fmla="*/ 2146616 h 2323145"/>
              <a:gd name="connsiteX232" fmla="*/ 1865582 w 11269336"/>
              <a:gd name="connsiteY232" fmla="*/ 2153738 h 2323145"/>
              <a:gd name="connsiteX233" fmla="*/ 1835210 w 11269336"/>
              <a:gd name="connsiteY233" fmla="*/ 2134244 h 2323145"/>
              <a:gd name="connsiteX234" fmla="*/ 1632661 w 11269336"/>
              <a:gd name="connsiteY234" fmla="*/ 2173882 h 2323145"/>
              <a:gd name="connsiteX235" fmla="*/ 1579590 w 11269336"/>
              <a:gd name="connsiteY235" fmla="*/ 2173680 h 2323145"/>
              <a:gd name="connsiteX236" fmla="*/ 1535601 w 11269336"/>
              <a:gd name="connsiteY236" fmla="*/ 2194590 h 2323145"/>
              <a:gd name="connsiteX237" fmla="*/ 1515594 w 11269336"/>
              <a:gd name="connsiteY237" fmla="*/ 2189622 h 2323145"/>
              <a:gd name="connsiteX238" fmla="*/ 1512113 w 11269336"/>
              <a:gd name="connsiteY238" fmla="*/ 2188534 h 2323145"/>
              <a:gd name="connsiteX239" fmla="*/ 1498838 w 11269336"/>
              <a:gd name="connsiteY239" fmla="*/ 2189213 h 2323145"/>
              <a:gd name="connsiteX240" fmla="*/ 1494279 w 11269336"/>
              <a:gd name="connsiteY240" fmla="*/ 2183112 h 2323145"/>
              <a:gd name="connsiteX241" fmla="*/ 1473714 w 11269336"/>
              <a:gd name="connsiteY241" fmla="*/ 2179625 h 2323145"/>
              <a:gd name="connsiteX242" fmla="*/ 1449503 w 11269336"/>
              <a:gd name="connsiteY242" fmla="*/ 2182633 h 2323145"/>
              <a:gd name="connsiteX243" fmla="*/ 1266687 w 11269336"/>
              <a:gd name="connsiteY243" fmla="*/ 2212688 h 2323145"/>
              <a:gd name="connsiteX244" fmla="*/ 1239614 w 11269336"/>
              <a:gd name="connsiteY244" fmla="*/ 2209727 h 2323145"/>
              <a:gd name="connsiteX245" fmla="*/ 1202436 w 11269336"/>
              <a:gd name="connsiteY245" fmla="*/ 2209817 h 2323145"/>
              <a:gd name="connsiteX246" fmla="*/ 1136097 w 11269336"/>
              <a:gd name="connsiteY246" fmla="*/ 2205112 h 2323145"/>
              <a:gd name="connsiteX247" fmla="*/ 988232 w 11269336"/>
              <a:gd name="connsiteY247" fmla="*/ 2235635 h 2323145"/>
              <a:gd name="connsiteX248" fmla="*/ 981959 w 11269336"/>
              <a:gd name="connsiteY248" fmla="*/ 2231607 h 2323145"/>
              <a:gd name="connsiteX249" fmla="*/ 938600 w 11269336"/>
              <a:gd name="connsiteY249" fmla="*/ 2238113 h 2323145"/>
              <a:gd name="connsiteX250" fmla="*/ 791788 w 11269336"/>
              <a:gd name="connsiteY250" fmla="*/ 2293224 h 2323145"/>
              <a:gd name="connsiteX251" fmla="*/ 706914 w 11269336"/>
              <a:gd name="connsiteY251" fmla="*/ 2305046 h 2323145"/>
              <a:gd name="connsiteX252" fmla="*/ 675971 w 11269336"/>
              <a:gd name="connsiteY252" fmla="*/ 2304030 h 2323145"/>
              <a:gd name="connsiteX253" fmla="*/ 624180 w 11269336"/>
              <a:gd name="connsiteY253" fmla="*/ 2302650 h 2323145"/>
              <a:gd name="connsiteX254" fmla="*/ 583453 w 11269336"/>
              <a:gd name="connsiteY254" fmla="*/ 2288788 h 2323145"/>
              <a:gd name="connsiteX255" fmla="*/ 540946 w 11269336"/>
              <a:gd name="connsiteY255" fmla="*/ 2292721 h 2323145"/>
              <a:gd name="connsiteX256" fmla="*/ 533680 w 11269336"/>
              <a:gd name="connsiteY256" fmla="*/ 2310233 h 2323145"/>
              <a:gd name="connsiteX257" fmla="*/ 487366 w 11269336"/>
              <a:gd name="connsiteY257" fmla="*/ 2309053 h 2323145"/>
              <a:gd name="connsiteX258" fmla="*/ 416820 w 11269336"/>
              <a:gd name="connsiteY258" fmla="*/ 2305443 h 2323145"/>
              <a:gd name="connsiteX259" fmla="*/ 376805 w 11269336"/>
              <a:gd name="connsiteY259" fmla="*/ 2307647 h 2323145"/>
              <a:gd name="connsiteX260" fmla="*/ 266777 w 11269336"/>
              <a:gd name="connsiteY260" fmla="*/ 2309012 h 2323145"/>
              <a:gd name="connsiteX261" fmla="*/ 156013 w 11269336"/>
              <a:gd name="connsiteY261" fmla="*/ 2306832 h 2323145"/>
              <a:gd name="connsiteX262" fmla="*/ 87258 w 11269336"/>
              <a:gd name="connsiteY262" fmla="*/ 2285511 h 2323145"/>
              <a:gd name="connsiteX263" fmla="*/ 23798 w 11269336"/>
              <a:gd name="connsiteY263" fmla="*/ 2281822 h 2323145"/>
              <a:gd name="connsiteX264" fmla="*/ 0 w 11269336"/>
              <a:gd name="connsiteY264" fmla="*/ 2285369 h 2323145"/>
              <a:gd name="connsiteX265" fmla="*/ 0 w 11269336"/>
              <a:gd name="connsiteY26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8977138 w 11269336"/>
              <a:gd name="connsiteY22" fmla="*/ 774970 h 2323145"/>
              <a:gd name="connsiteX23" fmla="*/ 9070855 w 11269336"/>
              <a:gd name="connsiteY23" fmla="*/ 794621 h 2323145"/>
              <a:gd name="connsiteX24" fmla="*/ 8914746 w 11269336"/>
              <a:gd name="connsiteY24" fmla="*/ 826428 h 2323145"/>
              <a:gd name="connsiteX25" fmla="*/ 8917778 w 11269336"/>
              <a:gd name="connsiteY25" fmla="*/ 835198 h 2323145"/>
              <a:gd name="connsiteX26" fmla="*/ 8905560 w 11269336"/>
              <a:gd name="connsiteY26" fmla="*/ 838358 h 2323145"/>
              <a:gd name="connsiteX27" fmla="*/ 8897564 w 11269336"/>
              <a:gd name="connsiteY27" fmla="*/ 834287 h 2323145"/>
              <a:gd name="connsiteX28" fmla="*/ 8878040 w 11269336"/>
              <a:gd name="connsiteY28" fmla="*/ 844150 h 2323145"/>
              <a:gd name="connsiteX29" fmla="*/ 8795998 w 11269336"/>
              <a:gd name="connsiteY29" fmla="*/ 863337 h 2323145"/>
              <a:gd name="connsiteX30" fmla="*/ 8776970 w 11269336"/>
              <a:gd name="connsiteY30" fmla="*/ 885177 h 2323145"/>
              <a:gd name="connsiteX31" fmla="*/ 8755719 w 11269336"/>
              <a:gd name="connsiteY31" fmla="*/ 889754 h 2323145"/>
              <a:gd name="connsiteX32" fmla="*/ 8743257 w 11269336"/>
              <a:gd name="connsiteY32" fmla="*/ 904723 h 2323145"/>
              <a:gd name="connsiteX33" fmla="*/ 8721366 w 11269336"/>
              <a:gd name="connsiteY33" fmla="*/ 904711 h 2323145"/>
              <a:gd name="connsiteX34" fmla="*/ 8678353 w 11269336"/>
              <a:gd name="connsiteY34" fmla="*/ 926318 h 2323145"/>
              <a:gd name="connsiteX35" fmla="*/ 8636849 w 11269336"/>
              <a:gd name="connsiteY35" fmla="*/ 937900 h 2323145"/>
              <a:gd name="connsiteX36" fmla="*/ 8620213 w 11269336"/>
              <a:gd name="connsiteY36" fmla="*/ 943068 h 2323145"/>
              <a:gd name="connsiteX37" fmla="*/ 8612581 w 11269336"/>
              <a:gd name="connsiteY37" fmla="*/ 952695 h 2323145"/>
              <a:gd name="connsiteX38" fmla="*/ 8589038 w 11269336"/>
              <a:gd name="connsiteY38" fmla="*/ 963892 h 2323145"/>
              <a:gd name="connsiteX39" fmla="*/ 8579950 w 11269336"/>
              <a:gd name="connsiteY39" fmla="*/ 960899 h 2323145"/>
              <a:gd name="connsiteX40" fmla="*/ 8579319 w 11269336"/>
              <a:gd name="connsiteY40" fmla="*/ 965630 h 2323145"/>
              <a:gd name="connsiteX41" fmla="*/ 8547429 w 11269336"/>
              <a:gd name="connsiteY41" fmla="*/ 984506 h 2323145"/>
              <a:gd name="connsiteX42" fmla="*/ 8478704 w 11269336"/>
              <a:gd name="connsiteY42" fmla="*/ 1025490 h 2323145"/>
              <a:gd name="connsiteX43" fmla="*/ 8461421 w 11269336"/>
              <a:gd name="connsiteY43" fmla="*/ 1035512 h 2323145"/>
              <a:gd name="connsiteX44" fmla="*/ 8445003 w 11269336"/>
              <a:gd name="connsiteY44" fmla="*/ 1036851 h 2323145"/>
              <a:gd name="connsiteX45" fmla="*/ 8357350 w 11269336"/>
              <a:gd name="connsiteY45" fmla="*/ 1060213 h 2323145"/>
              <a:gd name="connsiteX46" fmla="*/ 8335565 w 11269336"/>
              <a:gd name="connsiteY46" fmla="*/ 1061151 h 2323145"/>
              <a:gd name="connsiteX47" fmla="*/ 8325267 w 11269336"/>
              <a:gd name="connsiteY47" fmla="*/ 1055919 h 2323145"/>
              <a:gd name="connsiteX48" fmla="*/ 8293586 w 11269336"/>
              <a:gd name="connsiteY48" fmla="*/ 1076144 h 2323145"/>
              <a:gd name="connsiteX49" fmla="*/ 8242405 w 11269336"/>
              <a:gd name="connsiteY49" fmla="*/ 1095960 h 2323145"/>
              <a:gd name="connsiteX50" fmla="*/ 8197391 w 11269336"/>
              <a:gd name="connsiteY50" fmla="*/ 1107746 h 2323145"/>
              <a:gd name="connsiteX51" fmla="*/ 8081474 w 11269336"/>
              <a:gd name="connsiteY51" fmla="*/ 1130125 h 2323145"/>
              <a:gd name="connsiteX52" fmla="*/ 8053585 w 11269336"/>
              <a:gd name="connsiteY52" fmla="*/ 1129169 h 2323145"/>
              <a:gd name="connsiteX53" fmla="*/ 8038422 w 11269336"/>
              <a:gd name="connsiteY53" fmla="*/ 1119092 h 2323145"/>
              <a:gd name="connsiteX54" fmla="*/ 8029450 w 11269336"/>
              <a:gd name="connsiteY54" fmla="*/ 1125592 h 2323145"/>
              <a:gd name="connsiteX55" fmla="*/ 7959552 w 11269336"/>
              <a:gd name="connsiteY55" fmla="*/ 1140188 h 2323145"/>
              <a:gd name="connsiteX56" fmla="*/ 7914188 w 11269336"/>
              <a:gd name="connsiteY56" fmla="*/ 1150862 h 2323145"/>
              <a:gd name="connsiteX57" fmla="*/ 7914918 w 11269336"/>
              <a:gd name="connsiteY57" fmla="*/ 1168758 h 2323145"/>
              <a:gd name="connsiteX58" fmla="*/ 7875510 w 11269336"/>
              <a:gd name="connsiteY58" fmla="*/ 1183153 h 2323145"/>
              <a:gd name="connsiteX59" fmla="*/ 7829932 w 11269336"/>
              <a:gd name="connsiteY59" fmla="*/ 1180782 h 2323145"/>
              <a:gd name="connsiteX60" fmla="*/ 7779182 w 11269336"/>
              <a:gd name="connsiteY60" fmla="*/ 1192665 h 2323145"/>
              <a:gd name="connsiteX61" fmla="*/ 7748774 w 11269336"/>
              <a:gd name="connsiteY61" fmla="*/ 1199586 h 2323145"/>
              <a:gd name="connsiteX62" fmla="*/ 7671846 w 11269336"/>
              <a:gd name="connsiteY62" fmla="*/ 1231966 h 2323145"/>
              <a:gd name="connsiteX63" fmla="*/ 7554146 w 11269336"/>
              <a:gd name="connsiteY63" fmla="*/ 1319748 h 2323145"/>
              <a:gd name="connsiteX64" fmla="*/ 7515052 w 11269336"/>
              <a:gd name="connsiteY64" fmla="*/ 1336718 h 2323145"/>
              <a:gd name="connsiteX65" fmla="*/ 7507193 w 11269336"/>
              <a:gd name="connsiteY65" fmla="*/ 1334617 h 2323145"/>
              <a:gd name="connsiteX66" fmla="*/ 7461694 w 11269336"/>
              <a:gd name="connsiteY66" fmla="*/ 1375866 h 2323145"/>
              <a:gd name="connsiteX67" fmla="*/ 7377571 w 11269336"/>
              <a:gd name="connsiteY67" fmla="*/ 1400128 h 2323145"/>
              <a:gd name="connsiteX68" fmla="*/ 7311261 w 11269336"/>
              <a:gd name="connsiteY68" fmla="*/ 1412652 h 2323145"/>
              <a:gd name="connsiteX69" fmla="*/ 7275307 w 11269336"/>
              <a:gd name="connsiteY69" fmla="*/ 1422171 h 2323145"/>
              <a:gd name="connsiteX70" fmla="*/ 7247783 w 11269336"/>
              <a:gd name="connsiteY70" fmla="*/ 1426330 h 2323145"/>
              <a:gd name="connsiteX71" fmla="*/ 7185047 w 11269336"/>
              <a:gd name="connsiteY71" fmla="*/ 1451812 h 2323145"/>
              <a:gd name="connsiteX72" fmla="*/ 7084117 w 11269336"/>
              <a:gd name="connsiteY72" fmla="*/ 1500281 h 2323145"/>
              <a:gd name="connsiteX73" fmla="*/ 7062011 w 11269336"/>
              <a:gd name="connsiteY73" fmla="*/ 1509183 h 2323145"/>
              <a:gd name="connsiteX74" fmla="*/ 7040555 w 11269336"/>
              <a:gd name="connsiteY74" fmla="*/ 1511207 h 2323145"/>
              <a:gd name="connsiteX75" fmla="*/ 7033438 w 11269336"/>
              <a:gd name="connsiteY75" fmla="*/ 1506772 h 2323145"/>
              <a:gd name="connsiteX76" fmla="*/ 7020886 w 11269336"/>
              <a:gd name="connsiteY76" fmla="*/ 1510764 h 2323145"/>
              <a:gd name="connsiteX77" fmla="*/ 7017033 w 11269336"/>
              <a:gd name="connsiteY77" fmla="*/ 1510650 h 2323145"/>
              <a:gd name="connsiteX78" fmla="*/ 6995460 w 11269336"/>
              <a:gd name="connsiteY78" fmla="*/ 1511173 h 2323145"/>
              <a:gd name="connsiteX79" fmla="*/ 6962144 w 11269336"/>
              <a:gd name="connsiteY79" fmla="*/ 1541508 h 2323145"/>
              <a:gd name="connsiteX80" fmla="*/ 6910674 w 11269336"/>
              <a:gd name="connsiteY80" fmla="*/ 1554793 h 2323145"/>
              <a:gd name="connsiteX81" fmla="*/ 6732152 w 11269336"/>
              <a:gd name="connsiteY81" fmla="*/ 1642538 h 2323145"/>
              <a:gd name="connsiteX82" fmla="*/ 6694106 w 11269336"/>
              <a:gd name="connsiteY82" fmla="*/ 1632377 h 2323145"/>
              <a:gd name="connsiteX83" fmla="*/ 6617223 w 11269336"/>
              <a:gd name="connsiteY83" fmla="*/ 1659889 h 2323145"/>
              <a:gd name="connsiteX84" fmla="*/ 6521138 w 11269336"/>
              <a:gd name="connsiteY84" fmla="*/ 1744340 h 2323145"/>
              <a:gd name="connsiteX85" fmla="*/ 6380677 w 11269336"/>
              <a:gd name="connsiteY85" fmla="*/ 1796883 h 2323145"/>
              <a:gd name="connsiteX86" fmla="*/ 6374897 w 11269336"/>
              <a:gd name="connsiteY86" fmla="*/ 1809910 h 2323145"/>
              <a:gd name="connsiteX87" fmla="*/ 6364545 w 11269336"/>
              <a:gd name="connsiteY87" fmla="*/ 1820090 h 2323145"/>
              <a:gd name="connsiteX88" fmla="*/ 6362126 w 11269336"/>
              <a:gd name="connsiteY88" fmla="*/ 1819991 h 2323145"/>
              <a:gd name="connsiteX89" fmla="*/ 6346673 w 11269336"/>
              <a:gd name="connsiteY89" fmla="*/ 1827824 h 2323145"/>
              <a:gd name="connsiteX90" fmla="*/ 6345588 w 11269336"/>
              <a:gd name="connsiteY90" fmla="*/ 1832232 h 2323145"/>
              <a:gd name="connsiteX91" fmla="*/ 6335708 w 11269336"/>
              <a:gd name="connsiteY91" fmla="*/ 1838451 h 2323145"/>
              <a:gd name="connsiteX92" fmla="*/ 6318182 w 11269336"/>
              <a:gd name="connsiteY92" fmla="*/ 1852975 h 2323145"/>
              <a:gd name="connsiteX93" fmla="*/ 6313084 w 11269336"/>
              <a:gd name="connsiteY93" fmla="*/ 1853561 h 2323145"/>
              <a:gd name="connsiteX94" fmla="*/ 6283816 w 11269336"/>
              <a:gd name="connsiteY94" fmla="*/ 1872148 h 2323145"/>
              <a:gd name="connsiteX95" fmla="*/ 6282550 w 11269336"/>
              <a:gd name="connsiteY95" fmla="*/ 1871392 h 2323145"/>
              <a:gd name="connsiteX96" fmla="*/ 6270527 w 11269336"/>
              <a:gd name="connsiteY96" fmla="*/ 1872208 h 2323145"/>
              <a:gd name="connsiteX97" fmla="*/ 6249518 w 11269336"/>
              <a:gd name="connsiteY97" fmla="*/ 1876079 h 2323145"/>
              <a:gd name="connsiteX98" fmla="*/ 6190386 w 11269336"/>
              <a:gd name="connsiteY98" fmla="*/ 1872478 h 2323145"/>
              <a:gd name="connsiteX99" fmla="*/ 6159777 w 11269336"/>
              <a:gd name="connsiteY99" fmla="*/ 1891745 h 2323145"/>
              <a:gd name="connsiteX100" fmla="*/ 6153131 w 11269336"/>
              <a:gd name="connsiteY100" fmla="*/ 1895079 h 2323145"/>
              <a:gd name="connsiteX101" fmla="*/ 6152798 w 11269336"/>
              <a:gd name="connsiteY101" fmla="*/ 1894920 h 2323145"/>
              <a:gd name="connsiteX102" fmla="*/ 6145388 w 11269336"/>
              <a:gd name="connsiteY102" fmla="*/ 1897990 h 2323145"/>
              <a:gd name="connsiteX103" fmla="*/ 6141014 w 11269336"/>
              <a:gd name="connsiteY103" fmla="*/ 1901155 h 2323145"/>
              <a:gd name="connsiteX104" fmla="*/ 6128122 w 11269336"/>
              <a:gd name="connsiteY104" fmla="*/ 1907623 h 2323145"/>
              <a:gd name="connsiteX105" fmla="*/ 6122351 w 11269336"/>
              <a:gd name="connsiteY105" fmla="*/ 1908359 h 2323145"/>
              <a:gd name="connsiteX106" fmla="*/ 6064750 w 11269336"/>
              <a:gd name="connsiteY106" fmla="*/ 1896394 h 2323145"/>
              <a:gd name="connsiteX107" fmla="*/ 5964230 w 11269336"/>
              <a:gd name="connsiteY107" fmla="*/ 1910038 h 2323145"/>
              <a:gd name="connsiteX108" fmla="*/ 5865399 w 11269336"/>
              <a:gd name="connsiteY108" fmla="*/ 1926966 h 2323145"/>
              <a:gd name="connsiteX109" fmla="*/ 5829951 w 11269336"/>
              <a:gd name="connsiteY109" fmla="*/ 1934755 h 2323145"/>
              <a:gd name="connsiteX110" fmla="*/ 5765285 w 11269336"/>
              <a:gd name="connsiteY110" fmla="*/ 1941322 h 2323145"/>
              <a:gd name="connsiteX111" fmla="*/ 5734750 w 11269336"/>
              <a:gd name="connsiteY111" fmla="*/ 1939793 h 2323145"/>
              <a:gd name="connsiteX112" fmla="*/ 5733569 w 11269336"/>
              <a:gd name="connsiteY112" fmla="*/ 1940505 h 2323145"/>
              <a:gd name="connsiteX113" fmla="*/ 5730329 w 11269336"/>
              <a:gd name="connsiteY113" fmla="*/ 1937845 h 2323145"/>
              <a:gd name="connsiteX114" fmla="*/ 5724661 w 11269336"/>
              <a:gd name="connsiteY114" fmla="*/ 1937455 h 2323145"/>
              <a:gd name="connsiteX115" fmla="*/ 5710186 w 11269336"/>
              <a:gd name="connsiteY115" fmla="*/ 1941370 h 2323145"/>
              <a:gd name="connsiteX116" fmla="*/ 5704910 w 11269336"/>
              <a:gd name="connsiteY116" fmla="*/ 1943663 h 2323145"/>
              <a:gd name="connsiteX117" fmla="*/ 5696836 w 11269336"/>
              <a:gd name="connsiteY117" fmla="*/ 1945271 h 2323145"/>
              <a:gd name="connsiteX118" fmla="*/ 5696583 w 11269336"/>
              <a:gd name="connsiteY118" fmla="*/ 1945050 h 2323145"/>
              <a:gd name="connsiteX119" fmla="*/ 5689123 w 11269336"/>
              <a:gd name="connsiteY119" fmla="*/ 1947067 h 2323145"/>
              <a:gd name="connsiteX120" fmla="*/ 5653291 w 11269336"/>
              <a:gd name="connsiteY120" fmla="*/ 1960245 h 2323145"/>
              <a:gd name="connsiteX121" fmla="*/ 5599385 w 11269336"/>
              <a:gd name="connsiteY121" fmla="*/ 1945198 h 2323145"/>
              <a:gd name="connsiteX122" fmla="*/ 5578300 w 11269336"/>
              <a:gd name="connsiteY122" fmla="*/ 1944963 h 2323145"/>
              <a:gd name="connsiteX123" fmla="*/ 5566758 w 11269336"/>
              <a:gd name="connsiteY123" fmla="*/ 1943441 h 2323145"/>
              <a:gd name="connsiteX124" fmla="*/ 5565857 w 11269336"/>
              <a:gd name="connsiteY124" fmla="*/ 1942445 h 2323145"/>
              <a:gd name="connsiteX125" fmla="*/ 5531534 w 11269336"/>
              <a:gd name="connsiteY125" fmla="*/ 1955208 h 2323145"/>
              <a:gd name="connsiteX126" fmla="*/ 5526552 w 11269336"/>
              <a:gd name="connsiteY126" fmla="*/ 1954799 h 2323145"/>
              <a:gd name="connsiteX127" fmla="*/ 5504723 w 11269336"/>
              <a:gd name="connsiteY127" fmla="*/ 1965811 h 2323145"/>
              <a:gd name="connsiteX128" fmla="*/ 5493156 w 11269336"/>
              <a:gd name="connsiteY128" fmla="*/ 1970063 h 2323145"/>
              <a:gd name="connsiteX129" fmla="*/ 5490486 w 11269336"/>
              <a:gd name="connsiteY129" fmla="*/ 1974227 h 2323145"/>
              <a:gd name="connsiteX130" fmla="*/ 5473107 w 11269336"/>
              <a:gd name="connsiteY130" fmla="*/ 1979001 h 2323145"/>
              <a:gd name="connsiteX131" fmla="*/ 5470885 w 11269336"/>
              <a:gd name="connsiteY131" fmla="*/ 1978432 h 2323145"/>
              <a:gd name="connsiteX132" fmla="*/ 5457393 w 11269336"/>
              <a:gd name="connsiteY132" fmla="*/ 1986525 h 2323145"/>
              <a:gd name="connsiteX133" fmla="*/ 5447102 w 11269336"/>
              <a:gd name="connsiteY133" fmla="*/ 1998329 h 2323145"/>
              <a:gd name="connsiteX134" fmla="*/ 5159151 w 11269336"/>
              <a:gd name="connsiteY134" fmla="*/ 2029640 h 2323145"/>
              <a:gd name="connsiteX135" fmla="*/ 5041688 w 11269336"/>
              <a:gd name="connsiteY135" fmla="*/ 2022334 h 2323145"/>
              <a:gd name="connsiteX136" fmla="*/ 4860988 w 11269336"/>
              <a:gd name="connsiteY136" fmla="*/ 2135698 h 2323145"/>
              <a:gd name="connsiteX137" fmla="*/ 4807902 w 11269336"/>
              <a:gd name="connsiteY137" fmla="*/ 2138894 h 2323145"/>
              <a:gd name="connsiteX138" fmla="*/ 4765388 w 11269336"/>
              <a:gd name="connsiteY138" fmla="*/ 2162525 h 2323145"/>
              <a:gd name="connsiteX139" fmla="*/ 4745033 w 11269336"/>
              <a:gd name="connsiteY139" fmla="*/ 2158859 h 2323145"/>
              <a:gd name="connsiteX140" fmla="*/ 4741475 w 11269336"/>
              <a:gd name="connsiteY140" fmla="*/ 2157998 h 2323145"/>
              <a:gd name="connsiteX141" fmla="*/ 4728247 w 11269336"/>
              <a:gd name="connsiteY141" fmla="*/ 2159526 h 2323145"/>
              <a:gd name="connsiteX142" fmla="*/ 4723263 w 11269336"/>
              <a:gd name="connsiteY142" fmla="*/ 2153742 h 2323145"/>
              <a:gd name="connsiteX143" fmla="*/ 4702453 w 11269336"/>
              <a:gd name="connsiteY143" fmla="*/ 2151586 h 2323145"/>
              <a:gd name="connsiteX144" fmla="*/ 4678455 w 11269336"/>
              <a:gd name="connsiteY144" fmla="*/ 2156131 h 2323145"/>
              <a:gd name="connsiteX145" fmla="*/ 4593061 w 11269336"/>
              <a:gd name="connsiteY145" fmla="*/ 2171597 h 2323145"/>
              <a:gd name="connsiteX146" fmla="*/ 4579902 w 11269336"/>
              <a:gd name="connsiteY146" fmla="*/ 2177927 h 2323145"/>
              <a:gd name="connsiteX147" fmla="*/ 4533444 w 11269336"/>
              <a:gd name="connsiteY147" fmla="*/ 2181200 h 2323145"/>
              <a:gd name="connsiteX148" fmla="*/ 4492832 w 11269336"/>
              <a:gd name="connsiteY148" fmla="*/ 2188033 h 2323145"/>
              <a:gd name="connsiteX149" fmla="*/ 4467257 w 11269336"/>
              <a:gd name="connsiteY149" fmla="*/ 2196121 h 2323145"/>
              <a:gd name="connsiteX150" fmla="*/ 4459937 w 11269336"/>
              <a:gd name="connsiteY150" fmla="*/ 2195182 h 2323145"/>
              <a:gd name="connsiteX151" fmla="*/ 4433312 w 11269336"/>
              <a:gd name="connsiteY151" fmla="*/ 2199004 h 2323145"/>
              <a:gd name="connsiteX152" fmla="*/ 4420601 w 11269336"/>
              <a:gd name="connsiteY152" fmla="*/ 2205158 h 2323145"/>
              <a:gd name="connsiteX153" fmla="*/ 4405765 w 11269336"/>
              <a:gd name="connsiteY153" fmla="*/ 2199902 h 2323145"/>
              <a:gd name="connsiteX154" fmla="*/ 4401354 w 11269336"/>
              <a:gd name="connsiteY154" fmla="*/ 2194745 h 2323145"/>
              <a:gd name="connsiteX155" fmla="*/ 4383151 w 11269336"/>
              <a:gd name="connsiteY155" fmla="*/ 2201140 h 2323145"/>
              <a:gd name="connsiteX156" fmla="*/ 4366646 w 11269336"/>
              <a:gd name="connsiteY156" fmla="*/ 2198564 h 2323145"/>
              <a:gd name="connsiteX157" fmla="*/ 4354009 w 11269336"/>
              <a:gd name="connsiteY157" fmla="*/ 2204984 h 2323145"/>
              <a:gd name="connsiteX158" fmla="*/ 4348284 w 11269336"/>
              <a:gd name="connsiteY158" fmla="*/ 2205270 h 2323145"/>
              <a:gd name="connsiteX159" fmla="*/ 4333906 w 11269336"/>
              <a:gd name="connsiteY159" fmla="*/ 2205251 h 2323145"/>
              <a:gd name="connsiteX160" fmla="*/ 4308819 w 11269336"/>
              <a:gd name="connsiteY160" fmla="*/ 2203822 h 2323145"/>
              <a:gd name="connsiteX161" fmla="*/ 4301210 w 11269336"/>
              <a:gd name="connsiteY161" fmla="*/ 2204456 h 2323145"/>
              <a:gd name="connsiteX162" fmla="*/ 4283095 w 11269336"/>
              <a:gd name="connsiteY162" fmla="*/ 2198177 h 2323145"/>
              <a:gd name="connsiteX163" fmla="*/ 4250119 w 11269336"/>
              <a:gd name="connsiteY163" fmla="*/ 2196342 h 2323145"/>
              <a:gd name="connsiteX164" fmla="*/ 4189203 w 11269336"/>
              <a:gd name="connsiteY164" fmla="*/ 2178994 h 2323145"/>
              <a:gd name="connsiteX165" fmla="*/ 4154035 w 11269336"/>
              <a:gd name="connsiteY165" fmla="*/ 2171950 h 2323145"/>
              <a:gd name="connsiteX166" fmla="*/ 4129569 w 11269336"/>
              <a:gd name="connsiteY166" fmla="*/ 2163850 h 2323145"/>
              <a:gd name="connsiteX167" fmla="*/ 4061250 w 11269336"/>
              <a:gd name="connsiteY167" fmla="*/ 2159236 h 2323145"/>
              <a:gd name="connsiteX168" fmla="*/ 3945480 w 11269336"/>
              <a:gd name="connsiteY168" fmla="*/ 2158279 h 2323145"/>
              <a:gd name="connsiteX169" fmla="*/ 3921468 w 11269336"/>
              <a:gd name="connsiteY169" fmla="*/ 2156588 h 2323145"/>
              <a:gd name="connsiteX170" fmla="*/ 3903348 w 11269336"/>
              <a:gd name="connsiteY170" fmla="*/ 2149220 h 2323145"/>
              <a:gd name="connsiteX171" fmla="*/ 3901342 w 11269336"/>
              <a:gd name="connsiteY171" fmla="*/ 2142355 h 2323145"/>
              <a:gd name="connsiteX172" fmla="*/ 3888539 w 11269336"/>
              <a:gd name="connsiteY172" fmla="*/ 2140476 h 2323145"/>
              <a:gd name="connsiteX173" fmla="*/ 3885662 w 11269336"/>
              <a:gd name="connsiteY173" fmla="*/ 2138740 h 2323145"/>
              <a:gd name="connsiteX174" fmla="*/ 3868627 w 11269336"/>
              <a:gd name="connsiteY174" fmla="*/ 2130023 h 2323145"/>
              <a:gd name="connsiteX175" fmla="*/ 3819177 w 11269336"/>
              <a:gd name="connsiteY175" fmla="*/ 2142111 h 2323145"/>
              <a:gd name="connsiteX176" fmla="*/ 3769100 w 11269336"/>
              <a:gd name="connsiteY176" fmla="*/ 2131731 h 2323145"/>
              <a:gd name="connsiteX177" fmla="*/ 3562752 w 11269336"/>
              <a:gd name="connsiteY177" fmla="*/ 2131785 h 2323145"/>
              <a:gd name="connsiteX178" fmla="*/ 3541402 w 11269336"/>
              <a:gd name="connsiteY178" fmla="*/ 2106821 h 2323145"/>
              <a:gd name="connsiteX179" fmla="*/ 3365341 w 11269336"/>
              <a:gd name="connsiteY179" fmla="*/ 2077638 h 2323145"/>
              <a:gd name="connsiteX180" fmla="*/ 3170922 w 11269336"/>
              <a:gd name="connsiteY180" fmla="*/ 2115957 h 2323145"/>
              <a:gd name="connsiteX181" fmla="*/ 3156256 w 11269336"/>
              <a:gd name="connsiteY181" fmla="*/ 2124773 h 2323145"/>
              <a:gd name="connsiteX182" fmla="*/ 3140298 w 11269336"/>
              <a:gd name="connsiteY182" fmla="*/ 2129182 h 2323145"/>
              <a:gd name="connsiteX183" fmla="*/ 3138514 w 11269336"/>
              <a:gd name="connsiteY183" fmla="*/ 2128069 h 2323145"/>
              <a:gd name="connsiteX184" fmla="*/ 3120467 w 11269336"/>
              <a:gd name="connsiteY184" fmla="*/ 2128281 h 2323145"/>
              <a:gd name="connsiteX185" fmla="*/ 3116175 w 11269336"/>
              <a:gd name="connsiteY185" fmla="*/ 2131633 h 2323145"/>
              <a:gd name="connsiteX186" fmla="*/ 3103685 w 11269336"/>
              <a:gd name="connsiteY186" fmla="*/ 2132814 h 2323145"/>
              <a:gd name="connsiteX187" fmla="*/ 3078794 w 11269336"/>
              <a:gd name="connsiteY187" fmla="*/ 2137935 h 2323145"/>
              <a:gd name="connsiteX188" fmla="*/ 3074407 w 11269336"/>
              <a:gd name="connsiteY188" fmla="*/ 2136274 h 2323145"/>
              <a:gd name="connsiteX189" fmla="*/ 3037285 w 11269336"/>
              <a:gd name="connsiteY189" fmla="*/ 2139919 h 2323145"/>
              <a:gd name="connsiteX190" fmla="*/ 3036901 w 11269336"/>
              <a:gd name="connsiteY190" fmla="*/ 2138726 h 2323145"/>
              <a:gd name="connsiteX191" fmla="*/ 3026996 w 11269336"/>
              <a:gd name="connsiteY191" fmla="*/ 2134322 h 2323145"/>
              <a:gd name="connsiteX192" fmla="*/ 3007772 w 11269336"/>
              <a:gd name="connsiteY192" fmla="*/ 2128742 h 2323145"/>
              <a:gd name="connsiteX193" fmla="*/ 2965030 w 11269336"/>
              <a:gd name="connsiteY193" fmla="*/ 2100494 h 2323145"/>
              <a:gd name="connsiteX194" fmla="*/ 2926342 w 11269336"/>
              <a:gd name="connsiteY194" fmla="*/ 2104155 h 2323145"/>
              <a:gd name="connsiteX195" fmla="*/ 2918608 w 11269336"/>
              <a:gd name="connsiteY195" fmla="*/ 2104215 h 2323145"/>
              <a:gd name="connsiteX196" fmla="*/ 2918475 w 11269336"/>
              <a:gd name="connsiteY196" fmla="*/ 2103937 h 2323145"/>
              <a:gd name="connsiteX197" fmla="*/ 2910360 w 11269336"/>
              <a:gd name="connsiteY197" fmla="*/ 2103444 h 2323145"/>
              <a:gd name="connsiteX198" fmla="*/ 2904507 w 11269336"/>
              <a:gd name="connsiteY198" fmla="*/ 2104326 h 2323145"/>
              <a:gd name="connsiteX199" fmla="*/ 2889503 w 11269336"/>
              <a:gd name="connsiteY199" fmla="*/ 2104443 h 2323145"/>
              <a:gd name="connsiteX200" fmla="*/ 2884480 w 11269336"/>
              <a:gd name="connsiteY200" fmla="*/ 2102626 h 2323145"/>
              <a:gd name="connsiteX201" fmla="*/ 2882689 w 11269336"/>
              <a:gd name="connsiteY201" fmla="*/ 2099228 h 2323145"/>
              <a:gd name="connsiteX202" fmla="*/ 2881291 w 11269336"/>
              <a:gd name="connsiteY202" fmla="*/ 2099618 h 2323145"/>
              <a:gd name="connsiteX203" fmla="*/ 2853979 w 11269336"/>
              <a:gd name="connsiteY203" fmla="*/ 2090388 h 2323145"/>
              <a:gd name="connsiteX204" fmla="*/ 2791790 w 11269336"/>
              <a:gd name="connsiteY204" fmla="*/ 2080332 h 2323145"/>
              <a:gd name="connsiteX205" fmla="*/ 2755844 w 11269336"/>
              <a:gd name="connsiteY205" fmla="*/ 2078874 h 2323145"/>
              <a:gd name="connsiteX206" fmla="*/ 2657742 w 11269336"/>
              <a:gd name="connsiteY206" fmla="*/ 2070179 h 2323145"/>
              <a:gd name="connsiteX207" fmla="*/ 2559549 w 11269336"/>
              <a:gd name="connsiteY207" fmla="*/ 2057873 h 2323145"/>
              <a:gd name="connsiteX208" fmla="*/ 2512054 w 11269336"/>
              <a:gd name="connsiteY208" fmla="*/ 2031671 h 2323145"/>
              <a:gd name="connsiteX209" fmla="*/ 2506437 w 11269336"/>
              <a:gd name="connsiteY209" fmla="*/ 2030918 h 2323145"/>
              <a:gd name="connsiteX210" fmla="*/ 2491752 w 11269336"/>
              <a:gd name="connsiteY210" fmla="*/ 2033906 h 2323145"/>
              <a:gd name="connsiteX211" fmla="*/ 2486338 w 11269336"/>
              <a:gd name="connsiteY211" fmla="*/ 2035862 h 2323145"/>
              <a:gd name="connsiteX212" fmla="*/ 2478186 w 11269336"/>
              <a:gd name="connsiteY212" fmla="*/ 2036953 h 2323145"/>
              <a:gd name="connsiteX213" fmla="*/ 2477950 w 11269336"/>
              <a:gd name="connsiteY213" fmla="*/ 2036715 h 2323145"/>
              <a:gd name="connsiteX214" fmla="*/ 2470381 w 11269336"/>
              <a:gd name="connsiteY214" fmla="*/ 2038256 h 2323145"/>
              <a:gd name="connsiteX215" fmla="*/ 2433781 w 11269336"/>
              <a:gd name="connsiteY215" fmla="*/ 2049140 h 2323145"/>
              <a:gd name="connsiteX216" fmla="*/ 2381172 w 11269336"/>
              <a:gd name="connsiteY216" fmla="*/ 2030645 h 2323145"/>
              <a:gd name="connsiteX217" fmla="*/ 2360198 w 11269336"/>
              <a:gd name="connsiteY217" fmla="*/ 2029059 h 2323145"/>
              <a:gd name="connsiteX218" fmla="*/ 2348815 w 11269336"/>
              <a:gd name="connsiteY218" fmla="*/ 2026798 h 2323145"/>
              <a:gd name="connsiteX219" fmla="*/ 2347988 w 11269336"/>
              <a:gd name="connsiteY219" fmla="*/ 2025745 h 2323145"/>
              <a:gd name="connsiteX220" fmla="*/ 2312920 w 11269336"/>
              <a:gd name="connsiteY220" fmla="*/ 2036311 h 2323145"/>
              <a:gd name="connsiteX221" fmla="*/ 2307986 w 11269336"/>
              <a:gd name="connsiteY221" fmla="*/ 2035583 h 2323145"/>
              <a:gd name="connsiteX222" fmla="*/ 2285481 w 11269336"/>
              <a:gd name="connsiteY222" fmla="*/ 2045197 h 2323145"/>
              <a:gd name="connsiteX223" fmla="*/ 2273666 w 11269336"/>
              <a:gd name="connsiteY223" fmla="*/ 2048710 h 2323145"/>
              <a:gd name="connsiteX224" fmla="*/ 2270719 w 11269336"/>
              <a:gd name="connsiteY224" fmla="*/ 2052702 h 2323145"/>
              <a:gd name="connsiteX225" fmla="*/ 2253080 w 11269336"/>
              <a:gd name="connsiteY225" fmla="*/ 2056363 h 2323145"/>
              <a:gd name="connsiteX226" fmla="*/ 2250906 w 11269336"/>
              <a:gd name="connsiteY226" fmla="*/ 2055654 h 2323145"/>
              <a:gd name="connsiteX227" fmla="*/ 2236905 w 11269336"/>
              <a:gd name="connsiteY227" fmla="*/ 2062882 h 2323145"/>
              <a:gd name="connsiteX228" fmla="*/ 2225830 w 11269336"/>
              <a:gd name="connsiteY228" fmla="*/ 2074027 h 2323145"/>
              <a:gd name="connsiteX229" fmla="*/ 2073776 w 11269336"/>
              <a:gd name="connsiteY229" fmla="*/ 2089244 h 2323145"/>
              <a:gd name="connsiteX230" fmla="*/ 1948256 w 11269336"/>
              <a:gd name="connsiteY230" fmla="*/ 2146616 h 2323145"/>
              <a:gd name="connsiteX231" fmla="*/ 1865582 w 11269336"/>
              <a:gd name="connsiteY231" fmla="*/ 2153738 h 2323145"/>
              <a:gd name="connsiteX232" fmla="*/ 1835210 w 11269336"/>
              <a:gd name="connsiteY232" fmla="*/ 2134244 h 2323145"/>
              <a:gd name="connsiteX233" fmla="*/ 1632661 w 11269336"/>
              <a:gd name="connsiteY233" fmla="*/ 2173882 h 2323145"/>
              <a:gd name="connsiteX234" fmla="*/ 1579590 w 11269336"/>
              <a:gd name="connsiteY234" fmla="*/ 2173680 h 2323145"/>
              <a:gd name="connsiteX235" fmla="*/ 1535601 w 11269336"/>
              <a:gd name="connsiteY235" fmla="*/ 2194590 h 2323145"/>
              <a:gd name="connsiteX236" fmla="*/ 1515594 w 11269336"/>
              <a:gd name="connsiteY236" fmla="*/ 2189622 h 2323145"/>
              <a:gd name="connsiteX237" fmla="*/ 1512113 w 11269336"/>
              <a:gd name="connsiteY237" fmla="*/ 2188534 h 2323145"/>
              <a:gd name="connsiteX238" fmla="*/ 1498838 w 11269336"/>
              <a:gd name="connsiteY238" fmla="*/ 2189213 h 2323145"/>
              <a:gd name="connsiteX239" fmla="*/ 1494279 w 11269336"/>
              <a:gd name="connsiteY239" fmla="*/ 2183112 h 2323145"/>
              <a:gd name="connsiteX240" fmla="*/ 1473714 w 11269336"/>
              <a:gd name="connsiteY240" fmla="*/ 2179625 h 2323145"/>
              <a:gd name="connsiteX241" fmla="*/ 1449503 w 11269336"/>
              <a:gd name="connsiteY241" fmla="*/ 2182633 h 2323145"/>
              <a:gd name="connsiteX242" fmla="*/ 1266687 w 11269336"/>
              <a:gd name="connsiteY242" fmla="*/ 2212688 h 2323145"/>
              <a:gd name="connsiteX243" fmla="*/ 1239614 w 11269336"/>
              <a:gd name="connsiteY243" fmla="*/ 2209727 h 2323145"/>
              <a:gd name="connsiteX244" fmla="*/ 1202436 w 11269336"/>
              <a:gd name="connsiteY244" fmla="*/ 2209817 h 2323145"/>
              <a:gd name="connsiteX245" fmla="*/ 1136097 w 11269336"/>
              <a:gd name="connsiteY245" fmla="*/ 2205112 h 2323145"/>
              <a:gd name="connsiteX246" fmla="*/ 988232 w 11269336"/>
              <a:gd name="connsiteY246" fmla="*/ 2235635 h 2323145"/>
              <a:gd name="connsiteX247" fmla="*/ 981959 w 11269336"/>
              <a:gd name="connsiteY247" fmla="*/ 2231607 h 2323145"/>
              <a:gd name="connsiteX248" fmla="*/ 938600 w 11269336"/>
              <a:gd name="connsiteY248" fmla="*/ 2238113 h 2323145"/>
              <a:gd name="connsiteX249" fmla="*/ 791788 w 11269336"/>
              <a:gd name="connsiteY249" fmla="*/ 2293224 h 2323145"/>
              <a:gd name="connsiteX250" fmla="*/ 706914 w 11269336"/>
              <a:gd name="connsiteY250" fmla="*/ 2305046 h 2323145"/>
              <a:gd name="connsiteX251" fmla="*/ 675971 w 11269336"/>
              <a:gd name="connsiteY251" fmla="*/ 2304030 h 2323145"/>
              <a:gd name="connsiteX252" fmla="*/ 624180 w 11269336"/>
              <a:gd name="connsiteY252" fmla="*/ 2302650 h 2323145"/>
              <a:gd name="connsiteX253" fmla="*/ 583453 w 11269336"/>
              <a:gd name="connsiteY253" fmla="*/ 2288788 h 2323145"/>
              <a:gd name="connsiteX254" fmla="*/ 540946 w 11269336"/>
              <a:gd name="connsiteY254" fmla="*/ 2292721 h 2323145"/>
              <a:gd name="connsiteX255" fmla="*/ 533680 w 11269336"/>
              <a:gd name="connsiteY255" fmla="*/ 2310233 h 2323145"/>
              <a:gd name="connsiteX256" fmla="*/ 487366 w 11269336"/>
              <a:gd name="connsiteY256" fmla="*/ 2309053 h 2323145"/>
              <a:gd name="connsiteX257" fmla="*/ 416820 w 11269336"/>
              <a:gd name="connsiteY257" fmla="*/ 2305443 h 2323145"/>
              <a:gd name="connsiteX258" fmla="*/ 376805 w 11269336"/>
              <a:gd name="connsiteY258" fmla="*/ 2307647 h 2323145"/>
              <a:gd name="connsiteX259" fmla="*/ 266777 w 11269336"/>
              <a:gd name="connsiteY259" fmla="*/ 2309012 h 2323145"/>
              <a:gd name="connsiteX260" fmla="*/ 156013 w 11269336"/>
              <a:gd name="connsiteY260" fmla="*/ 2306832 h 2323145"/>
              <a:gd name="connsiteX261" fmla="*/ 87258 w 11269336"/>
              <a:gd name="connsiteY261" fmla="*/ 2285511 h 2323145"/>
              <a:gd name="connsiteX262" fmla="*/ 23798 w 11269336"/>
              <a:gd name="connsiteY262" fmla="*/ 2281822 h 2323145"/>
              <a:gd name="connsiteX263" fmla="*/ 0 w 11269336"/>
              <a:gd name="connsiteY263" fmla="*/ 2285369 h 2323145"/>
              <a:gd name="connsiteX264" fmla="*/ 0 w 11269336"/>
              <a:gd name="connsiteY264"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8977138 w 11269336"/>
              <a:gd name="connsiteY22" fmla="*/ 774970 h 2323145"/>
              <a:gd name="connsiteX23" fmla="*/ 8914746 w 11269336"/>
              <a:gd name="connsiteY23" fmla="*/ 826428 h 2323145"/>
              <a:gd name="connsiteX24" fmla="*/ 8917778 w 11269336"/>
              <a:gd name="connsiteY24" fmla="*/ 835198 h 2323145"/>
              <a:gd name="connsiteX25" fmla="*/ 8905560 w 11269336"/>
              <a:gd name="connsiteY25" fmla="*/ 838358 h 2323145"/>
              <a:gd name="connsiteX26" fmla="*/ 8897564 w 11269336"/>
              <a:gd name="connsiteY26" fmla="*/ 834287 h 2323145"/>
              <a:gd name="connsiteX27" fmla="*/ 8878040 w 11269336"/>
              <a:gd name="connsiteY27" fmla="*/ 844150 h 2323145"/>
              <a:gd name="connsiteX28" fmla="*/ 8795998 w 11269336"/>
              <a:gd name="connsiteY28" fmla="*/ 863337 h 2323145"/>
              <a:gd name="connsiteX29" fmla="*/ 8776970 w 11269336"/>
              <a:gd name="connsiteY29" fmla="*/ 885177 h 2323145"/>
              <a:gd name="connsiteX30" fmla="*/ 8755719 w 11269336"/>
              <a:gd name="connsiteY30" fmla="*/ 889754 h 2323145"/>
              <a:gd name="connsiteX31" fmla="*/ 8743257 w 11269336"/>
              <a:gd name="connsiteY31" fmla="*/ 904723 h 2323145"/>
              <a:gd name="connsiteX32" fmla="*/ 8721366 w 11269336"/>
              <a:gd name="connsiteY32" fmla="*/ 904711 h 2323145"/>
              <a:gd name="connsiteX33" fmla="*/ 8678353 w 11269336"/>
              <a:gd name="connsiteY33" fmla="*/ 926318 h 2323145"/>
              <a:gd name="connsiteX34" fmla="*/ 8636849 w 11269336"/>
              <a:gd name="connsiteY34" fmla="*/ 937900 h 2323145"/>
              <a:gd name="connsiteX35" fmla="*/ 8620213 w 11269336"/>
              <a:gd name="connsiteY35" fmla="*/ 943068 h 2323145"/>
              <a:gd name="connsiteX36" fmla="*/ 8612581 w 11269336"/>
              <a:gd name="connsiteY36" fmla="*/ 952695 h 2323145"/>
              <a:gd name="connsiteX37" fmla="*/ 8589038 w 11269336"/>
              <a:gd name="connsiteY37" fmla="*/ 963892 h 2323145"/>
              <a:gd name="connsiteX38" fmla="*/ 8579950 w 11269336"/>
              <a:gd name="connsiteY38" fmla="*/ 960899 h 2323145"/>
              <a:gd name="connsiteX39" fmla="*/ 8579319 w 11269336"/>
              <a:gd name="connsiteY39" fmla="*/ 965630 h 2323145"/>
              <a:gd name="connsiteX40" fmla="*/ 8547429 w 11269336"/>
              <a:gd name="connsiteY40" fmla="*/ 984506 h 2323145"/>
              <a:gd name="connsiteX41" fmla="*/ 8478704 w 11269336"/>
              <a:gd name="connsiteY41" fmla="*/ 1025490 h 2323145"/>
              <a:gd name="connsiteX42" fmla="*/ 8461421 w 11269336"/>
              <a:gd name="connsiteY42" fmla="*/ 1035512 h 2323145"/>
              <a:gd name="connsiteX43" fmla="*/ 8445003 w 11269336"/>
              <a:gd name="connsiteY43" fmla="*/ 1036851 h 2323145"/>
              <a:gd name="connsiteX44" fmla="*/ 8357350 w 11269336"/>
              <a:gd name="connsiteY44" fmla="*/ 1060213 h 2323145"/>
              <a:gd name="connsiteX45" fmla="*/ 8335565 w 11269336"/>
              <a:gd name="connsiteY45" fmla="*/ 1061151 h 2323145"/>
              <a:gd name="connsiteX46" fmla="*/ 8325267 w 11269336"/>
              <a:gd name="connsiteY46" fmla="*/ 1055919 h 2323145"/>
              <a:gd name="connsiteX47" fmla="*/ 8293586 w 11269336"/>
              <a:gd name="connsiteY47" fmla="*/ 1076144 h 2323145"/>
              <a:gd name="connsiteX48" fmla="*/ 8242405 w 11269336"/>
              <a:gd name="connsiteY48" fmla="*/ 1095960 h 2323145"/>
              <a:gd name="connsiteX49" fmla="*/ 8197391 w 11269336"/>
              <a:gd name="connsiteY49" fmla="*/ 1107746 h 2323145"/>
              <a:gd name="connsiteX50" fmla="*/ 8081474 w 11269336"/>
              <a:gd name="connsiteY50" fmla="*/ 1130125 h 2323145"/>
              <a:gd name="connsiteX51" fmla="*/ 8053585 w 11269336"/>
              <a:gd name="connsiteY51" fmla="*/ 1129169 h 2323145"/>
              <a:gd name="connsiteX52" fmla="*/ 8038422 w 11269336"/>
              <a:gd name="connsiteY52" fmla="*/ 1119092 h 2323145"/>
              <a:gd name="connsiteX53" fmla="*/ 8029450 w 11269336"/>
              <a:gd name="connsiteY53" fmla="*/ 1125592 h 2323145"/>
              <a:gd name="connsiteX54" fmla="*/ 7959552 w 11269336"/>
              <a:gd name="connsiteY54" fmla="*/ 1140188 h 2323145"/>
              <a:gd name="connsiteX55" fmla="*/ 7914188 w 11269336"/>
              <a:gd name="connsiteY55" fmla="*/ 1150862 h 2323145"/>
              <a:gd name="connsiteX56" fmla="*/ 7914918 w 11269336"/>
              <a:gd name="connsiteY56" fmla="*/ 1168758 h 2323145"/>
              <a:gd name="connsiteX57" fmla="*/ 7875510 w 11269336"/>
              <a:gd name="connsiteY57" fmla="*/ 1183153 h 2323145"/>
              <a:gd name="connsiteX58" fmla="*/ 7829932 w 11269336"/>
              <a:gd name="connsiteY58" fmla="*/ 1180782 h 2323145"/>
              <a:gd name="connsiteX59" fmla="*/ 7779182 w 11269336"/>
              <a:gd name="connsiteY59" fmla="*/ 1192665 h 2323145"/>
              <a:gd name="connsiteX60" fmla="*/ 7748774 w 11269336"/>
              <a:gd name="connsiteY60" fmla="*/ 1199586 h 2323145"/>
              <a:gd name="connsiteX61" fmla="*/ 7671846 w 11269336"/>
              <a:gd name="connsiteY61" fmla="*/ 1231966 h 2323145"/>
              <a:gd name="connsiteX62" fmla="*/ 7554146 w 11269336"/>
              <a:gd name="connsiteY62" fmla="*/ 1319748 h 2323145"/>
              <a:gd name="connsiteX63" fmla="*/ 7515052 w 11269336"/>
              <a:gd name="connsiteY63" fmla="*/ 1336718 h 2323145"/>
              <a:gd name="connsiteX64" fmla="*/ 7507193 w 11269336"/>
              <a:gd name="connsiteY64" fmla="*/ 1334617 h 2323145"/>
              <a:gd name="connsiteX65" fmla="*/ 7461694 w 11269336"/>
              <a:gd name="connsiteY65" fmla="*/ 1375866 h 2323145"/>
              <a:gd name="connsiteX66" fmla="*/ 7377571 w 11269336"/>
              <a:gd name="connsiteY66" fmla="*/ 1400128 h 2323145"/>
              <a:gd name="connsiteX67" fmla="*/ 7311261 w 11269336"/>
              <a:gd name="connsiteY67" fmla="*/ 1412652 h 2323145"/>
              <a:gd name="connsiteX68" fmla="*/ 7275307 w 11269336"/>
              <a:gd name="connsiteY68" fmla="*/ 1422171 h 2323145"/>
              <a:gd name="connsiteX69" fmla="*/ 7247783 w 11269336"/>
              <a:gd name="connsiteY69" fmla="*/ 1426330 h 2323145"/>
              <a:gd name="connsiteX70" fmla="*/ 7185047 w 11269336"/>
              <a:gd name="connsiteY70" fmla="*/ 1451812 h 2323145"/>
              <a:gd name="connsiteX71" fmla="*/ 7084117 w 11269336"/>
              <a:gd name="connsiteY71" fmla="*/ 1500281 h 2323145"/>
              <a:gd name="connsiteX72" fmla="*/ 7062011 w 11269336"/>
              <a:gd name="connsiteY72" fmla="*/ 1509183 h 2323145"/>
              <a:gd name="connsiteX73" fmla="*/ 7040555 w 11269336"/>
              <a:gd name="connsiteY73" fmla="*/ 1511207 h 2323145"/>
              <a:gd name="connsiteX74" fmla="*/ 7033438 w 11269336"/>
              <a:gd name="connsiteY74" fmla="*/ 1506772 h 2323145"/>
              <a:gd name="connsiteX75" fmla="*/ 7020886 w 11269336"/>
              <a:gd name="connsiteY75" fmla="*/ 1510764 h 2323145"/>
              <a:gd name="connsiteX76" fmla="*/ 7017033 w 11269336"/>
              <a:gd name="connsiteY76" fmla="*/ 1510650 h 2323145"/>
              <a:gd name="connsiteX77" fmla="*/ 6995460 w 11269336"/>
              <a:gd name="connsiteY77" fmla="*/ 1511173 h 2323145"/>
              <a:gd name="connsiteX78" fmla="*/ 6962144 w 11269336"/>
              <a:gd name="connsiteY78" fmla="*/ 1541508 h 2323145"/>
              <a:gd name="connsiteX79" fmla="*/ 6910674 w 11269336"/>
              <a:gd name="connsiteY79" fmla="*/ 1554793 h 2323145"/>
              <a:gd name="connsiteX80" fmla="*/ 6732152 w 11269336"/>
              <a:gd name="connsiteY80" fmla="*/ 1642538 h 2323145"/>
              <a:gd name="connsiteX81" fmla="*/ 6694106 w 11269336"/>
              <a:gd name="connsiteY81" fmla="*/ 1632377 h 2323145"/>
              <a:gd name="connsiteX82" fmla="*/ 6617223 w 11269336"/>
              <a:gd name="connsiteY82" fmla="*/ 1659889 h 2323145"/>
              <a:gd name="connsiteX83" fmla="*/ 6521138 w 11269336"/>
              <a:gd name="connsiteY83" fmla="*/ 1744340 h 2323145"/>
              <a:gd name="connsiteX84" fmla="*/ 6380677 w 11269336"/>
              <a:gd name="connsiteY84" fmla="*/ 1796883 h 2323145"/>
              <a:gd name="connsiteX85" fmla="*/ 6374897 w 11269336"/>
              <a:gd name="connsiteY85" fmla="*/ 1809910 h 2323145"/>
              <a:gd name="connsiteX86" fmla="*/ 6364545 w 11269336"/>
              <a:gd name="connsiteY86" fmla="*/ 1820090 h 2323145"/>
              <a:gd name="connsiteX87" fmla="*/ 6362126 w 11269336"/>
              <a:gd name="connsiteY87" fmla="*/ 1819991 h 2323145"/>
              <a:gd name="connsiteX88" fmla="*/ 6346673 w 11269336"/>
              <a:gd name="connsiteY88" fmla="*/ 1827824 h 2323145"/>
              <a:gd name="connsiteX89" fmla="*/ 6345588 w 11269336"/>
              <a:gd name="connsiteY89" fmla="*/ 1832232 h 2323145"/>
              <a:gd name="connsiteX90" fmla="*/ 6335708 w 11269336"/>
              <a:gd name="connsiteY90" fmla="*/ 1838451 h 2323145"/>
              <a:gd name="connsiteX91" fmla="*/ 6318182 w 11269336"/>
              <a:gd name="connsiteY91" fmla="*/ 1852975 h 2323145"/>
              <a:gd name="connsiteX92" fmla="*/ 6313084 w 11269336"/>
              <a:gd name="connsiteY92" fmla="*/ 1853561 h 2323145"/>
              <a:gd name="connsiteX93" fmla="*/ 6283816 w 11269336"/>
              <a:gd name="connsiteY93" fmla="*/ 1872148 h 2323145"/>
              <a:gd name="connsiteX94" fmla="*/ 6282550 w 11269336"/>
              <a:gd name="connsiteY94" fmla="*/ 1871392 h 2323145"/>
              <a:gd name="connsiteX95" fmla="*/ 6270527 w 11269336"/>
              <a:gd name="connsiteY95" fmla="*/ 1872208 h 2323145"/>
              <a:gd name="connsiteX96" fmla="*/ 6249518 w 11269336"/>
              <a:gd name="connsiteY96" fmla="*/ 1876079 h 2323145"/>
              <a:gd name="connsiteX97" fmla="*/ 6190386 w 11269336"/>
              <a:gd name="connsiteY97" fmla="*/ 1872478 h 2323145"/>
              <a:gd name="connsiteX98" fmla="*/ 6159777 w 11269336"/>
              <a:gd name="connsiteY98" fmla="*/ 1891745 h 2323145"/>
              <a:gd name="connsiteX99" fmla="*/ 6153131 w 11269336"/>
              <a:gd name="connsiteY99" fmla="*/ 1895079 h 2323145"/>
              <a:gd name="connsiteX100" fmla="*/ 6152798 w 11269336"/>
              <a:gd name="connsiteY100" fmla="*/ 1894920 h 2323145"/>
              <a:gd name="connsiteX101" fmla="*/ 6145388 w 11269336"/>
              <a:gd name="connsiteY101" fmla="*/ 1897990 h 2323145"/>
              <a:gd name="connsiteX102" fmla="*/ 6141014 w 11269336"/>
              <a:gd name="connsiteY102" fmla="*/ 1901155 h 2323145"/>
              <a:gd name="connsiteX103" fmla="*/ 6128122 w 11269336"/>
              <a:gd name="connsiteY103" fmla="*/ 1907623 h 2323145"/>
              <a:gd name="connsiteX104" fmla="*/ 6122351 w 11269336"/>
              <a:gd name="connsiteY104" fmla="*/ 1908359 h 2323145"/>
              <a:gd name="connsiteX105" fmla="*/ 6064750 w 11269336"/>
              <a:gd name="connsiteY105" fmla="*/ 1896394 h 2323145"/>
              <a:gd name="connsiteX106" fmla="*/ 5964230 w 11269336"/>
              <a:gd name="connsiteY106" fmla="*/ 1910038 h 2323145"/>
              <a:gd name="connsiteX107" fmla="*/ 5865399 w 11269336"/>
              <a:gd name="connsiteY107" fmla="*/ 1926966 h 2323145"/>
              <a:gd name="connsiteX108" fmla="*/ 5829951 w 11269336"/>
              <a:gd name="connsiteY108" fmla="*/ 1934755 h 2323145"/>
              <a:gd name="connsiteX109" fmla="*/ 5765285 w 11269336"/>
              <a:gd name="connsiteY109" fmla="*/ 1941322 h 2323145"/>
              <a:gd name="connsiteX110" fmla="*/ 5734750 w 11269336"/>
              <a:gd name="connsiteY110" fmla="*/ 1939793 h 2323145"/>
              <a:gd name="connsiteX111" fmla="*/ 5733569 w 11269336"/>
              <a:gd name="connsiteY111" fmla="*/ 1940505 h 2323145"/>
              <a:gd name="connsiteX112" fmla="*/ 5730329 w 11269336"/>
              <a:gd name="connsiteY112" fmla="*/ 1937845 h 2323145"/>
              <a:gd name="connsiteX113" fmla="*/ 5724661 w 11269336"/>
              <a:gd name="connsiteY113" fmla="*/ 1937455 h 2323145"/>
              <a:gd name="connsiteX114" fmla="*/ 5710186 w 11269336"/>
              <a:gd name="connsiteY114" fmla="*/ 1941370 h 2323145"/>
              <a:gd name="connsiteX115" fmla="*/ 5704910 w 11269336"/>
              <a:gd name="connsiteY115" fmla="*/ 1943663 h 2323145"/>
              <a:gd name="connsiteX116" fmla="*/ 5696836 w 11269336"/>
              <a:gd name="connsiteY116" fmla="*/ 1945271 h 2323145"/>
              <a:gd name="connsiteX117" fmla="*/ 5696583 w 11269336"/>
              <a:gd name="connsiteY117" fmla="*/ 1945050 h 2323145"/>
              <a:gd name="connsiteX118" fmla="*/ 5689123 w 11269336"/>
              <a:gd name="connsiteY118" fmla="*/ 1947067 h 2323145"/>
              <a:gd name="connsiteX119" fmla="*/ 5653291 w 11269336"/>
              <a:gd name="connsiteY119" fmla="*/ 1960245 h 2323145"/>
              <a:gd name="connsiteX120" fmla="*/ 5599385 w 11269336"/>
              <a:gd name="connsiteY120" fmla="*/ 1945198 h 2323145"/>
              <a:gd name="connsiteX121" fmla="*/ 5578300 w 11269336"/>
              <a:gd name="connsiteY121" fmla="*/ 1944963 h 2323145"/>
              <a:gd name="connsiteX122" fmla="*/ 5566758 w 11269336"/>
              <a:gd name="connsiteY122" fmla="*/ 1943441 h 2323145"/>
              <a:gd name="connsiteX123" fmla="*/ 5565857 w 11269336"/>
              <a:gd name="connsiteY123" fmla="*/ 1942445 h 2323145"/>
              <a:gd name="connsiteX124" fmla="*/ 5531534 w 11269336"/>
              <a:gd name="connsiteY124" fmla="*/ 1955208 h 2323145"/>
              <a:gd name="connsiteX125" fmla="*/ 5526552 w 11269336"/>
              <a:gd name="connsiteY125" fmla="*/ 1954799 h 2323145"/>
              <a:gd name="connsiteX126" fmla="*/ 5504723 w 11269336"/>
              <a:gd name="connsiteY126" fmla="*/ 1965811 h 2323145"/>
              <a:gd name="connsiteX127" fmla="*/ 5493156 w 11269336"/>
              <a:gd name="connsiteY127" fmla="*/ 1970063 h 2323145"/>
              <a:gd name="connsiteX128" fmla="*/ 5490486 w 11269336"/>
              <a:gd name="connsiteY128" fmla="*/ 1974227 h 2323145"/>
              <a:gd name="connsiteX129" fmla="*/ 5473107 w 11269336"/>
              <a:gd name="connsiteY129" fmla="*/ 1979001 h 2323145"/>
              <a:gd name="connsiteX130" fmla="*/ 5470885 w 11269336"/>
              <a:gd name="connsiteY130" fmla="*/ 1978432 h 2323145"/>
              <a:gd name="connsiteX131" fmla="*/ 5457393 w 11269336"/>
              <a:gd name="connsiteY131" fmla="*/ 1986525 h 2323145"/>
              <a:gd name="connsiteX132" fmla="*/ 5447102 w 11269336"/>
              <a:gd name="connsiteY132" fmla="*/ 1998329 h 2323145"/>
              <a:gd name="connsiteX133" fmla="*/ 5159151 w 11269336"/>
              <a:gd name="connsiteY133" fmla="*/ 2029640 h 2323145"/>
              <a:gd name="connsiteX134" fmla="*/ 5041688 w 11269336"/>
              <a:gd name="connsiteY134" fmla="*/ 2022334 h 2323145"/>
              <a:gd name="connsiteX135" fmla="*/ 4860988 w 11269336"/>
              <a:gd name="connsiteY135" fmla="*/ 2135698 h 2323145"/>
              <a:gd name="connsiteX136" fmla="*/ 4807902 w 11269336"/>
              <a:gd name="connsiteY136" fmla="*/ 2138894 h 2323145"/>
              <a:gd name="connsiteX137" fmla="*/ 4765388 w 11269336"/>
              <a:gd name="connsiteY137" fmla="*/ 2162525 h 2323145"/>
              <a:gd name="connsiteX138" fmla="*/ 4745033 w 11269336"/>
              <a:gd name="connsiteY138" fmla="*/ 2158859 h 2323145"/>
              <a:gd name="connsiteX139" fmla="*/ 4741475 w 11269336"/>
              <a:gd name="connsiteY139" fmla="*/ 2157998 h 2323145"/>
              <a:gd name="connsiteX140" fmla="*/ 4728247 w 11269336"/>
              <a:gd name="connsiteY140" fmla="*/ 2159526 h 2323145"/>
              <a:gd name="connsiteX141" fmla="*/ 4723263 w 11269336"/>
              <a:gd name="connsiteY141" fmla="*/ 2153742 h 2323145"/>
              <a:gd name="connsiteX142" fmla="*/ 4702453 w 11269336"/>
              <a:gd name="connsiteY142" fmla="*/ 2151586 h 2323145"/>
              <a:gd name="connsiteX143" fmla="*/ 4678455 w 11269336"/>
              <a:gd name="connsiteY143" fmla="*/ 2156131 h 2323145"/>
              <a:gd name="connsiteX144" fmla="*/ 4593061 w 11269336"/>
              <a:gd name="connsiteY144" fmla="*/ 2171597 h 2323145"/>
              <a:gd name="connsiteX145" fmla="*/ 4579902 w 11269336"/>
              <a:gd name="connsiteY145" fmla="*/ 2177927 h 2323145"/>
              <a:gd name="connsiteX146" fmla="*/ 4533444 w 11269336"/>
              <a:gd name="connsiteY146" fmla="*/ 2181200 h 2323145"/>
              <a:gd name="connsiteX147" fmla="*/ 4492832 w 11269336"/>
              <a:gd name="connsiteY147" fmla="*/ 2188033 h 2323145"/>
              <a:gd name="connsiteX148" fmla="*/ 4467257 w 11269336"/>
              <a:gd name="connsiteY148" fmla="*/ 2196121 h 2323145"/>
              <a:gd name="connsiteX149" fmla="*/ 4459937 w 11269336"/>
              <a:gd name="connsiteY149" fmla="*/ 2195182 h 2323145"/>
              <a:gd name="connsiteX150" fmla="*/ 4433312 w 11269336"/>
              <a:gd name="connsiteY150" fmla="*/ 2199004 h 2323145"/>
              <a:gd name="connsiteX151" fmla="*/ 4420601 w 11269336"/>
              <a:gd name="connsiteY151" fmla="*/ 2205158 h 2323145"/>
              <a:gd name="connsiteX152" fmla="*/ 4405765 w 11269336"/>
              <a:gd name="connsiteY152" fmla="*/ 2199902 h 2323145"/>
              <a:gd name="connsiteX153" fmla="*/ 4401354 w 11269336"/>
              <a:gd name="connsiteY153" fmla="*/ 2194745 h 2323145"/>
              <a:gd name="connsiteX154" fmla="*/ 4383151 w 11269336"/>
              <a:gd name="connsiteY154" fmla="*/ 2201140 h 2323145"/>
              <a:gd name="connsiteX155" fmla="*/ 4366646 w 11269336"/>
              <a:gd name="connsiteY155" fmla="*/ 2198564 h 2323145"/>
              <a:gd name="connsiteX156" fmla="*/ 4354009 w 11269336"/>
              <a:gd name="connsiteY156" fmla="*/ 2204984 h 2323145"/>
              <a:gd name="connsiteX157" fmla="*/ 4348284 w 11269336"/>
              <a:gd name="connsiteY157" fmla="*/ 2205270 h 2323145"/>
              <a:gd name="connsiteX158" fmla="*/ 4333906 w 11269336"/>
              <a:gd name="connsiteY158" fmla="*/ 2205251 h 2323145"/>
              <a:gd name="connsiteX159" fmla="*/ 4308819 w 11269336"/>
              <a:gd name="connsiteY159" fmla="*/ 2203822 h 2323145"/>
              <a:gd name="connsiteX160" fmla="*/ 4301210 w 11269336"/>
              <a:gd name="connsiteY160" fmla="*/ 2204456 h 2323145"/>
              <a:gd name="connsiteX161" fmla="*/ 4283095 w 11269336"/>
              <a:gd name="connsiteY161" fmla="*/ 2198177 h 2323145"/>
              <a:gd name="connsiteX162" fmla="*/ 4250119 w 11269336"/>
              <a:gd name="connsiteY162" fmla="*/ 2196342 h 2323145"/>
              <a:gd name="connsiteX163" fmla="*/ 4189203 w 11269336"/>
              <a:gd name="connsiteY163" fmla="*/ 2178994 h 2323145"/>
              <a:gd name="connsiteX164" fmla="*/ 4154035 w 11269336"/>
              <a:gd name="connsiteY164" fmla="*/ 2171950 h 2323145"/>
              <a:gd name="connsiteX165" fmla="*/ 4129569 w 11269336"/>
              <a:gd name="connsiteY165" fmla="*/ 2163850 h 2323145"/>
              <a:gd name="connsiteX166" fmla="*/ 4061250 w 11269336"/>
              <a:gd name="connsiteY166" fmla="*/ 2159236 h 2323145"/>
              <a:gd name="connsiteX167" fmla="*/ 3945480 w 11269336"/>
              <a:gd name="connsiteY167" fmla="*/ 2158279 h 2323145"/>
              <a:gd name="connsiteX168" fmla="*/ 3921468 w 11269336"/>
              <a:gd name="connsiteY168" fmla="*/ 2156588 h 2323145"/>
              <a:gd name="connsiteX169" fmla="*/ 3903348 w 11269336"/>
              <a:gd name="connsiteY169" fmla="*/ 2149220 h 2323145"/>
              <a:gd name="connsiteX170" fmla="*/ 3901342 w 11269336"/>
              <a:gd name="connsiteY170" fmla="*/ 2142355 h 2323145"/>
              <a:gd name="connsiteX171" fmla="*/ 3888539 w 11269336"/>
              <a:gd name="connsiteY171" fmla="*/ 2140476 h 2323145"/>
              <a:gd name="connsiteX172" fmla="*/ 3885662 w 11269336"/>
              <a:gd name="connsiteY172" fmla="*/ 2138740 h 2323145"/>
              <a:gd name="connsiteX173" fmla="*/ 3868627 w 11269336"/>
              <a:gd name="connsiteY173" fmla="*/ 2130023 h 2323145"/>
              <a:gd name="connsiteX174" fmla="*/ 3819177 w 11269336"/>
              <a:gd name="connsiteY174" fmla="*/ 2142111 h 2323145"/>
              <a:gd name="connsiteX175" fmla="*/ 3769100 w 11269336"/>
              <a:gd name="connsiteY175" fmla="*/ 2131731 h 2323145"/>
              <a:gd name="connsiteX176" fmla="*/ 3562752 w 11269336"/>
              <a:gd name="connsiteY176" fmla="*/ 2131785 h 2323145"/>
              <a:gd name="connsiteX177" fmla="*/ 3541402 w 11269336"/>
              <a:gd name="connsiteY177" fmla="*/ 2106821 h 2323145"/>
              <a:gd name="connsiteX178" fmla="*/ 3365341 w 11269336"/>
              <a:gd name="connsiteY178" fmla="*/ 2077638 h 2323145"/>
              <a:gd name="connsiteX179" fmla="*/ 3170922 w 11269336"/>
              <a:gd name="connsiteY179" fmla="*/ 2115957 h 2323145"/>
              <a:gd name="connsiteX180" fmla="*/ 3156256 w 11269336"/>
              <a:gd name="connsiteY180" fmla="*/ 2124773 h 2323145"/>
              <a:gd name="connsiteX181" fmla="*/ 3140298 w 11269336"/>
              <a:gd name="connsiteY181" fmla="*/ 2129182 h 2323145"/>
              <a:gd name="connsiteX182" fmla="*/ 3138514 w 11269336"/>
              <a:gd name="connsiteY182" fmla="*/ 2128069 h 2323145"/>
              <a:gd name="connsiteX183" fmla="*/ 3120467 w 11269336"/>
              <a:gd name="connsiteY183" fmla="*/ 2128281 h 2323145"/>
              <a:gd name="connsiteX184" fmla="*/ 3116175 w 11269336"/>
              <a:gd name="connsiteY184" fmla="*/ 2131633 h 2323145"/>
              <a:gd name="connsiteX185" fmla="*/ 3103685 w 11269336"/>
              <a:gd name="connsiteY185" fmla="*/ 2132814 h 2323145"/>
              <a:gd name="connsiteX186" fmla="*/ 3078794 w 11269336"/>
              <a:gd name="connsiteY186" fmla="*/ 2137935 h 2323145"/>
              <a:gd name="connsiteX187" fmla="*/ 3074407 w 11269336"/>
              <a:gd name="connsiteY187" fmla="*/ 2136274 h 2323145"/>
              <a:gd name="connsiteX188" fmla="*/ 3037285 w 11269336"/>
              <a:gd name="connsiteY188" fmla="*/ 2139919 h 2323145"/>
              <a:gd name="connsiteX189" fmla="*/ 3036901 w 11269336"/>
              <a:gd name="connsiteY189" fmla="*/ 2138726 h 2323145"/>
              <a:gd name="connsiteX190" fmla="*/ 3026996 w 11269336"/>
              <a:gd name="connsiteY190" fmla="*/ 2134322 h 2323145"/>
              <a:gd name="connsiteX191" fmla="*/ 3007772 w 11269336"/>
              <a:gd name="connsiteY191" fmla="*/ 2128742 h 2323145"/>
              <a:gd name="connsiteX192" fmla="*/ 2965030 w 11269336"/>
              <a:gd name="connsiteY192" fmla="*/ 2100494 h 2323145"/>
              <a:gd name="connsiteX193" fmla="*/ 2926342 w 11269336"/>
              <a:gd name="connsiteY193" fmla="*/ 2104155 h 2323145"/>
              <a:gd name="connsiteX194" fmla="*/ 2918608 w 11269336"/>
              <a:gd name="connsiteY194" fmla="*/ 2104215 h 2323145"/>
              <a:gd name="connsiteX195" fmla="*/ 2918475 w 11269336"/>
              <a:gd name="connsiteY195" fmla="*/ 2103937 h 2323145"/>
              <a:gd name="connsiteX196" fmla="*/ 2910360 w 11269336"/>
              <a:gd name="connsiteY196" fmla="*/ 2103444 h 2323145"/>
              <a:gd name="connsiteX197" fmla="*/ 2904507 w 11269336"/>
              <a:gd name="connsiteY197" fmla="*/ 2104326 h 2323145"/>
              <a:gd name="connsiteX198" fmla="*/ 2889503 w 11269336"/>
              <a:gd name="connsiteY198" fmla="*/ 2104443 h 2323145"/>
              <a:gd name="connsiteX199" fmla="*/ 2884480 w 11269336"/>
              <a:gd name="connsiteY199" fmla="*/ 2102626 h 2323145"/>
              <a:gd name="connsiteX200" fmla="*/ 2882689 w 11269336"/>
              <a:gd name="connsiteY200" fmla="*/ 2099228 h 2323145"/>
              <a:gd name="connsiteX201" fmla="*/ 2881291 w 11269336"/>
              <a:gd name="connsiteY201" fmla="*/ 2099618 h 2323145"/>
              <a:gd name="connsiteX202" fmla="*/ 2853979 w 11269336"/>
              <a:gd name="connsiteY202" fmla="*/ 2090388 h 2323145"/>
              <a:gd name="connsiteX203" fmla="*/ 2791790 w 11269336"/>
              <a:gd name="connsiteY203" fmla="*/ 2080332 h 2323145"/>
              <a:gd name="connsiteX204" fmla="*/ 2755844 w 11269336"/>
              <a:gd name="connsiteY204" fmla="*/ 2078874 h 2323145"/>
              <a:gd name="connsiteX205" fmla="*/ 2657742 w 11269336"/>
              <a:gd name="connsiteY205" fmla="*/ 2070179 h 2323145"/>
              <a:gd name="connsiteX206" fmla="*/ 2559549 w 11269336"/>
              <a:gd name="connsiteY206" fmla="*/ 2057873 h 2323145"/>
              <a:gd name="connsiteX207" fmla="*/ 2512054 w 11269336"/>
              <a:gd name="connsiteY207" fmla="*/ 2031671 h 2323145"/>
              <a:gd name="connsiteX208" fmla="*/ 2506437 w 11269336"/>
              <a:gd name="connsiteY208" fmla="*/ 2030918 h 2323145"/>
              <a:gd name="connsiteX209" fmla="*/ 2491752 w 11269336"/>
              <a:gd name="connsiteY209" fmla="*/ 2033906 h 2323145"/>
              <a:gd name="connsiteX210" fmla="*/ 2486338 w 11269336"/>
              <a:gd name="connsiteY210" fmla="*/ 2035862 h 2323145"/>
              <a:gd name="connsiteX211" fmla="*/ 2478186 w 11269336"/>
              <a:gd name="connsiteY211" fmla="*/ 2036953 h 2323145"/>
              <a:gd name="connsiteX212" fmla="*/ 2477950 w 11269336"/>
              <a:gd name="connsiteY212" fmla="*/ 2036715 h 2323145"/>
              <a:gd name="connsiteX213" fmla="*/ 2470381 w 11269336"/>
              <a:gd name="connsiteY213" fmla="*/ 2038256 h 2323145"/>
              <a:gd name="connsiteX214" fmla="*/ 2433781 w 11269336"/>
              <a:gd name="connsiteY214" fmla="*/ 2049140 h 2323145"/>
              <a:gd name="connsiteX215" fmla="*/ 2381172 w 11269336"/>
              <a:gd name="connsiteY215" fmla="*/ 2030645 h 2323145"/>
              <a:gd name="connsiteX216" fmla="*/ 2360198 w 11269336"/>
              <a:gd name="connsiteY216" fmla="*/ 2029059 h 2323145"/>
              <a:gd name="connsiteX217" fmla="*/ 2348815 w 11269336"/>
              <a:gd name="connsiteY217" fmla="*/ 2026798 h 2323145"/>
              <a:gd name="connsiteX218" fmla="*/ 2347988 w 11269336"/>
              <a:gd name="connsiteY218" fmla="*/ 2025745 h 2323145"/>
              <a:gd name="connsiteX219" fmla="*/ 2312920 w 11269336"/>
              <a:gd name="connsiteY219" fmla="*/ 2036311 h 2323145"/>
              <a:gd name="connsiteX220" fmla="*/ 2307986 w 11269336"/>
              <a:gd name="connsiteY220" fmla="*/ 2035583 h 2323145"/>
              <a:gd name="connsiteX221" fmla="*/ 2285481 w 11269336"/>
              <a:gd name="connsiteY221" fmla="*/ 2045197 h 2323145"/>
              <a:gd name="connsiteX222" fmla="*/ 2273666 w 11269336"/>
              <a:gd name="connsiteY222" fmla="*/ 2048710 h 2323145"/>
              <a:gd name="connsiteX223" fmla="*/ 2270719 w 11269336"/>
              <a:gd name="connsiteY223" fmla="*/ 2052702 h 2323145"/>
              <a:gd name="connsiteX224" fmla="*/ 2253080 w 11269336"/>
              <a:gd name="connsiteY224" fmla="*/ 2056363 h 2323145"/>
              <a:gd name="connsiteX225" fmla="*/ 2250906 w 11269336"/>
              <a:gd name="connsiteY225" fmla="*/ 2055654 h 2323145"/>
              <a:gd name="connsiteX226" fmla="*/ 2236905 w 11269336"/>
              <a:gd name="connsiteY226" fmla="*/ 2062882 h 2323145"/>
              <a:gd name="connsiteX227" fmla="*/ 2225830 w 11269336"/>
              <a:gd name="connsiteY227" fmla="*/ 2074027 h 2323145"/>
              <a:gd name="connsiteX228" fmla="*/ 2073776 w 11269336"/>
              <a:gd name="connsiteY228" fmla="*/ 2089244 h 2323145"/>
              <a:gd name="connsiteX229" fmla="*/ 1948256 w 11269336"/>
              <a:gd name="connsiteY229" fmla="*/ 2146616 h 2323145"/>
              <a:gd name="connsiteX230" fmla="*/ 1865582 w 11269336"/>
              <a:gd name="connsiteY230" fmla="*/ 2153738 h 2323145"/>
              <a:gd name="connsiteX231" fmla="*/ 1835210 w 11269336"/>
              <a:gd name="connsiteY231" fmla="*/ 2134244 h 2323145"/>
              <a:gd name="connsiteX232" fmla="*/ 1632661 w 11269336"/>
              <a:gd name="connsiteY232" fmla="*/ 2173882 h 2323145"/>
              <a:gd name="connsiteX233" fmla="*/ 1579590 w 11269336"/>
              <a:gd name="connsiteY233" fmla="*/ 2173680 h 2323145"/>
              <a:gd name="connsiteX234" fmla="*/ 1535601 w 11269336"/>
              <a:gd name="connsiteY234" fmla="*/ 2194590 h 2323145"/>
              <a:gd name="connsiteX235" fmla="*/ 1515594 w 11269336"/>
              <a:gd name="connsiteY235" fmla="*/ 2189622 h 2323145"/>
              <a:gd name="connsiteX236" fmla="*/ 1512113 w 11269336"/>
              <a:gd name="connsiteY236" fmla="*/ 2188534 h 2323145"/>
              <a:gd name="connsiteX237" fmla="*/ 1498838 w 11269336"/>
              <a:gd name="connsiteY237" fmla="*/ 2189213 h 2323145"/>
              <a:gd name="connsiteX238" fmla="*/ 1494279 w 11269336"/>
              <a:gd name="connsiteY238" fmla="*/ 2183112 h 2323145"/>
              <a:gd name="connsiteX239" fmla="*/ 1473714 w 11269336"/>
              <a:gd name="connsiteY239" fmla="*/ 2179625 h 2323145"/>
              <a:gd name="connsiteX240" fmla="*/ 1449503 w 11269336"/>
              <a:gd name="connsiteY240" fmla="*/ 2182633 h 2323145"/>
              <a:gd name="connsiteX241" fmla="*/ 1266687 w 11269336"/>
              <a:gd name="connsiteY241" fmla="*/ 2212688 h 2323145"/>
              <a:gd name="connsiteX242" fmla="*/ 1239614 w 11269336"/>
              <a:gd name="connsiteY242" fmla="*/ 2209727 h 2323145"/>
              <a:gd name="connsiteX243" fmla="*/ 1202436 w 11269336"/>
              <a:gd name="connsiteY243" fmla="*/ 2209817 h 2323145"/>
              <a:gd name="connsiteX244" fmla="*/ 1136097 w 11269336"/>
              <a:gd name="connsiteY244" fmla="*/ 2205112 h 2323145"/>
              <a:gd name="connsiteX245" fmla="*/ 988232 w 11269336"/>
              <a:gd name="connsiteY245" fmla="*/ 2235635 h 2323145"/>
              <a:gd name="connsiteX246" fmla="*/ 981959 w 11269336"/>
              <a:gd name="connsiteY246" fmla="*/ 2231607 h 2323145"/>
              <a:gd name="connsiteX247" fmla="*/ 938600 w 11269336"/>
              <a:gd name="connsiteY247" fmla="*/ 2238113 h 2323145"/>
              <a:gd name="connsiteX248" fmla="*/ 791788 w 11269336"/>
              <a:gd name="connsiteY248" fmla="*/ 2293224 h 2323145"/>
              <a:gd name="connsiteX249" fmla="*/ 706914 w 11269336"/>
              <a:gd name="connsiteY249" fmla="*/ 2305046 h 2323145"/>
              <a:gd name="connsiteX250" fmla="*/ 675971 w 11269336"/>
              <a:gd name="connsiteY250" fmla="*/ 2304030 h 2323145"/>
              <a:gd name="connsiteX251" fmla="*/ 624180 w 11269336"/>
              <a:gd name="connsiteY251" fmla="*/ 2302650 h 2323145"/>
              <a:gd name="connsiteX252" fmla="*/ 583453 w 11269336"/>
              <a:gd name="connsiteY252" fmla="*/ 2288788 h 2323145"/>
              <a:gd name="connsiteX253" fmla="*/ 540946 w 11269336"/>
              <a:gd name="connsiteY253" fmla="*/ 2292721 h 2323145"/>
              <a:gd name="connsiteX254" fmla="*/ 533680 w 11269336"/>
              <a:gd name="connsiteY254" fmla="*/ 2310233 h 2323145"/>
              <a:gd name="connsiteX255" fmla="*/ 487366 w 11269336"/>
              <a:gd name="connsiteY255" fmla="*/ 2309053 h 2323145"/>
              <a:gd name="connsiteX256" fmla="*/ 416820 w 11269336"/>
              <a:gd name="connsiteY256" fmla="*/ 2305443 h 2323145"/>
              <a:gd name="connsiteX257" fmla="*/ 376805 w 11269336"/>
              <a:gd name="connsiteY257" fmla="*/ 2307647 h 2323145"/>
              <a:gd name="connsiteX258" fmla="*/ 266777 w 11269336"/>
              <a:gd name="connsiteY258" fmla="*/ 2309012 h 2323145"/>
              <a:gd name="connsiteX259" fmla="*/ 156013 w 11269336"/>
              <a:gd name="connsiteY259" fmla="*/ 2306832 h 2323145"/>
              <a:gd name="connsiteX260" fmla="*/ 87258 w 11269336"/>
              <a:gd name="connsiteY260" fmla="*/ 2285511 h 2323145"/>
              <a:gd name="connsiteX261" fmla="*/ 23798 w 11269336"/>
              <a:gd name="connsiteY261" fmla="*/ 2281822 h 2323145"/>
              <a:gd name="connsiteX262" fmla="*/ 0 w 11269336"/>
              <a:gd name="connsiteY262" fmla="*/ 2285369 h 2323145"/>
              <a:gd name="connsiteX263" fmla="*/ 0 w 11269336"/>
              <a:gd name="connsiteY263"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263254 w 11269336"/>
              <a:gd name="connsiteY20" fmla="*/ 645662 h 2323145"/>
              <a:gd name="connsiteX21" fmla="*/ 9162278 w 11269336"/>
              <a:gd name="connsiteY21" fmla="*/ 704724 h 2323145"/>
              <a:gd name="connsiteX22" fmla="*/ 9062863 w 11269336"/>
              <a:gd name="connsiteY22" fmla="*/ 754656 h 2323145"/>
              <a:gd name="connsiteX23" fmla="*/ 8914746 w 11269336"/>
              <a:gd name="connsiteY23" fmla="*/ 826428 h 2323145"/>
              <a:gd name="connsiteX24" fmla="*/ 8917778 w 11269336"/>
              <a:gd name="connsiteY24" fmla="*/ 835198 h 2323145"/>
              <a:gd name="connsiteX25" fmla="*/ 8905560 w 11269336"/>
              <a:gd name="connsiteY25" fmla="*/ 838358 h 2323145"/>
              <a:gd name="connsiteX26" fmla="*/ 8897564 w 11269336"/>
              <a:gd name="connsiteY26" fmla="*/ 834287 h 2323145"/>
              <a:gd name="connsiteX27" fmla="*/ 8878040 w 11269336"/>
              <a:gd name="connsiteY27" fmla="*/ 844150 h 2323145"/>
              <a:gd name="connsiteX28" fmla="*/ 8795998 w 11269336"/>
              <a:gd name="connsiteY28" fmla="*/ 863337 h 2323145"/>
              <a:gd name="connsiteX29" fmla="*/ 8776970 w 11269336"/>
              <a:gd name="connsiteY29" fmla="*/ 885177 h 2323145"/>
              <a:gd name="connsiteX30" fmla="*/ 8755719 w 11269336"/>
              <a:gd name="connsiteY30" fmla="*/ 889754 h 2323145"/>
              <a:gd name="connsiteX31" fmla="*/ 8743257 w 11269336"/>
              <a:gd name="connsiteY31" fmla="*/ 904723 h 2323145"/>
              <a:gd name="connsiteX32" fmla="*/ 8721366 w 11269336"/>
              <a:gd name="connsiteY32" fmla="*/ 904711 h 2323145"/>
              <a:gd name="connsiteX33" fmla="*/ 8678353 w 11269336"/>
              <a:gd name="connsiteY33" fmla="*/ 926318 h 2323145"/>
              <a:gd name="connsiteX34" fmla="*/ 8636849 w 11269336"/>
              <a:gd name="connsiteY34" fmla="*/ 937900 h 2323145"/>
              <a:gd name="connsiteX35" fmla="*/ 8620213 w 11269336"/>
              <a:gd name="connsiteY35" fmla="*/ 943068 h 2323145"/>
              <a:gd name="connsiteX36" fmla="*/ 8612581 w 11269336"/>
              <a:gd name="connsiteY36" fmla="*/ 952695 h 2323145"/>
              <a:gd name="connsiteX37" fmla="*/ 8589038 w 11269336"/>
              <a:gd name="connsiteY37" fmla="*/ 963892 h 2323145"/>
              <a:gd name="connsiteX38" fmla="*/ 8579950 w 11269336"/>
              <a:gd name="connsiteY38" fmla="*/ 960899 h 2323145"/>
              <a:gd name="connsiteX39" fmla="*/ 8579319 w 11269336"/>
              <a:gd name="connsiteY39" fmla="*/ 965630 h 2323145"/>
              <a:gd name="connsiteX40" fmla="*/ 8547429 w 11269336"/>
              <a:gd name="connsiteY40" fmla="*/ 984506 h 2323145"/>
              <a:gd name="connsiteX41" fmla="*/ 8478704 w 11269336"/>
              <a:gd name="connsiteY41" fmla="*/ 1025490 h 2323145"/>
              <a:gd name="connsiteX42" fmla="*/ 8461421 w 11269336"/>
              <a:gd name="connsiteY42" fmla="*/ 1035512 h 2323145"/>
              <a:gd name="connsiteX43" fmla="*/ 8445003 w 11269336"/>
              <a:gd name="connsiteY43" fmla="*/ 1036851 h 2323145"/>
              <a:gd name="connsiteX44" fmla="*/ 8357350 w 11269336"/>
              <a:gd name="connsiteY44" fmla="*/ 1060213 h 2323145"/>
              <a:gd name="connsiteX45" fmla="*/ 8335565 w 11269336"/>
              <a:gd name="connsiteY45" fmla="*/ 1061151 h 2323145"/>
              <a:gd name="connsiteX46" fmla="*/ 8325267 w 11269336"/>
              <a:gd name="connsiteY46" fmla="*/ 1055919 h 2323145"/>
              <a:gd name="connsiteX47" fmla="*/ 8293586 w 11269336"/>
              <a:gd name="connsiteY47" fmla="*/ 1076144 h 2323145"/>
              <a:gd name="connsiteX48" fmla="*/ 8242405 w 11269336"/>
              <a:gd name="connsiteY48" fmla="*/ 1095960 h 2323145"/>
              <a:gd name="connsiteX49" fmla="*/ 8197391 w 11269336"/>
              <a:gd name="connsiteY49" fmla="*/ 1107746 h 2323145"/>
              <a:gd name="connsiteX50" fmla="*/ 8081474 w 11269336"/>
              <a:gd name="connsiteY50" fmla="*/ 1130125 h 2323145"/>
              <a:gd name="connsiteX51" fmla="*/ 8053585 w 11269336"/>
              <a:gd name="connsiteY51" fmla="*/ 1129169 h 2323145"/>
              <a:gd name="connsiteX52" fmla="*/ 8038422 w 11269336"/>
              <a:gd name="connsiteY52" fmla="*/ 1119092 h 2323145"/>
              <a:gd name="connsiteX53" fmla="*/ 8029450 w 11269336"/>
              <a:gd name="connsiteY53" fmla="*/ 1125592 h 2323145"/>
              <a:gd name="connsiteX54" fmla="*/ 7959552 w 11269336"/>
              <a:gd name="connsiteY54" fmla="*/ 1140188 h 2323145"/>
              <a:gd name="connsiteX55" fmla="*/ 7914188 w 11269336"/>
              <a:gd name="connsiteY55" fmla="*/ 1150862 h 2323145"/>
              <a:gd name="connsiteX56" fmla="*/ 7914918 w 11269336"/>
              <a:gd name="connsiteY56" fmla="*/ 1168758 h 2323145"/>
              <a:gd name="connsiteX57" fmla="*/ 7875510 w 11269336"/>
              <a:gd name="connsiteY57" fmla="*/ 1183153 h 2323145"/>
              <a:gd name="connsiteX58" fmla="*/ 7829932 w 11269336"/>
              <a:gd name="connsiteY58" fmla="*/ 1180782 h 2323145"/>
              <a:gd name="connsiteX59" fmla="*/ 7779182 w 11269336"/>
              <a:gd name="connsiteY59" fmla="*/ 1192665 h 2323145"/>
              <a:gd name="connsiteX60" fmla="*/ 7748774 w 11269336"/>
              <a:gd name="connsiteY60" fmla="*/ 1199586 h 2323145"/>
              <a:gd name="connsiteX61" fmla="*/ 7671846 w 11269336"/>
              <a:gd name="connsiteY61" fmla="*/ 1231966 h 2323145"/>
              <a:gd name="connsiteX62" fmla="*/ 7554146 w 11269336"/>
              <a:gd name="connsiteY62" fmla="*/ 1319748 h 2323145"/>
              <a:gd name="connsiteX63" fmla="*/ 7515052 w 11269336"/>
              <a:gd name="connsiteY63" fmla="*/ 1336718 h 2323145"/>
              <a:gd name="connsiteX64" fmla="*/ 7507193 w 11269336"/>
              <a:gd name="connsiteY64" fmla="*/ 1334617 h 2323145"/>
              <a:gd name="connsiteX65" fmla="*/ 7461694 w 11269336"/>
              <a:gd name="connsiteY65" fmla="*/ 1375866 h 2323145"/>
              <a:gd name="connsiteX66" fmla="*/ 7377571 w 11269336"/>
              <a:gd name="connsiteY66" fmla="*/ 1400128 h 2323145"/>
              <a:gd name="connsiteX67" fmla="*/ 7311261 w 11269336"/>
              <a:gd name="connsiteY67" fmla="*/ 1412652 h 2323145"/>
              <a:gd name="connsiteX68" fmla="*/ 7275307 w 11269336"/>
              <a:gd name="connsiteY68" fmla="*/ 1422171 h 2323145"/>
              <a:gd name="connsiteX69" fmla="*/ 7247783 w 11269336"/>
              <a:gd name="connsiteY69" fmla="*/ 1426330 h 2323145"/>
              <a:gd name="connsiteX70" fmla="*/ 7185047 w 11269336"/>
              <a:gd name="connsiteY70" fmla="*/ 1451812 h 2323145"/>
              <a:gd name="connsiteX71" fmla="*/ 7084117 w 11269336"/>
              <a:gd name="connsiteY71" fmla="*/ 1500281 h 2323145"/>
              <a:gd name="connsiteX72" fmla="*/ 7062011 w 11269336"/>
              <a:gd name="connsiteY72" fmla="*/ 1509183 h 2323145"/>
              <a:gd name="connsiteX73" fmla="*/ 7040555 w 11269336"/>
              <a:gd name="connsiteY73" fmla="*/ 1511207 h 2323145"/>
              <a:gd name="connsiteX74" fmla="*/ 7033438 w 11269336"/>
              <a:gd name="connsiteY74" fmla="*/ 1506772 h 2323145"/>
              <a:gd name="connsiteX75" fmla="*/ 7020886 w 11269336"/>
              <a:gd name="connsiteY75" fmla="*/ 1510764 h 2323145"/>
              <a:gd name="connsiteX76" fmla="*/ 7017033 w 11269336"/>
              <a:gd name="connsiteY76" fmla="*/ 1510650 h 2323145"/>
              <a:gd name="connsiteX77" fmla="*/ 6995460 w 11269336"/>
              <a:gd name="connsiteY77" fmla="*/ 1511173 h 2323145"/>
              <a:gd name="connsiteX78" fmla="*/ 6962144 w 11269336"/>
              <a:gd name="connsiteY78" fmla="*/ 1541508 h 2323145"/>
              <a:gd name="connsiteX79" fmla="*/ 6910674 w 11269336"/>
              <a:gd name="connsiteY79" fmla="*/ 1554793 h 2323145"/>
              <a:gd name="connsiteX80" fmla="*/ 6732152 w 11269336"/>
              <a:gd name="connsiteY80" fmla="*/ 1642538 h 2323145"/>
              <a:gd name="connsiteX81" fmla="*/ 6694106 w 11269336"/>
              <a:gd name="connsiteY81" fmla="*/ 1632377 h 2323145"/>
              <a:gd name="connsiteX82" fmla="*/ 6617223 w 11269336"/>
              <a:gd name="connsiteY82" fmla="*/ 1659889 h 2323145"/>
              <a:gd name="connsiteX83" fmla="*/ 6521138 w 11269336"/>
              <a:gd name="connsiteY83" fmla="*/ 1744340 h 2323145"/>
              <a:gd name="connsiteX84" fmla="*/ 6380677 w 11269336"/>
              <a:gd name="connsiteY84" fmla="*/ 1796883 h 2323145"/>
              <a:gd name="connsiteX85" fmla="*/ 6374897 w 11269336"/>
              <a:gd name="connsiteY85" fmla="*/ 1809910 h 2323145"/>
              <a:gd name="connsiteX86" fmla="*/ 6364545 w 11269336"/>
              <a:gd name="connsiteY86" fmla="*/ 1820090 h 2323145"/>
              <a:gd name="connsiteX87" fmla="*/ 6362126 w 11269336"/>
              <a:gd name="connsiteY87" fmla="*/ 1819991 h 2323145"/>
              <a:gd name="connsiteX88" fmla="*/ 6346673 w 11269336"/>
              <a:gd name="connsiteY88" fmla="*/ 1827824 h 2323145"/>
              <a:gd name="connsiteX89" fmla="*/ 6345588 w 11269336"/>
              <a:gd name="connsiteY89" fmla="*/ 1832232 h 2323145"/>
              <a:gd name="connsiteX90" fmla="*/ 6335708 w 11269336"/>
              <a:gd name="connsiteY90" fmla="*/ 1838451 h 2323145"/>
              <a:gd name="connsiteX91" fmla="*/ 6318182 w 11269336"/>
              <a:gd name="connsiteY91" fmla="*/ 1852975 h 2323145"/>
              <a:gd name="connsiteX92" fmla="*/ 6313084 w 11269336"/>
              <a:gd name="connsiteY92" fmla="*/ 1853561 h 2323145"/>
              <a:gd name="connsiteX93" fmla="*/ 6283816 w 11269336"/>
              <a:gd name="connsiteY93" fmla="*/ 1872148 h 2323145"/>
              <a:gd name="connsiteX94" fmla="*/ 6282550 w 11269336"/>
              <a:gd name="connsiteY94" fmla="*/ 1871392 h 2323145"/>
              <a:gd name="connsiteX95" fmla="*/ 6270527 w 11269336"/>
              <a:gd name="connsiteY95" fmla="*/ 1872208 h 2323145"/>
              <a:gd name="connsiteX96" fmla="*/ 6249518 w 11269336"/>
              <a:gd name="connsiteY96" fmla="*/ 1876079 h 2323145"/>
              <a:gd name="connsiteX97" fmla="*/ 6190386 w 11269336"/>
              <a:gd name="connsiteY97" fmla="*/ 1872478 h 2323145"/>
              <a:gd name="connsiteX98" fmla="*/ 6159777 w 11269336"/>
              <a:gd name="connsiteY98" fmla="*/ 1891745 h 2323145"/>
              <a:gd name="connsiteX99" fmla="*/ 6153131 w 11269336"/>
              <a:gd name="connsiteY99" fmla="*/ 1895079 h 2323145"/>
              <a:gd name="connsiteX100" fmla="*/ 6152798 w 11269336"/>
              <a:gd name="connsiteY100" fmla="*/ 1894920 h 2323145"/>
              <a:gd name="connsiteX101" fmla="*/ 6145388 w 11269336"/>
              <a:gd name="connsiteY101" fmla="*/ 1897990 h 2323145"/>
              <a:gd name="connsiteX102" fmla="*/ 6141014 w 11269336"/>
              <a:gd name="connsiteY102" fmla="*/ 1901155 h 2323145"/>
              <a:gd name="connsiteX103" fmla="*/ 6128122 w 11269336"/>
              <a:gd name="connsiteY103" fmla="*/ 1907623 h 2323145"/>
              <a:gd name="connsiteX104" fmla="*/ 6122351 w 11269336"/>
              <a:gd name="connsiteY104" fmla="*/ 1908359 h 2323145"/>
              <a:gd name="connsiteX105" fmla="*/ 6064750 w 11269336"/>
              <a:gd name="connsiteY105" fmla="*/ 1896394 h 2323145"/>
              <a:gd name="connsiteX106" fmla="*/ 5964230 w 11269336"/>
              <a:gd name="connsiteY106" fmla="*/ 1910038 h 2323145"/>
              <a:gd name="connsiteX107" fmla="*/ 5865399 w 11269336"/>
              <a:gd name="connsiteY107" fmla="*/ 1926966 h 2323145"/>
              <a:gd name="connsiteX108" fmla="*/ 5829951 w 11269336"/>
              <a:gd name="connsiteY108" fmla="*/ 1934755 h 2323145"/>
              <a:gd name="connsiteX109" fmla="*/ 5765285 w 11269336"/>
              <a:gd name="connsiteY109" fmla="*/ 1941322 h 2323145"/>
              <a:gd name="connsiteX110" fmla="*/ 5734750 w 11269336"/>
              <a:gd name="connsiteY110" fmla="*/ 1939793 h 2323145"/>
              <a:gd name="connsiteX111" fmla="*/ 5733569 w 11269336"/>
              <a:gd name="connsiteY111" fmla="*/ 1940505 h 2323145"/>
              <a:gd name="connsiteX112" fmla="*/ 5730329 w 11269336"/>
              <a:gd name="connsiteY112" fmla="*/ 1937845 h 2323145"/>
              <a:gd name="connsiteX113" fmla="*/ 5724661 w 11269336"/>
              <a:gd name="connsiteY113" fmla="*/ 1937455 h 2323145"/>
              <a:gd name="connsiteX114" fmla="*/ 5710186 w 11269336"/>
              <a:gd name="connsiteY114" fmla="*/ 1941370 h 2323145"/>
              <a:gd name="connsiteX115" fmla="*/ 5704910 w 11269336"/>
              <a:gd name="connsiteY115" fmla="*/ 1943663 h 2323145"/>
              <a:gd name="connsiteX116" fmla="*/ 5696836 w 11269336"/>
              <a:gd name="connsiteY116" fmla="*/ 1945271 h 2323145"/>
              <a:gd name="connsiteX117" fmla="*/ 5696583 w 11269336"/>
              <a:gd name="connsiteY117" fmla="*/ 1945050 h 2323145"/>
              <a:gd name="connsiteX118" fmla="*/ 5689123 w 11269336"/>
              <a:gd name="connsiteY118" fmla="*/ 1947067 h 2323145"/>
              <a:gd name="connsiteX119" fmla="*/ 5653291 w 11269336"/>
              <a:gd name="connsiteY119" fmla="*/ 1960245 h 2323145"/>
              <a:gd name="connsiteX120" fmla="*/ 5599385 w 11269336"/>
              <a:gd name="connsiteY120" fmla="*/ 1945198 h 2323145"/>
              <a:gd name="connsiteX121" fmla="*/ 5578300 w 11269336"/>
              <a:gd name="connsiteY121" fmla="*/ 1944963 h 2323145"/>
              <a:gd name="connsiteX122" fmla="*/ 5566758 w 11269336"/>
              <a:gd name="connsiteY122" fmla="*/ 1943441 h 2323145"/>
              <a:gd name="connsiteX123" fmla="*/ 5565857 w 11269336"/>
              <a:gd name="connsiteY123" fmla="*/ 1942445 h 2323145"/>
              <a:gd name="connsiteX124" fmla="*/ 5531534 w 11269336"/>
              <a:gd name="connsiteY124" fmla="*/ 1955208 h 2323145"/>
              <a:gd name="connsiteX125" fmla="*/ 5526552 w 11269336"/>
              <a:gd name="connsiteY125" fmla="*/ 1954799 h 2323145"/>
              <a:gd name="connsiteX126" fmla="*/ 5504723 w 11269336"/>
              <a:gd name="connsiteY126" fmla="*/ 1965811 h 2323145"/>
              <a:gd name="connsiteX127" fmla="*/ 5493156 w 11269336"/>
              <a:gd name="connsiteY127" fmla="*/ 1970063 h 2323145"/>
              <a:gd name="connsiteX128" fmla="*/ 5490486 w 11269336"/>
              <a:gd name="connsiteY128" fmla="*/ 1974227 h 2323145"/>
              <a:gd name="connsiteX129" fmla="*/ 5473107 w 11269336"/>
              <a:gd name="connsiteY129" fmla="*/ 1979001 h 2323145"/>
              <a:gd name="connsiteX130" fmla="*/ 5470885 w 11269336"/>
              <a:gd name="connsiteY130" fmla="*/ 1978432 h 2323145"/>
              <a:gd name="connsiteX131" fmla="*/ 5457393 w 11269336"/>
              <a:gd name="connsiteY131" fmla="*/ 1986525 h 2323145"/>
              <a:gd name="connsiteX132" fmla="*/ 5447102 w 11269336"/>
              <a:gd name="connsiteY132" fmla="*/ 1998329 h 2323145"/>
              <a:gd name="connsiteX133" fmla="*/ 5159151 w 11269336"/>
              <a:gd name="connsiteY133" fmla="*/ 2029640 h 2323145"/>
              <a:gd name="connsiteX134" fmla="*/ 5041688 w 11269336"/>
              <a:gd name="connsiteY134" fmla="*/ 2022334 h 2323145"/>
              <a:gd name="connsiteX135" fmla="*/ 4860988 w 11269336"/>
              <a:gd name="connsiteY135" fmla="*/ 2135698 h 2323145"/>
              <a:gd name="connsiteX136" fmla="*/ 4807902 w 11269336"/>
              <a:gd name="connsiteY136" fmla="*/ 2138894 h 2323145"/>
              <a:gd name="connsiteX137" fmla="*/ 4765388 w 11269336"/>
              <a:gd name="connsiteY137" fmla="*/ 2162525 h 2323145"/>
              <a:gd name="connsiteX138" fmla="*/ 4745033 w 11269336"/>
              <a:gd name="connsiteY138" fmla="*/ 2158859 h 2323145"/>
              <a:gd name="connsiteX139" fmla="*/ 4741475 w 11269336"/>
              <a:gd name="connsiteY139" fmla="*/ 2157998 h 2323145"/>
              <a:gd name="connsiteX140" fmla="*/ 4728247 w 11269336"/>
              <a:gd name="connsiteY140" fmla="*/ 2159526 h 2323145"/>
              <a:gd name="connsiteX141" fmla="*/ 4723263 w 11269336"/>
              <a:gd name="connsiteY141" fmla="*/ 2153742 h 2323145"/>
              <a:gd name="connsiteX142" fmla="*/ 4702453 w 11269336"/>
              <a:gd name="connsiteY142" fmla="*/ 2151586 h 2323145"/>
              <a:gd name="connsiteX143" fmla="*/ 4678455 w 11269336"/>
              <a:gd name="connsiteY143" fmla="*/ 2156131 h 2323145"/>
              <a:gd name="connsiteX144" fmla="*/ 4593061 w 11269336"/>
              <a:gd name="connsiteY144" fmla="*/ 2171597 h 2323145"/>
              <a:gd name="connsiteX145" fmla="*/ 4579902 w 11269336"/>
              <a:gd name="connsiteY145" fmla="*/ 2177927 h 2323145"/>
              <a:gd name="connsiteX146" fmla="*/ 4533444 w 11269336"/>
              <a:gd name="connsiteY146" fmla="*/ 2181200 h 2323145"/>
              <a:gd name="connsiteX147" fmla="*/ 4492832 w 11269336"/>
              <a:gd name="connsiteY147" fmla="*/ 2188033 h 2323145"/>
              <a:gd name="connsiteX148" fmla="*/ 4467257 w 11269336"/>
              <a:gd name="connsiteY148" fmla="*/ 2196121 h 2323145"/>
              <a:gd name="connsiteX149" fmla="*/ 4459937 w 11269336"/>
              <a:gd name="connsiteY149" fmla="*/ 2195182 h 2323145"/>
              <a:gd name="connsiteX150" fmla="*/ 4433312 w 11269336"/>
              <a:gd name="connsiteY150" fmla="*/ 2199004 h 2323145"/>
              <a:gd name="connsiteX151" fmla="*/ 4420601 w 11269336"/>
              <a:gd name="connsiteY151" fmla="*/ 2205158 h 2323145"/>
              <a:gd name="connsiteX152" fmla="*/ 4405765 w 11269336"/>
              <a:gd name="connsiteY152" fmla="*/ 2199902 h 2323145"/>
              <a:gd name="connsiteX153" fmla="*/ 4401354 w 11269336"/>
              <a:gd name="connsiteY153" fmla="*/ 2194745 h 2323145"/>
              <a:gd name="connsiteX154" fmla="*/ 4383151 w 11269336"/>
              <a:gd name="connsiteY154" fmla="*/ 2201140 h 2323145"/>
              <a:gd name="connsiteX155" fmla="*/ 4366646 w 11269336"/>
              <a:gd name="connsiteY155" fmla="*/ 2198564 h 2323145"/>
              <a:gd name="connsiteX156" fmla="*/ 4354009 w 11269336"/>
              <a:gd name="connsiteY156" fmla="*/ 2204984 h 2323145"/>
              <a:gd name="connsiteX157" fmla="*/ 4348284 w 11269336"/>
              <a:gd name="connsiteY157" fmla="*/ 2205270 h 2323145"/>
              <a:gd name="connsiteX158" fmla="*/ 4333906 w 11269336"/>
              <a:gd name="connsiteY158" fmla="*/ 2205251 h 2323145"/>
              <a:gd name="connsiteX159" fmla="*/ 4308819 w 11269336"/>
              <a:gd name="connsiteY159" fmla="*/ 2203822 h 2323145"/>
              <a:gd name="connsiteX160" fmla="*/ 4301210 w 11269336"/>
              <a:gd name="connsiteY160" fmla="*/ 2204456 h 2323145"/>
              <a:gd name="connsiteX161" fmla="*/ 4283095 w 11269336"/>
              <a:gd name="connsiteY161" fmla="*/ 2198177 h 2323145"/>
              <a:gd name="connsiteX162" fmla="*/ 4250119 w 11269336"/>
              <a:gd name="connsiteY162" fmla="*/ 2196342 h 2323145"/>
              <a:gd name="connsiteX163" fmla="*/ 4189203 w 11269336"/>
              <a:gd name="connsiteY163" fmla="*/ 2178994 h 2323145"/>
              <a:gd name="connsiteX164" fmla="*/ 4154035 w 11269336"/>
              <a:gd name="connsiteY164" fmla="*/ 2171950 h 2323145"/>
              <a:gd name="connsiteX165" fmla="*/ 4129569 w 11269336"/>
              <a:gd name="connsiteY165" fmla="*/ 2163850 h 2323145"/>
              <a:gd name="connsiteX166" fmla="*/ 4061250 w 11269336"/>
              <a:gd name="connsiteY166" fmla="*/ 2159236 h 2323145"/>
              <a:gd name="connsiteX167" fmla="*/ 3945480 w 11269336"/>
              <a:gd name="connsiteY167" fmla="*/ 2158279 h 2323145"/>
              <a:gd name="connsiteX168" fmla="*/ 3921468 w 11269336"/>
              <a:gd name="connsiteY168" fmla="*/ 2156588 h 2323145"/>
              <a:gd name="connsiteX169" fmla="*/ 3903348 w 11269336"/>
              <a:gd name="connsiteY169" fmla="*/ 2149220 h 2323145"/>
              <a:gd name="connsiteX170" fmla="*/ 3901342 w 11269336"/>
              <a:gd name="connsiteY170" fmla="*/ 2142355 h 2323145"/>
              <a:gd name="connsiteX171" fmla="*/ 3888539 w 11269336"/>
              <a:gd name="connsiteY171" fmla="*/ 2140476 h 2323145"/>
              <a:gd name="connsiteX172" fmla="*/ 3885662 w 11269336"/>
              <a:gd name="connsiteY172" fmla="*/ 2138740 h 2323145"/>
              <a:gd name="connsiteX173" fmla="*/ 3868627 w 11269336"/>
              <a:gd name="connsiteY173" fmla="*/ 2130023 h 2323145"/>
              <a:gd name="connsiteX174" fmla="*/ 3819177 w 11269336"/>
              <a:gd name="connsiteY174" fmla="*/ 2142111 h 2323145"/>
              <a:gd name="connsiteX175" fmla="*/ 3769100 w 11269336"/>
              <a:gd name="connsiteY175" fmla="*/ 2131731 h 2323145"/>
              <a:gd name="connsiteX176" fmla="*/ 3562752 w 11269336"/>
              <a:gd name="connsiteY176" fmla="*/ 2131785 h 2323145"/>
              <a:gd name="connsiteX177" fmla="*/ 3541402 w 11269336"/>
              <a:gd name="connsiteY177" fmla="*/ 2106821 h 2323145"/>
              <a:gd name="connsiteX178" fmla="*/ 3365341 w 11269336"/>
              <a:gd name="connsiteY178" fmla="*/ 2077638 h 2323145"/>
              <a:gd name="connsiteX179" fmla="*/ 3170922 w 11269336"/>
              <a:gd name="connsiteY179" fmla="*/ 2115957 h 2323145"/>
              <a:gd name="connsiteX180" fmla="*/ 3156256 w 11269336"/>
              <a:gd name="connsiteY180" fmla="*/ 2124773 h 2323145"/>
              <a:gd name="connsiteX181" fmla="*/ 3140298 w 11269336"/>
              <a:gd name="connsiteY181" fmla="*/ 2129182 h 2323145"/>
              <a:gd name="connsiteX182" fmla="*/ 3138514 w 11269336"/>
              <a:gd name="connsiteY182" fmla="*/ 2128069 h 2323145"/>
              <a:gd name="connsiteX183" fmla="*/ 3120467 w 11269336"/>
              <a:gd name="connsiteY183" fmla="*/ 2128281 h 2323145"/>
              <a:gd name="connsiteX184" fmla="*/ 3116175 w 11269336"/>
              <a:gd name="connsiteY184" fmla="*/ 2131633 h 2323145"/>
              <a:gd name="connsiteX185" fmla="*/ 3103685 w 11269336"/>
              <a:gd name="connsiteY185" fmla="*/ 2132814 h 2323145"/>
              <a:gd name="connsiteX186" fmla="*/ 3078794 w 11269336"/>
              <a:gd name="connsiteY186" fmla="*/ 2137935 h 2323145"/>
              <a:gd name="connsiteX187" fmla="*/ 3074407 w 11269336"/>
              <a:gd name="connsiteY187" fmla="*/ 2136274 h 2323145"/>
              <a:gd name="connsiteX188" fmla="*/ 3037285 w 11269336"/>
              <a:gd name="connsiteY188" fmla="*/ 2139919 h 2323145"/>
              <a:gd name="connsiteX189" fmla="*/ 3036901 w 11269336"/>
              <a:gd name="connsiteY189" fmla="*/ 2138726 h 2323145"/>
              <a:gd name="connsiteX190" fmla="*/ 3026996 w 11269336"/>
              <a:gd name="connsiteY190" fmla="*/ 2134322 h 2323145"/>
              <a:gd name="connsiteX191" fmla="*/ 3007772 w 11269336"/>
              <a:gd name="connsiteY191" fmla="*/ 2128742 h 2323145"/>
              <a:gd name="connsiteX192" fmla="*/ 2965030 w 11269336"/>
              <a:gd name="connsiteY192" fmla="*/ 2100494 h 2323145"/>
              <a:gd name="connsiteX193" fmla="*/ 2926342 w 11269336"/>
              <a:gd name="connsiteY193" fmla="*/ 2104155 h 2323145"/>
              <a:gd name="connsiteX194" fmla="*/ 2918608 w 11269336"/>
              <a:gd name="connsiteY194" fmla="*/ 2104215 h 2323145"/>
              <a:gd name="connsiteX195" fmla="*/ 2918475 w 11269336"/>
              <a:gd name="connsiteY195" fmla="*/ 2103937 h 2323145"/>
              <a:gd name="connsiteX196" fmla="*/ 2910360 w 11269336"/>
              <a:gd name="connsiteY196" fmla="*/ 2103444 h 2323145"/>
              <a:gd name="connsiteX197" fmla="*/ 2904507 w 11269336"/>
              <a:gd name="connsiteY197" fmla="*/ 2104326 h 2323145"/>
              <a:gd name="connsiteX198" fmla="*/ 2889503 w 11269336"/>
              <a:gd name="connsiteY198" fmla="*/ 2104443 h 2323145"/>
              <a:gd name="connsiteX199" fmla="*/ 2884480 w 11269336"/>
              <a:gd name="connsiteY199" fmla="*/ 2102626 h 2323145"/>
              <a:gd name="connsiteX200" fmla="*/ 2882689 w 11269336"/>
              <a:gd name="connsiteY200" fmla="*/ 2099228 h 2323145"/>
              <a:gd name="connsiteX201" fmla="*/ 2881291 w 11269336"/>
              <a:gd name="connsiteY201" fmla="*/ 2099618 h 2323145"/>
              <a:gd name="connsiteX202" fmla="*/ 2853979 w 11269336"/>
              <a:gd name="connsiteY202" fmla="*/ 2090388 h 2323145"/>
              <a:gd name="connsiteX203" fmla="*/ 2791790 w 11269336"/>
              <a:gd name="connsiteY203" fmla="*/ 2080332 h 2323145"/>
              <a:gd name="connsiteX204" fmla="*/ 2755844 w 11269336"/>
              <a:gd name="connsiteY204" fmla="*/ 2078874 h 2323145"/>
              <a:gd name="connsiteX205" fmla="*/ 2657742 w 11269336"/>
              <a:gd name="connsiteY205" fmla="*/ 2070179 h 2323145"/>
              <a:gd name="connsiteX206" fmla="*/ 2559549 w 11269336"/>
              <a:gd name="connsiteY206" fmla="*/ 2057873 h 2323145"/>
              <a:gd name="connsiteX207" fmla="*/ 2512054 w 11269336"/>
              <a:gd name="connsiteY207" fmla="*/ 2031671 h 2323145"/>
              <a:gd name="connsiteX208" fmla="*/ 2506437 w 11269336"/>
              <a:gd name="connsiteY208" fmla="*/ 2030918 h 2323145"/>
              <a:gd name="connsiteX209" fmla="*/ 2491752 w 11269336"/>
              <a:gd name="connsiteY209" fmla="*/ 2033906 h 2323145"/>
              <a:gd name="connsiteX210" fmla="*/ 2486338 w 11269336"/>
              <a:gd name="connsiteY210" fmla="*/ 2035862 h 2323145"/>
              <a:gd name="connsiteX211" fmla="*/ 2478186 w 11269336"/>
              <a:gd name="connsiteY211" fmla="*/ 2036953 h 2323145"/>
              <a:gd name="connsiteX212" fmla="*/ 2477950 w 11269336"/>
              <a:gd name="connsiteY212" fmla="*/ 2036715 h 2323145"/>
              <a:gd name="connsiteX213" fmla="*/ 2470381 w 11269336"/>
              <a:gd name="connsiteY213" fmla="*/ 2038256 h 2323145"/>
              <a:gd name="connsiteX214" fmla="*/ 2433781 w 11269336"/>
              <a:gd name="connsiteY214" fmla="*/ 2049140 h 2323145"/>
              <a:gd name="connsiteX215" fmla="*/ 2381172 w 11269336"/>
              <a:gd name="connsiteY215" fmla="*/ 2030645 h 2323145"/>
              <a:gd name="connsiteX216" fmla="*/ 2360198 w 11269336"/>
              <a:gd name="connsiteY216" fmla="*/ 2029059 h 2323145"/>
              <a:gd name="connsiteX217" fmla="*/ 2348815 w 11269336"/>
              <a:gd name="connsiteY217" fmla="*/ 2026798 h 2323145"/>
              <a:gd name="connsiteX218" fmla="*/ 2347988 w 11269336"/>
              <a:gd name="connsiteY218" fmla="*/ 2025745 h 2323145"/>
              <a:gd name="connsiteX219" fmla="*/ 2312920 w 11269336"/>
              <a:gd name="connsiteY219" fmla="*/ 2036311 h 2323145"/>
              <a:gd name="connsiteX220" fmla="*/ 2307986 w 11269336"/>
              <a:gd name="connsiteY220" fmla="*/ 2035583 h 2323145"/>
              <a:gd name="connsiteX221" fmla="*/ 2285481 w 11269336"/>
              <a:gd name="connsiteY221" fmla="*/ 2045197 h 2323145"/>
              <a:gd name="connsiteX222" fmla="*/ 2273666 w 11269336"/>
              <a:gd name="connsiteY222" fmla="*/ 2048710 h 2323145"/>
              <a:gd name="connsiteX223" fmla="*/ 2270719 w 11269336"/>
              <a:gd name="connsiteY223" fmla="*/ 2052702 h 2323145"/>
              <a:gd name="connsiteX224" fmla="*/ 2253080 w 11269336"/>
              <a:gd name="connsiteY224" fmla="*/ 2056363 h 2323145"/>
              <a:gd name="connsiteX225" fmla="*/ 2250906 w 11269336"/>
              <a:gd name="connsiteY225" fmla="*/ 2055654 h 2323145"/>
              <a:gd name="connsiteX226" fmla="*/ 2236905 w 11269336"/>
              <a:gd name="connsiteY226" fmla="*/ 2062882 h 2323145"/>
              <a:gd name="connsiteX227" fmla="*/ 2225830 w 11269336"/>
              <a:gd name="connsiteY227" fmla="*/ 2074027 h 2323145"/>
              <a:gd name="connsiteX228" fmla="*/ 2073776 w 11269336"/>
              <a:gd name="connsiteY228" fmla="*/ 2089244 h 2323145"/>
              <a:gd name="connsiteX229" fmla="*/ 1948256 w 11269336"/>
              <a:gd name="connsiteY229" fmla="*/ 2146616 h 2323145"/>
              <a:gd name="connsiteX230" fmla="*/ 1865582 w 11269336"/>
              <a:gd name="connsiteY230" fmla="*/ 2153738 h 2323145"/>
              <a:gd name="connsiteX231" fmla="*/ 1835210 w 11269336"/>
              <a:gd name="connsiteY231" fmla="*/ 2134244 h 2323145"/>
              <a:gd name="connsiteX232" fmla="*/ 1632661 w 11269336"/>
              <a:gd name="connsiteY232" fmla="*/ 2173882 h 2323145"/>
              <a:gd name="connsiteX233" fmla="*/ 1579590 w 11269336"/>
              <a:gd name="connsiteY233" fmla="*/ 2173680 h 2323145"/>
              <a:gd name="connsiteX234" fmla="*/ 1535601 w 11269336"/>
              <a:gd name="connsiteY234" fmla="*/ 2194590 h 2323145"/>
              <a:gd name="connsiteX235" fmla="*/ 1515594 w 11269336"/>
              <a:gd name="connsiteY235" fmla="*/ 2189622 h 2323145"/>
              <a:gd name="connsiteX236" fmla="*/ 1512113 w 11269336"/>
              <a:gd name="connsiteY236" fmla="*/ 2188534 h 2323145"/>
              <a:gd name="connsiteX237" fmla="*/ 1498838 w 11269336"/>
              <a:gd name="connsiteY237" fmla="*/ 2189213 h 2323145"/>
              <a:gd name="connsiteX238" fmla="*/ 1494279 w 11269336"/>
              <a:gd name="connsiteY238" fmla="*/ 2183112 h 2323145"/>
              <a:gd name="connsiteX239" fmla="*/ 1473714 w 11269336"/>
              <a:gd name="connsiteY239" fmla="*/ 2179625 h 2323145"/>
              <a:gd name="connsiteX240" fmla="*/ 1449503 w 11269336"/>
              <a:gd name="connsiteY240" fmla="*/ 2182633 h 2323145"/>
              <a:gd name="connsiteX241" fmla="*/ 1266687 w 11269336"/>
              <a:gd name="connsiteY241" fmla="*/ 2212688 h 2323145"/>
              <a:gd name="connsiteX242" fmla="*/ 1239614 w 11269336"/>
              <a:gd name="connsiteY242" fmla="*/ 2209727 h 2323145"/>
              <a:gd name="connsiteX243" fmla="*/ 1202436 w 11269336"/>
              <a:gd name="connsiteY243" fmla="*/ 2209817 h 2323145"/>
              <a:gd name="connsiteX244" fmla="*/ 1136097 w 11269336"/>
              <a:gd name="connsiteY244" fmla="*/ 2205112 h 2323145"/>
              <a:gd name="connsiteX245" fmla="*/ 988232 w 11269336"/>
              <a:gd name="connsiteY245" fmla="*/ 2235635 h 2323145"/>
              <a:gd name="connsiteX246" fmla="*/ 981959 w 11269336"/>
              <a:gd name="connsiteY246" fmla="*/ 2231607 h 2323145"/>
              <a:gd name="connsiteX247" fmla="*/ 938600 w 11269336"/>
              <a:gd name="connsiteY247" fmla="*/ 2238113 h 2323145"/>
              <a:gd name="connsiteX248" fmla="*/ 791788 w 11269336"/>
              <a:gd name="connsiteY248" fmla="*/ 2293224 h 2323145"/>
              <a:gd name="connsiteX249" fmla="*/ 706914 w 11269336"/>
              <a:gd name="connsiteY249" fmla="*/ 2305046 h 2323145"/>
              <a:gd name="connsiteX250" fmla="*/ 675971 w 11269336"/>
              <a:gd name="connsiteY250" fmla="*/ 2304030 h 2323145"/>
              <a:gd name="connsiteX251" fmla="*/ 624180 w 11269336"/>
              <a:gd name="connsiteY251" fmla="*/ 2302650 h 2323145"/>
              <a:gd name="connsiteX252" fmla="*/ 583453 w 11269336"/>
              <a:gd name="connsiteY252" fmla="*/ 2288788 h 2323145"/>
              <a:gd name="connsiteX253" fmla="*/ 540946 w 11269336"/>
              <a:gd name="connsiteY253" fmla="*/ 2292721 h 2323145"/>
              <a:gd name="connsiteX254" fmla="*/ 533680 w 11269336"/>
              <a:gd name="connsiteY254" fmla="*/ 2310233 h 2323145"/>
              <a:gd name="connsiteX255" fmla="*/ 487366 w 11269336"/>
              <a:gd name="connsiteY255" fmla="*/ 2309053 h 2323145"/>
              <a:gd name="connsiteX256" fmla="*/ 416820 w 11269336"/>
              <a:gd name="connsiteY256" fmla="*/ 2305443 h 2323145"/>
              <a:gd name="connsiteX257" fmla="*/ 376805 w 11269336"/>
              <a:gd name="connsiteY257" fmla="*/ 2307647 h 2323145"/>
              <a:gd name="connsiteX258" fmla="*/ 266777 w 11269336"/>
              <a:gd name="connsiteY258" fmla="*/ 2309012 h 2323145"/>
              <a:gd name="connsiteX259" fmla="*/ 156013 w 11269336"/>
              <a:gd name="connsiteY259" fmla="*/ 2306832 h 2323145"/>
              <a:gd name="connsiteX260" fmla="*/ 87258 w 11269336"/>
              <a:gd name="connsiteY260" fmla="*/ 2285511 h 2323145"/>
              <a:gd name="connsiteX261" fmla="*/ 23798 w 11269336"/>
              <a:gd name="connsiteY261" fmla="*/ 2281822 h 2323145"/>
              <a:gd name="connsiteX262" fmla="*/ 0 w 11269336"/>
              <a:gd name="connsiteY262" fmla="*/ 2285369 h 2323145"/>
              <a:gd name="connsiteX263" fmla="*/ 0 w 11269336"/>
              <a:gd name="connsiteY263"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380600 w 11269336"/>
              <a:gd name="connsiteY19" fmla="*/ 549821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41688 w 11269336"/>
              <a:gd name="connsiteY133" fmla="*/ 2022334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678455 w 11269336"/>
              <a:gd name="connsiteY142" fmla="*/ 2156131 h 2323145"/>
              <a:gd name="connsiteX143" fmla="*/ 4593061 w 11269336"/>
              <a:gd name="connsiteY143" fmla="*/ 2171597 h 2323145"/>
              <a:gd name="connsiteX144" fmla="*/ 4579902 w 11269336"/>
              <a:gd name="connsiteY144" fmla="*/ 2177927 h 2323145"/>
              <a:gd name="connsiteX145" fmla="*/ 4533444 w 11269336"/>
              <a:gd name="connsiteY145" fmla="*/ 2181200 h 2323145"/>
              <a:gd name="connsiteX146" fmla="*/ 4492832 w 11269336"/>
              <a:gd name="connsiteY146" fmla="*/ 2188033 h 2323145"/>
              <a:gd name="connsiteX147" fmla="*/ 4467257 w 11269336"/>
              <a:gd name="connsiteY147" fmla="*/ 2196121 h 2323145"/>
              <a:gd name="connsiteX148" fmla="*/ 4459937 w 11269336"/>
              <a:gd name="connsiteY148" fmla="*/ 2195182 h 2323145"/>
              <a:gd name="connsiteX149" fmla="*/ 4433312 w 11269336"/>
              <a:gd name="connsiteY149" fmla="*/ 2199004 h 2323145"/>
              <a:gd name="connsiteX150" fmla="*/ 4420601 w 11269336"/>
              <a:gd name="connsiteY150" fmla="*/ 2205158 h 2323145"/>
              <a:gd name="connsiteX151" fmla="*/ 4405765 w 11269336"/>
              <a:gd name="connsiteY151" fmla="*/ 2199902 h 2323145"/>
              <a:gd name="connsiteX152" fmla="*/ 4401354 w 11269336"/>
              <a:gd name="connsiteY152" fmla="*/ 2194745 h 2323145"/>
              <a:gd name="connsiteX153" fmla="*/ 4383151 w 11269336"/>
              <a:gd name="connsiteY153" fmla="*/ 2201140 h 2323145"/>
              <a:gd name="connsiteX154" fmla="*/ 4366646 w 11269336"/>
              <a:gd name="connsiteY154" fmla="*/ 2198564 h 2323145"/>
              <a:gd name="connsiteX155" fmla="*/ 4354009 w 11269336"/>
              <a:gd name="connsiteY155" fmla="*/ 2204984 h 2323145"/>
              <a:gd name="connsiteX156" fmla="*/ 4348284 w 11269336"/>
              <a:gd name="connsiteY156" fmla="*/ 2205270 h 2323145"/>
              <a:gd name="connsiteX157" fmla="*/ 4333906 w 11269336"/>
              <a:gd name="connsiteY157" fmla="*/ 2205251 h 2323145"/>
              <a:gd name="connsiteX158" fmla="*/ 4308819 w 11269336"/>
              <a:gd name="connsiteY158" fmla="*/ 2203822 h 2323145"/>
              <a:gd name="connsiteX159" fmla="*/ 4301210 w 11269336"/>
              <a:gd name="connsiteY159" fmla="*/ 2204456 h 2323145"/>
              <a:gd name="connsiteX160" fmla="*/ 4283095 w 11269336"/>
              <a:gd name="connsiteY160" fmla="*/ 2198177 h 2323145"/>
              <a:gd name="connsiteX161" fmla="*/ 4250119 w 11269336"/>
              <a:gd name="connsiteY161" fmla="*/ 2196342 h 2323145"/>
              <a:gd name="connsiteX162" fmla="*/ 4189203 w 11269336"/>
              <a:gd name="connsiteY162" fmla="*/ 2178994 h 2323145"/>
              <a:gd name="connsiteX163" fmla="*/ 4154035 w 11269336"/>
              <a:gd name="connsiteY163" fmla="*/ 2171950 h 2323145"/>
              <a:gd name="connsiteX164" fmla="*/ 4129569 w 11269336"/>
              <a:gd name="connsiteY164" fmla="*/ 2163850 h 2323145"/>
              <a:gd name="connsiteX165" fmla="*/ 4061250 w 11269336"/>
              <a:gd name="connsiteY165" fmla="*/ 2159236 h 2323145"/>
              <a:gd name="connsiteX166" fmla="*/ 3945480 w 11269336"/>
              <a:gd name="connsiteY166" fmla="*/ 2158279 h 2323145"/>
              <a:gd name="connsiteX167" fmla="*/ 3921468 w 11269336"/>
              <a:gd name="connsiteY167" fmla="*/ 2156588 h 2323145"/>
              <a:gd name="connsiteX168" fmla="*/ 3903348 w 11269336"/>
              <a:gd name="connsiteY168" fmla="*/ 2149220 h 2323145"/>
              <a:gd name="connsiteX169" fmla="*/ 3901342 w 11269336"/>
              <a:gd name="connsiteY169" fmla="*/ 2142355 h 2323145"/>
              <a:gd name="connsiteX170" fmla="*/ 3888539 w 11269336"/>
              <a:gd name="connsiteY170" fmla="*/ 2140476 h 2323145"/>
              <a:gd name="connsiteX171" fmla="*/ 3885662 w 11269336"/>
              <a:gd name="connsiteY171" fmla="*/ 2138740 h 2323145"/>
              <a:gd name="connsiteX172" fmla="*/ 3868627 w 11269336"/>
              <a:gd name="connsiteY172" fmla="*/ 2130023 h 2323145"/>
              <a:gd name="connsiteX173" fmla="*/ 3819177 w 11269336"/>
              <a:gd name="connsiteY173" fmla="*/ 2142111 h 2323145"/>
              <a:gd name="connsiteX174" fmla="*/ 3769100 w 11269336"/>
              <a:gd name="connsiteY174" fmla="*/ 2131731 h 2323145"/>
              <a:gd name="connsiteX175" fmla="*/ 3562752 w 11269336"/>
              <a:gd name="connsiteY175" fmla="*/ 2131785 h 2323145"/>
              <a:gd name="connsiteX176" fmla="*/ 3541402 w 11269336"/>
              <a:gd name="connsiteY176" fmla="*/ 2106821 h 2323145"/>
              <a:gd name="connsiteX177" fmla="*/ 3365341 w 11269336"/>
              <a:gd name="connsiteY177" fmla="*/ 2077638 h 2323145"/>
              <a:gd name="connsiteX178" fmla="*/ 3170922 w 11269336"/>
              <a:gd name="connsiteY178" fmla="*/ 2115957 h 2323145"/>
              <a:gd name="connsiteX179" fmla="*/ 3156256 w 11269336"/>
              <a:gd name="connsiteY179" fmla="*/ 2124773 h 2323145"/>
              <a:gd name="connsiteX180" fmla="*/ 3140298 w 11269336"/>
              <a:gd name="connsiteY180" fmla="*/ 2129182 h 2323145"/>
              <a:gd name="connsiteX181" fmla="*/ 3138514 w 11269336"/>
              <a:gd name="connsiteY181" fmla="*/ 2128069 h 2323145"/>
              <a:gd name="connsiteX182" fmla="*/ 3120467 w 11269336"/>
              <a:gd name="connsiteY182" fmla="*/ 2128281 h 2323145"/>
              <a:gd name="connsiteX183" fmla="*/ 3116175 w 11269336"/>
              <a:gd name="connsiteY183" fmla="*/ 2131633 h 2323145"/>
              <a:gd name="connsiteX184" fmla="*/ 3103685 w 11269336"/>
              <a:gd name="connsiteY184" fmla="*/ 2132814 h 2323145"/>
              <a:gd name="connsiteX185" fmla="*/ 3078794 w 11269336"/>
              <a:gd name="connsiteY185" fmla="*/ 2137935 h 2323145"/>
              <a:gd name="connsiteX186" fmla="*/ 3074407 w 11269336"/>
              <a:gd name="connsiteY186" fmla="*/ 2136274 h 2323145"/>
              <a:gd name="connsiteX187" fmla="*/ 3037285 w 11269336"/>
              <a:gd name="connsiteY187" fmla="*/ 2139919 h 2323145"/>
              <a:gd name="connsiteX188" fmla="*/ 3036901 w 11269336"/>
              <a:gd name="connsiteY188" fmla="*/ 2138726 h 2323145"/>
              <a:gd name="connsiteX189" fmla="*/ 3026996 w 11269336"/>
              <a:gd name="connsiteY189" fmla="*/ 2134322 h 2323145"/>
              <a:gd name="connsiteX190" fmla="*/ 3007772 w 11269336"/>
              <a:gd name="connsiteY190" fmla="*/ 2128742 h 2323145"/>
              <a:gd name="connsiteX191" fmla="*/ 2965030 w 11269336"/>
              <a:gd name="connsiteY191" fmla="*/ 2100494 h 2323145"/>
              <a:gd name="connsiteX192" fmla="*/ 2926342 w 11269336"/>
              <a:gd name="connsiteY192" fmla="*/ 2104155 h 2323145"/>
              <a:gd name="connsiteX193" fmla="*/ 2918608 w 11269336"/>
              <a:gd name="connsiteY193" fmla="*/ 2104215 h 2323145"/>
              <a:gd name="connsiteX194" fmla="*/ 2918475 w 11269336"/>
              <a:gd name="connsiteY194" fmla="*/ 2103937 h 2323145"/>
              <a:gd name="connsiteX195" fmla="*/ 2910360 w 11269336"/>
              <a:gd name="connsiteY195" fmla="*/ 2103444 h 2323145"/>
              <a:gd name="connsiteX196" fmla="*/ 2904507 w 11269336"/>
              <a:gd name="connsiteY196" fmla="*/ 2104326 h 2323145"/>
              <a:gd name="connsiteX197" fmla="*/ 2889503 w 11269336"/>
              <a:gd name="connsiteY197" fmla="*/ 2104443 h 2323145"/>
              <a:gd name="connsiteX198" fmla="*/ 2884480 w 11269336"/>
              <a:gd name="connsiteY198" fmla="*/ 2102626 h 2323145"/>
              <a:gd name="connsiteX199" fmla="*/ 2882689 w 11269336"/>
              <a:gd name="connsiteY199" fmla="*/ 2099228 h 2323145"/>
              <a:gd name="connsiteX200" fmla="*/ 2881291 w 11269336"/>
              <a:gd name="connsiteY200" fmla="*/ 2099618 h 2323145"/>
              <a:gd name="connsiteX201" fmla="*/ 2853979 w 11269336"/>
              <a:gd name="connsiteY201" fmla="*/ 2090388 h 2323145"/>
              <a:gd name="connsiteX202" fmla="*/ 2791790 w 11269336"/>
              <a:gd name="connsiteY202" fmla="*/ 2080332 h 2323145"/>
              <a:gd name="connsiteX203" fmla="*/ 2755844 w 11269336"/>
              <a:gd name="connsiteY203" fmla="*/ 2078874 h 2323145"/>
              <a:gd name="connsiteX204" fmla="*/ 2657742 w 11269336"/>
              <a:gd name="connsiteY204" fmla="*/ 2070179 h 2323145"/>
              <a:gd name="connsiteX205" fmla="*/ 2559549 w 11269336"/>
              <a:gd name="connsiteY205" fmla="*/ 2057873 h 2323145"/>
              <a:gd name="connsiteX206" fmla="*/ 2512054 w 11269336"/>
              <a:gd name="connsiteY206" fmla="*/ 2031671 h 2323145"/>
              <a:gd name="connsiteX207" fmla="*/ 2506437 w 11269336"/>
              <a:gd name="connsiteY207" fmla="*/ 2030918 h 2323145"/>
              <a:gd name="connsiteX208" fmla="*/ 2491752 w 11269336"/>
              <a:gd name="connsiteY208" fmla="*/ 2033906 h 2323145"/>
              <a:gd name="connsiteX209" fmla="*/ 2486338 w 11269336"/>
              <a:gd name="connsiteY209" fmla="*/ 2035862 h 2323145"/>
              <a:gd name="connsiteX210" fmla="*/ 2478186 w 11269336"/>
              <a:gd name="connsiteY210" fmla="*/ 2036953 h 2323145"/>
              <a:gd name="connsiteX211" fmla="*/ 2477950 w 11269336"/>
              <a:gd name="connsiteY211" fmla="*/ 2036715 h 2323145"/>
              <a:gd name="connsiteX212" fmla="*/ 2470381 w 11269336"/>
              <a:gd name="connsiteY212" fmla="*/ 2038256 h 2323145"/>
              <a:gd name="connsiteX213" fmla="*/ 2433781 w 11269336"/>
              <a:gd name="connsiteY213" fmla="*/ 2049140 h 2323145"/>
              <a:gd name="connsiteX214" fmla="*/ 2381172 w 11269336"/>
              <a:gd name="connsiteY214" fmla="*/ 2030645 h 2323145"/>
              <a:gd name="connsiteX215" fmla="*/ 2360198 w 11269336"/>
              <a:gd name="connsiteY215" fmla="*/ 2029059 h 2323145"/>
              <a:gd name="connsiteX216" fmla="*/ 2348815 w 11269336"/>
              <a:gd name="connsiteY216" fmla="*/ 2026798 h 2323145"/>
              <a:gd name="connsiteX217" fmla="*/ 2347988 w 11269336"/>
              <a:gd name="connsiteY217" fmla="*/ 2025745 h 2323145"/>
              <a:gd name="connsiteX218" fmla="*/ 2312920 w 11269336"/>
              <a:gd name="connsiteY218" fmla="*/ 2036311 h 2323145"/>
              <a:gd name="connsiteX219" fmla="*/ 2307986 w 11269336"/>
              <a:gd name="connsiteY219" fmla="*/ 2035583 h 2323145"/>
              <a:gd name="connsiteX220" fmla="*/ 2285481 w 11269336"/>
              <a:gd name="connsiteY220" fmla="*/ 2045197 h 2323145"/>
              <a:gd name="connsiteX221" fmla="*/ 2273666 w 11269336"/>
              <a:gd name="connsiteY221" fmla="*/ 2048710 h 2323145"/>
              <a:gd name="connsiteX222" fmla="*/ 2270719 w 11269336"/>
              <a:gd name="connsiteY222" fmla="*/ 2052702 h 2323145"/>
              <a:gd name="connsiteX223" fmla="*/ 2253080 w 11269336"/>
              <a:gd name="connsiteY223" fmla="*/ 2056363 h 2323145"/>
              <a:gd name="connsiteX224" fmla="*/ 2250906 w 11269336"/>
              <a:gd name="connsiteY224" fmla="*/ 2055654 h 2323145"/>
              <a:gd name="connsiteX225" fmla="*/ 2236905 w 11269336"/>
              <a:gd name="connsiteY225" fmla="*/ 2062882 h 2323145"/>
              <a:gd name="connsiteX226" fmla="*/ 2225830 w 11269336"/>
              <a:gd name="connsiteY226" fmla="*/ 2074027 h 2323145"/>
              <a:gd name="connsiteX227" fmla="*/ 2073776 w 11269336"/>
              <a:gd name="connsiteY227" fmla="*/ 2089244 h 2323145"/>
              <a:gd name="connsiteX228" fmla="*/ 1948256 w 11269336"/>
              <a:gd name="connsiteY228" fmla="*/ 2146616 h 2323145"/>
              <a:gd name="connsiteX229" fmla="*/ 1865582 w 11269336"/>
              <a:gd name="connsiteY229" fmla="*/ 2153738 h 2323145"/>
              <a:gd name="connsiteX230" fmla="*/ 1835210 w 11269336"/>
              <a:gd name="connsiteY230" fmla="*/ 2134244 h 2323145"/>
              <a:gd name="connsiteX231" fmla="*/ 1632661 w 11269336"/>
              <a:gd name="connsiteY231" fmla="*/ 2173882 h 2323145"/>
              <a:gd name="connsiteX232" fmla="*/ 1579590 w 11269336"/>
              <a:gd name="connsiteY232" fmla="*/ 2173680 h 2323145"/>
              <a:gd name="connsiteX233" fmla="*/ 1535601 w 11269336"/>
              <a:gd name="connsiteY233" fmla="*/ 2194590 h 2323145"/>
              <a:gd name="connsiteX234" fmla="*/ 1515594 w 11269336"/>
              <a:gd name="connsiteY234" fmla="*/ 2189622 h 2323145"/>
              <a:gd name="connsiteX235" fmla="*/ 1512113 w 11269336"/>
              <a:gd name="connsiteY235" fmla="*/ 2188534 h 2323145"/>
              <a:gd name="connsiteX236" fmla="*/ 1498838 w 11269336"/>
              <a:gd name="connsiteY236" fmla="*/ 2189213 h 2323145"/>
              <a:gd name="connsiteX237" fmla="*/ 1494279 w 11269336"/>
              <a:gd name="connsiteY237" fmla="*/ 2183112 h 2323145"/>
              <a:gd name="connsiteX238" fmla="*/ 1473714 w 11269336"/>
              <a:gd name="connsiteY238" fmla="*/ 2179625 h 2323145"/>
              <a:gd name="connsiteX239" fmla="*/ 1449503 w 11269336"/>
              <a:gd name="connsiteY239" fmla="*/ 2182633 h 2323145"/>
              <a:gd name="connsiteX240" fmla="*/ 1266687 w 11269336"/>
              <a:gd name="connsiteY240" fmla="*/ 2212688 h 2323145"/>
              <a:gd name="connsiteX241" fmla="*/ 1239614 w 11269336"/>
              <a:gd name="connsiteY241" fmla="*/ 2209727 h 2323145"/>
              <a:gd name="connsiteX242" fmla="*/ 1202436 w 11269336"/>
              <a:gd name="connsiteY242" fmla="*/ 2209817 h 2323145"/>
              <a:gd name="connsiteX243" fmla="*/ 1136097 w 11269336"/>
              <a:gd name="connsiteY243" fmla="*/ 2205112 h 2323145"/>
              <a:gd name="connsiteX244" fmla="*/ 988232 w 11269336"/>
              <a:gd name="connsiteY244" fmla="*/ 2235635 h 2323145"/>
              <a:gd name="connsiteX245" fmla="*/ 981959 w 11269336"/>
              <a:gd name="connsiteY245" fmla="*/ 2231607 h 2323145"/>
              <a:gd name="connsiteX246" fmla="*/ 938600 w 11269336"/>
              <a:gd name="connsiteY246" fmla="*/ 2238113 h 2323145"/>
              <a:gd name="connsiteX247" fmla="*/ 791788 w 11269336"/>
              <a:gd name="connsiteY247" fmla="*/ 2293224 h 2323145"/>
              <a:gd name="connsiteX248" fmla="*/ 706914 w 11269336"/>
              <a:gd name="connsiteY248" fmla="*/ 2305046 h 2323145"/>
              <a:gd name="connsiteX249" fmla="*/ 675971 w 11269336"/>
              <a:gd name="connsiteY249" fmla="*/ 2304030 h 2323145"/>
              <a:gd name="connsiteX250" fmla="*/ 624180 w 11269336"/>
              <a:gd name="connsiteY250" fmla="*/ 2302650 h 2323145"/>
              <a:gd name="connsiteX251" fmla="*/ 583453 w 11269336"/>
              <a:gd name="connsiteY251" fmla="*/ 2288788 h 2323145"/>
              <a:gd name="connsiteX252" fmla="*/ 540946 w 11269336"/>
              <a:gd name="connsiteY252" fmla="*/ 2292721 h 2323145"/>
              <a:gd name="connsiteX253" fmla="*/ 533680 w 11269336"/>
              <a:gd name="connsiteY253" fmla="*/ 2310233 h 2323145"/>
              <a:gd name="connsiteX254" fmla="*/ 487366 w 11269336"/>
              <a:gd name="connsiteY254" fmla="*/ 2309053 h 2323145"/>
              <a:gd name="connsiteX255" fmla="*/ 416820 w 11269336"/>
              <a:gd name="connsiteY255" fmla="*/ 2305443 h 2323145"/>
              <a:gd name="connsiteX256" fmla="*/ 376805 w 11269336"/>
              <a:gd name="connsiteY256" fmla="*/ 2307647 h 2323145"/>
              <a:gd name="connsiteX257" fmla="*/ 266777 w 11269336"/>
              <a:gd name="connsiteY257" fmla="*/ 2309012 h 2323145"/>
              <a:gd name="connsiteX258" fmla="*/ 156013 w 11269336"/>
              <a:gd name="connsiteY258" fmla="*/ 2306832 h 2323145"/>
              <a:gd name="connsiteX259" fmla="*/ 87258 w 11269336"/>
              <a:gd name="connsiteY259" fmla="*/ 2285511 h 2323145"/>
              <a:gd name="connsiteX260" fmla="*/ 23798 w 11269336"/>
              <a:gd name="connsiteY260" fmla="*/ 2281822 h 2323145"/>
              <a:gd name="connsiteX261" fmla="*/ 0 w 11269336"/>
              <a:gd name="connsiteY261" fmla="*/ 2285369 h 2323145"/>
              <a:gd name="connsiteX262" fmla="*/ 0 w 11269336"/>
              <a:gd name="connsiteY26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41688 w 11269336"/>
              <a:gd name="connsiteY133" fmla="*/ 2022334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678455 w 11269336"/>
              <a:gd name="connsiteY142" fmla="*/ 2156131 h 2323145"/>
              <a:gd name="connsiteX143" fmla="*/ 4593061 w 11269336"/>
              <a:gd name="connsiteY143" fmla="*/ 2171597 h 2323145"/>
              <a:gd name="connsiteX144" fmla="*/ 4579902 w 11269336"/>
              <a:gd name="connsiteY144" fmla="*/ 2177927 h 2323145"/>
              <a:gd name="connsiteX145" fmla="*/ 4533444 w 11269336"/>
              <a:gd name="connsiteY145" fmla="*/ 2181200 h 2323145"/>
              <a:gd name="connsiteX146" fmla="*/ 4492832 w 11269336"/>
              <a:gd name="connsiteY146" fmla="*/ 2188033 h 2323145"/>
              <a:gd name="connsiteX147" fmla="*/ 4467257 w 11269336"/>
              <a:gd name="connsiteY147" fmla="*/ 2196121 h 2323145"/>
              <a:gd name="connsiteX148" fmla="*/ 4459937 w 11269336"/>
              <a:gd name="connsiteY148" fmla="*/ 2195182 h 2323145"/>
              <a:gd name="connsiteX149" fmla="*/ 4433312 w 11269336"/>
              <a:gd name="connsiteY149" fmla="*/ 2199004 h 2323145"/>
              <a:gd name="connsiteX150" fmla="*/ 4420601 w 11269336"/>
              <a:gd name="connsiteY150" fmla="*/ 2205158 h 2323145"/>
              <a:gd name="connsiteX151" fmla="*/ 4405765 w 11269336"/>
              <a:gd name="connsiteY151" fmla="*/ 2199902 h 2323145"/>
              <a:gd name="connsiteX152" fmla="*/ 4401354 w 11269336"/>
              <a:gd name="connsiteY152" fmla="*/ 2194745 h 2323145"/>
              <a:gd name="connsiteX153" fmla="*/ 4383151 w 11269336"/>
              <a:gd name="connsiteY153" fmla="*/ 2201140 h 2323145"/>
              <a:gd name="connsiteX154" fmla="*/ 4366646 w 11269336"/>
              <a:gd name="connsiteY154" fmla="*/ 2198564 h 2323145"/>
              <a:gd name="connsiteX155" fmla="*/ 4354009 w 11269336"/>
              <a:gd name="connsiteY155" fmla="*/ 2204984 h 2323145"/>
              <a:gd name="connsiteX156" fmla="*/ 4348284 w 11269336"/>
              <a:gd name="connsiteY156" fmla="*/ 2205270 h 2323145"/>
              <a:gd name="connsiteX157" fmla="*/ 4333906 w 11269336"/>
              <a:gd name="connsiteY157" fmla="*/ 2205251 h 2323145"/>
              <a:gd name="connsiteX158" fmla="*/ 4308819 w 11269336"/>
              <a:gd name="connsiteY158" fmla="*/ 2203822 h 2323145"/>
              <a:gd name="connsiteX159" fmla="*/ 4301210 w 11269336"/>
              <a:gd name="connsiteY159" fmla="*/ 2204456 h 2323145"/>
              <a:gd name="connsiteX160" fmla="*/ 4283095 w 11269336"/>
              <a:gd name="connsiteY160" fmla="*/ 2198177 h 2323145"/>
              <a:gd name="connsiteX161" fmla="*/ 4250119 w 11269336"/>
              <a:gd name="connsiteY161" fmla="*/ 2196342 h 2323145"/>
              <a:gd name="connsiteX162" fmla="*/ 4189203 w 11269336"/>
              <a:gd name="connsiteY162" fmla="*/ 2178994 h 2323145"/>
              <a:gd name="connsiteX163" fmla="*/ 4154035 w 11269336"/>
              <a:gd name="connsiteY163" fmla="*/ 2171950 h 2323145"/>
              <a:gd name="connsiteX164" fmla="*/ 4129569 w 11269336"/>
              <a:gd name="connsiteY164" fmla="*/ 2163850 h 2323145"/>
              <a:gd name="connsiteX165" fmla="*/ 4061250 w 11269336"/>
              <a:gd name="connsiteY165" fmla="*/ 2159236 h 2323145"/>
              <a:gd name="connsiteX166" fmla="*/ 3945480 w 11269336"/>
              <a:gd name="connsiteY166" fmla="*/ 2158279 h 2323145"/>
              <a:gd name="connsiteX167" fmla="*/ 3921468 w 11269336"/>
              <a:gd name="connsiteY167" fmla="*/ 2156588 h 2323145"/>
              <a:gd name="connsiteX168" fmla="*/ 3903348 w 11269336"/>
              <a:gd name="connsiteY168" fmla="*/ 2149220 h 2323145"/>
              <a:gd name="connsiteX169" fmla="*/ 3901342 w 11269336"/>
              <a:gd name="connsiteY169" fmla="*/ 2142355 h 2323145"/>
              <a:gd name="connsiteX170" fmla="*/ 3888539 w 11269336"/>
              <a:gd name="connsiteY170" fmla="*/ 2140476 h 2323145"/>
              <a:gd name="connsiteX171" fmla="*/ 3885662 w 11269336"/>
              <a:gd name="connsiteY171" fmla="*/ 2138740 h 2323145"/>
              <a:gd name="connsiteX172" fmla="*/ 3868627 w 11269336"/>
              <a:gd name="connsiteY172" fmla="*/ 2130023 h 2323145"/>
              <a:gd name="connsiteX173" fmla="*/ 3819177 w 11269336"/>
              <a:gd name="connsiteY173" fmla="*/ 2142111 h 2323145"/>
              <a:gd name="connsiteX174" fmla="*/ 3769100 w 11269336"/>
              <a:gd name="connsiteY174" fmla="*/ 2131731 h 2323145"/>
              <a:gd name="connsiteX175" fmla="*/ 3562752 w 11269336"/>
              <a:gd name="connsiteY175" fmla="*/ 2131785 h 2323145"/>
              <a:gd name="connsiteX176" fmla="*/ 3541402 w 11269336"/>
              <a:gd name="connsiteY176" fmla="*/ 2106821 h 2323145"/>
              <a:gd name="connsiteX177" fmla="*/ 3365341 w 11269336"/>
              <a:gd name="connsiteY177" fmla="*/ 2077638 h 2323145"/>
              <a:gd name="connsiteX178" fmla="*/ 3170922 w 11269336"/>
              <a:gd name="connsiteY178" fmla="*/ 2115957 h 2323145"/>
              <a:gd name="connsiteX179" fmla="*/ 3156256 w 11269336"/>
              <a:gd name="connsiteY179" fmla="*/ 2124773 h 2323145"/>
              <a:gd name="connsiteX180" fmla="*/ 3140298 w 11269336"/>
              <a:gd name="connsiteY180" fmla="*/ 2129182 h 2323145"/>
              <a:gd name="connsiteX181" fmla="*/ 3138514 w 11269336"/>
              <a:gd name="connsiteY181" fmla="*/ 2128069 h 2323145"/>
              <a:gd name="connsiteX182" fmla="*/ 3120467 w 11269336"/>
              <a:gd name="connsiteY182" fmla="*/ 2128281 h 2323145"/>
              <a:gd name="connsiteX183" fmla="*/ 3116175 w 11269336"/>
              <a:gd name="connsiteY183" fmla="*/ 2131633 h 2323145"/>
              <a:gd name="connsiteX184" fmla="*/ 3103685 w 11269336"/>
              <a:gd name="connsiteY184" fmla="*/ 2132814 h 2323145"/>
              <a:gd name="connsiteX185" fmla="*/ 3078794 w 11269336"/>
              <a:gd name="connsiteY185" fmla="*/ 2137935 h 2323145"/>
              <a:gd name="connsiteX186" fmla="*/ 3074407 w 11269336"/>
              <a:gd name="connsiteY186" fmla="*/ 2136274 h 2323145"/>
              <a:gd name="connsiteX187" fmla="*/ 3037285 w 11269336"/>
              <a:gd name="connsiteY187" fmla="*/ 2139919 h 2323145"/>
              <a:gd name="connsiteX188" fmla="*/ 3036901 w 11269336"/>
              <a:gd name="connsiteY188" fmla="*/ 2138726 h 2323145"/>
              <a:gd name="connsiteX189" fmla="*/ 3026996 w 11269336"/>
              <a:gd name="connsiteY189" fmla="*/ 2134322 h 2323145"/>
              <a:gd name="connsiteX190" fmla="*/ 3007772 w 11269336"/>
              <a:gd name="connsiteY190" fmla="*/ 2128742 h 2323145"/>
              <a:gd name="connsiteX191" fmla="*/ 2965030 w 11269336"/>
              <a:gd name="connsiteY191" fmla="*/ 2100494 h 2323145"/>
              <a:gd name="connsiteX192" fmla="*/ 2926342 w 11269336"/>
              <a:gd name="connsiteY192" fmla="*/ 2104155 h 2323145"/>
              <a:gd name="connsiteX193" fmla="*/ 2918608 w 11269336"/>
              <a:gd name="connsiteY193" fmla="*/ 2104215 h 2323145"/>
              <a:gd name="connsiteX194" fmla="*/ 2918475 w 11269336"/>
              <a:gd name="connsiteY194" fmla="*/ 2103937 h 2323145"/>
              <a:gd name="connsiteX195" fmla="*/ 2910360 w 11269336"/>
              <a:gd name="connsiteY195" fmla="*/ 2103444 h 2323145"/>
              <a:gd name="connsiteX196" fmla="*/ 2904507 w 11269336"/>
              <a:gd name="connsiteY196" fmla="*/ 2104326 h 2323145"/>
              <a:gd name="connsiteX197" fmla="*/ 2889503 w 11269336"/>
              <a:gd name="connsiteY197" fmla="*/ 2104443 h 2323145"/>
              <a:gd name="connsiteX198" fmla="*/ 2884480 w 11269336"/>
              <a:gd name="connsiteY198" fmla="*/ 2102626 h 2323145"/>
              <a:gd name="connsiteX199" fmla="*/ 2882689 w 11269336"/>
              <a:gd name="connsiteY199" fmla="*/ 2099228 h 2323145"/>
              <a:gd name="connsiteX200" fmla="*/ 2881291 w 11269336"/>
              <a:gd name="connsiteY200" fmla="*/ 2099618 h 2323145"/>
              <a:gd name="connsiteX201" fmla="*/ 2853979 w 11269336"/>
              <a:gd name="connsiteY201" fmla="*/ 2090388 h 2323145"/>
              <a:gd name="connsiteX202" fmla="*/ 2791790 w 11269336"/>
              <a:gd name="connsiteY202" fmla="*/ 2080332 h 2323145"/>
              <a:gd name="connsiteX203" fmla="*/ 2755844 w 11269336"/>
              <a:gd name="connsiteY203" fmla="*/ 2078874 h 2323145"/>
              <a:gd name="connsiteX204" fmla="*/ 2657742 w 11269336"/>
              <a:gd name="connsiteY204" fmla="*/ 2070179 h 2323145"/>
              <a:gd name="connsiteX205" fmla="*/ 2559549 w 11269336"/>
              <a:gd name="connsiteY205" fmla="*/ 2057873 h 2323145"/>
              <a:gd name="connsiteX206" fmla="*/ 2512054 w 11269336"/>
              <a:gd name="connsiteY206" fmla="*/ 2031671 h 2323145"/>
              <a:gd name="connsiteX207" fmla="*/ 2506437 w 11269336"/>
              <a:gd name="connsiteY207" fmla="*/ 2030918 h 2323145"/>
              <a:gd name="connsiteX208" fmla="*/ 2491752 w 11269336"/>
              <a:gd name="connsiteY208" fmla="*/ 2033906 h 2323145"/>
              <a:gd name="connsiteX209" fmla="*/ 2486338 w 11269336"/>
              <a:gd name="connsiteY209" fmla="*/ 2035862 h 2323145"/>
              <a:gd name="connsiteX210" fmla="*/ 2478186 w 11269336"/>
              <a:gd name="connsiteY210" fmla="*/ 2036953 h 2323145"/>
              <a:gd name="connsiteX211" fmla="*/ 2477950 w 11269336"/>
              <a:gd name="connsiteY211" fmla="*/ 2036715 h 2323145"/>
              <a:gd name="connsiteX212" fmla="*/ 2470381 w 11269336"/>
              <a:gd name="connsiteY212" fmla="*/ 2038256 h 2323145"/>
              <a:gd name="connsiteX213" fmla="*/ 2433781 w 11269336"/>
              <a:gd name="connsiteY213" fmla="*/ 2049140 h 2323145"/>
              <a:gd name="connsiteX214" fmla="*/ 2381172 w 11269336"/>
              <a:gd name="connsiteY214" fmla="*/ 2030645 h 2323145"/>
              <a:gd name="connsiteX215" fmla="*/ 2360198 w 11269336"/>
              <a:gd name="connsiteY215" fmla="*/ 2029059 h 2323145"/>
              <a:gd name="connsiteX216" fmla="*/ 2348815 w 11269336"/>
              <a:gd name="connsiteY216" fmla="*/ 2026798 h 2323145"/>
              <a:gd name="connsiteX217" fmla="*/ 2347988 w 11269336"/>
              <a:gd name="connsiteY217" fmla="*/ 2025745 h 2323145"/>
              <a:gd name="connsiteX218" fmla="*/ 2312920 w 11269336"/>
              <a:gd name="connsiteY218" fmla="*/ 2036311 h 2323145"/>
              <a:gd name="connsiteX219" fmla="*/ 2307986 w 11269336"/>
              <a:gd name="connsiteY219" fmla="*/ 2035583 h 2323145"/>
              <a:gd name="connsiteX220" fmla="*/ 2285481 w 11269336"/>
              <a:gd name="connsiteY220" fmla="*/ 2045197 h 2323145"/>
              <a:gd name="connsiteX221" fmla="*/ 2273666 w 11269336"/>
              <a:gd name="connsiteY221" fmla="*/ 2048710 h 2323145"/>
              <a:gd name="connsiteX222" fmla="*/ 2270719 w 11269336"/>
              <a:gd name="connsiteY222" fmla="*/ 2052702 h 2323145"/>
              <a:gd name="connsiteX223" fmla="*/ 2253080 w 11269336"/>
              <a:gd name="connsiteY223" fmla="*/ 2056363 h 2323145"/>
              <a:gd name="connsiteX224" fmla="*/ 2250906 w 11269336"/>
              <a:gd name="connsiteY224" fmla="*/ 2055654 h 2323145"/>
              <a:gd name="connsiteX225" fmla="*/ 2236905 w 11269336"/>
              <a:gd name="connsiteY225" fmla="*/ 2062882 h 2323145"/>
              <a:gd name="connsiteX226" fmla="*/ 2225830 w 11269336"/>
              <a:gd name="connsiteY226" fmla="*/ 2074027 h 2323145"/>
              <a:gd name="connsiteX227" fmla="*/ 2073776 w 11269336"/>
              <a:gd name="connsiteY227" fmla="*/ 2089244 h 2323145"/>
              <a:gd name="connsiteX228" fmla="*/ 1948256 w 11269336"/>
              <a:gd name="connsiteY228" fmla="*/ 2146616 h 2323145"/>
              <a:gd name="connsiteX229" fmla="*/ 1865582 w 11269336"/>
              <a:gd name="connsiteY229" fmla="*/ 2153738 h 2323145"/>
              <a:gd name="connsiteX230" fmla="*/ 1835210 w 11269336"/>
              <a:gd name="connsiteY230" fmla="*/ 2134244 h 2323145"/>
              <a:gd name="connsiteX231" fmla="*/ 1632661 w 11269336"/>
              <a:gd name="connsiteY231" fmla="*/ 2173882 h 2323145"/>
              <a:gd name="connsiteX232" fmla="*/ 1579590 w 11269336"/>
              <a:gd name="connsiteY232" fmla="*/ 2173680 h 2323145"/>
              <a:gd name="connsiteX233" fmla="*/ 1535601 w 11269336"/>
              <a:gd name="connsiteY233" fmla="*/ 2194590 h 2323145"/>
              <a:gd name="connsiteX234" fmla="*/ 1515594 w 11269336"/>
              <a:gd name="connsiteY234" fmla="*/ 2189622 h 2323145"/>
              <a:gd name="connsiteX235" fmla="*/ 1512113 w 11269336"/>
              <a:gd name="connsiteY235" fmla="*/ 2188534 h 2323145"/>
              <a:gd name="connsiteX236" fmla="*/ 1498838 w 11269336"/>
              <a:gd name="connsiteY236" fmla="*/ 2189213 h 2323145"/>
              <a:gd name="connsiteX237" fmla="*/ 1494279 w 11269336"/>
              <a:gd name="connsiteY237" fmla="*/ 2183112 h 2323145"/>
              <a:gd name="connsiteX238" fmla="*/ 1473714 w 11269336"/>
              <a:gd name="connsiteY238" fmla="*/ 2179625 h 2323145"/>
              <a:gd name="connsiteX239" fmla="*/ 1449503 w 11269336"/>
              <a:gd name="connsiteY239" fmla="*/ 2182633 h 2323145"/>
              <a:gd name="connsiteX240" fmla="*/ 1266687 w 11269336"/>
              <a:gd name="connsiteY240" fmla="*/ 2212688 h 2323145"/>
              <a:gd name="connsiteX241" fmla="*/ 1239614 w 11269336"/>
              <a:gd name="connsiteY241" fmla="*/ 2209727 h 2323145"/>
              <a:gd name="connsiteX242" fmla="*/ 1202436 w 11269336"/>
              <a:gd name="connsiteY242" fmla="*/ 2209817 h 2323145"/>
              <a:gd name="connsiteX243" fmla="*/ 1136097 w 11269336"/>
              <a:gd name="connsiteY243" fmla="*/ 2205112 h 2323145"/>
              <a:gd name="connsiteX244" fmla="*/ 988232 w 11269336"/>
              <a:gd name="connsiteY244" fmla="*/ 2235635 h 2323145"/>
              <a:gd name="connsiteX245" fmla="*/ 981959 w 11269336"/>
              <a:gd name="connsiteY245" fmla="*/ 2231607 h 2323145"/>
              <a:gd name="connsiteX246" fmla="*/ 938600 w 11269336"/>
              <a:gd name="connsiteY246" fmla="*/ 2238113 h 2323145"/>
              <a:gd name="connsiteX247" fmla="*/ 791788 w 11269336"/>
              <a:gd name="connsiteY247" fmla="*/ 2293224 h 2323145"/>
              <a:gd name="connsiteX248" fmla="*/ 706914 w 11269336"/>
              <a:gd name="connsiteY248" fmla="*/ 2305046 h 2323145"/>
              <a:gd name="connsiteX249" fmla="*/ 675971 w 11269336"/>
              <a:gd name="connsiteY249" fmla="*/ 2304030 h 2323145"/>
              <a:gd name="connsiteX250" fmla="*/ 624180 w 11269336"/>
              <a:gd name="connsiteY250" fmla="*/ 2302650 h 2323145"/>
              <a:gd name="connsiteX251" fmla="*/ 583453 w 11269336"/>
              <a:gd name="connsiteY251" fmla="*/ 2288788 h 2323145"/>
              <a:gd name="connsiteX252" fmla="*/ 540946 w 11269336"/>
              <a:gd name="connsiteY252" fmla="*/ 2292721 h 2323145"/>
              <a:gd name="connsiteX253" fmla="*/ 533680 w 11269336"/>
              <a:gd name="connsiteY253" fmla="*/ 2310233 h 2323145"/>
              <a:gd name="connsiteX254" fmla="*/ 487366 w 11269336"/>
              <a:gd name="connsiteY254" fmla="*/ 2309053 h 2323145"/>
              <a:gd name="connsiteX255" fmla="*/ 416820 w 11269336"/>
              <a:gd name="connsiteY255" fmla="*/ 2305443 h 2323145"/>
              <a:gd name="connsiteX256" fmla="*/ 376805 w 11269336"/>
              <a:gd name="connsiteY256" fmla="*/ 2307647 h 2323145"/>
              <a:gd name="connsiteX257" fmla="*/ 266777 w 11269336"/>
              <a:gd name="connsiteY257" fmla="*/ 2309012 h 2323145"/>
              <a:gd name="connsiteX258" fmla="*/ 156013 w 11269336"/>
              <a:gd name="connsiteY258" fmla="*/ 2306832 h 2323145"/>
              <a:gd name="connsiteX259" fmla="*/ 87258 w 11269336"/>
              <a:gd name="connsiteY259" fmla="*/ 2285511 h 2323145"/>
              <a:gd name="connsiteX260" fmla="*/ 23798 w 11269336"/>
              <a:gd name="connsiteY260" fmla="*/ 2281822 h 2323145"/>
              <a:gd name="connsiteX261" fmla="*/ 0 w 11269336"/>
              <a:gd name="connsiteY261" fmla="*/ 2285369 h 2323145"/>
              <a:gd name="connsiteX262" fmla="*/ 0 w 11269336"/>
              <a:gd name="connsiteY26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678455 w 11269336"/>
              <a:gd name="connsiteY142" fmla="*/ 2156131 h 2323145"/>
              <a:gd name="connsiteX143" fmla="*/ 4593061 w 11269336"/>
              <a:gd name="connsiteY143" fmla="*/ 2171597 h 2323145"/>
              <a:gd name="connsiteX144" fmla="*/ 4579902 w 11269336"/>
              <a:gd name="connsiteY144" fmla="*/ 2177927 h 2323145"/>
              <a:gd name="connsiteX145" fmla="*/ 4533444 w 11269336"/>
              <a:gd name="connsiteY145" fmla="*/ 2181200 h 2323145"/>
              <a:gd name="connsiteX146" fmla="*/ 4492832 w 11269336"/>
              <a:gd name="connsiteY146" fmla="*/ 2188033 h 2323145"/>
              <a:gd name="connsiteX147" fmla="*/ 4467257 w 11269336"/>
              <a:gd name="connsiteY147" fmla="*/ 2196121 h 2323145"/>
              <a:gd name="connsiteX148" fmla="*/ 4459937 w 11269336"/>
              <a:gd name="connsiteY148" fmla="*/ 2195182 h 2323145"/>
              <a:gd name="connsiteX149" fmla="*/ 4433312 w 11269336"/>
              <a:gd name="connsiteY149" fmla="*/ 2199004 h 2323145"/>
              <a:gd name="connsiteX150" fmla="*/ 4420601 w 11269336"/>
              <a:gd name="connsiteY150" fmla="*/ 2205158 h 2323145"/>
              <a:gd name="connsiteX151" fmla="*/ 4405765 w 11269336"/>
              <a:gd name="connsiteY151" fmla="*/ 2199902 h 2323145"/>
              <a:gd name="connsiteX152" fmla="*/ 4401354 w 11269336"/>
              <a:gd name="connsiteY152" fmla="*/ 2194745 h 2323145"/>
              <a:gd name="connsiteX153" fmla="*/ 4383151 w 11269336"/>
              <a:gd name="connsiteY153" fmla="*/ 2201140 h 2323145"/>
              <a:gd name="connsiteX154" fmla="*/ 4366646 w 11269336"/>
              <a:gd name="connsiteY154" fmla="*/ 2198564 h 2323145"/>
              <a:gd name="connsiteX155" fmla="*/ 4354009 w 11269336"/>
              <a:gd name="connsiteY155" fmla="*/ 2204984 h 2323145"/>
              <a:gd name="connsiteX156" fmla="*/ 4348284 w 11269336"/>
              <a:gd name="connsiteY156" fmla="*/ 2205270 h 2323145"/>
              <a:gd name="connsiteX157" fmla="*/ 4333906 w 11269336"/>
              <a:gd name="connsiteY157" fmla="*/ 2205251 h 2323145"/>
              <a:gd name="connsiteX158" fmla="*/ 4308819 w 11269336"/>
              <a:gd name="connsiteY158" fmla="*/ 2203822 h 2323145"/>
              <a:gd name="connsiteX159" fmla="*/ 4301210 w 11269336"/>
              <a:gd name="connsiteY159" fmla="*/ 2204456 h 2323145"/>
              <a:gd name="connsiteX160" fmla="*/ 4283095 w 11269336"/>
              <a:gd name="connsiteY160" fmla="*/ 2198177 h 2323145"/>
              <a:gd name="connsiteX161" fmla="*/ 4250119 w 11269336"/>
              <a:gd name="connsiteY161" fmla="*/ 2196342 h 2323145"/>
              <a:gd name="connsiteX162" fmla="*/ 4189203 w 11269336"/>
              <a:gd name="connsiteY162" fmla="*/ 2178994 h 2323145"/>
              <a:gd name="connsiteX163" fmla="*/ 4154035 w 11269336"/>
              <a:gd name="connsiteY163" fmla="*/ 2171950 h 2323145"/>
              <a:gd name="connsiteX164" fmla="*/ 4129569 w 11269336"/>
              <a:gd name="connsiteY164" fmla="*/ 2163850 h 2323145"/>
              <a:gd name="connsiteX165" fmla="*/ 4061250 w 11269336"/>
              <a:gd name="connsiteY165" fmla="*/ 2159236 h 2323145"/>
              <a:gd name="connsiteX166" fmla="*/ 3945480 w 11269336"/>
              <a:gd name="connsiteY166" fmla="*/ 2158279 h 2323145"/>
              <a:gd name="connsiteX167" fmla="*/ 3921468 w 11269336"/>
              <a:gd name="connsiteY167" fmla="*/ 2156588 h 2323145"/>
              <a:gd name="connsiteX168" fmla="*/ 3903348 w 11269336"/>
              <a:gd name="connsiteY168" fmla="*/ 2149220 h 2323145"/>
              <a:gd name="connsiteX169" fmla="*/ 3901342 w 11269336"/>
              <a:gd name="connsiteY169" fmla="*/ 2142355 h 2323145"/>
              <a:gd name="connsiteX170" fmla="*/ 3888539 w 11269336"/>
              <a:gd name="connsiteY170" fmla="*/ 2140476 h 2323145"/>
              <a:gd name="connsiteX171" fmla="*/ 3885662 w 11269336"/>
              <a:gd name="connsiteY171" fmla="*/ 2138740 h 2323145"/>
              <a:gd name="connsiteX172" fmla="*/ 3868627 w 11269336"/>
              <a:gd name="connsiteY172" fmla="*/ 2130023 h 2323145"/>
              <a:gd name="connsiteX173" fmla="*/ 3819177 w 11269336"/>
              <a:gd name="connsiteY173" fmla="*/ 2142111 h 2323145"/>
              <a:gd name="connsiteX174" fmla="*/ 3769100 w 11269336"/>
              <a:gd name="connsiteY174" fmla="*/ 2131731 h 2323145"/>
              <a:gd name="connsiteX175" fmla="*/ 3562752 w 11269336"/>
              <a:gd name="connsiteY175" fmla="*/ 2131785 h 2323145"/>
              <a:gd name="connsiteX176" fmla="*/ 3541402 w 11269336"/>
              <a:gd name="connsiteY176" fmla="*/ 2106821 h 2323145"/>
              <a:gd name="connsiteX177" fmla="*/ 3365341 w 11269336"/>
              <a:gd name="connsiteY177" fmla="*/ 2077638 h 2323145"/>
              <a:gd name="connsiteX178" fmla="*/ 3170922 w 11269336"/>
              <a:gd name="connsiteY178" fmla="*/ 2115957 h 2323145"/>
              <a:gd name="connsiteX179" fmla="*/ 3156256 w 11269336"/>
              <a:gd name="connsiteY179" fmla="*/ 2124773 h 2323145"/>
              <a:gd name="connsiteX180" fmla="*/ 3140298 w 11269336"/>
              <a:gd name="connsiteY180" fmla="*/ 2129182 h 2323145"/>
              <a:gd name="connsiteX181" fmla="*/ 3138514 w 11269336"/>
              <a:gd name="connsiteY181" fmla="*/ 2128069 h 2323145"/>
              <a:gd name="connsiteX182" fmla="*/ 3120467 w 11269336"/>
              <a:gd name="connsiteY182" fmla="*/ 2128281 h 2323145"/>
              <a:gd name="connsiteX183" fmla="*/ 3116175 w 11269336"/>
              <a:gd name="connsiteY183" fmla="*/ 2131633 h 2323145"/>
              <a:gd name="connsiteX184" fmla="*/ 3103685 w 11269336"/>
              <a:gd name="connsiteY184" fmla="*/ 2132814 h 2323145"/>
              <a:gd name="connsiteX185" fmla="*/ 3078794 w 11269336"/>
              <a:gd name="connsiteY185" fmla="*/ 2137935 h 2323145"/>
              <a:gd name="connsiteX186" fmla="*/ 3074407 w 11269336"/>
              <a:gd name="connsiteY186" fmla="*/ 2136274 h 2323145"/>
              <a:gd name="connsiteX187" fmla="*/ 3037285 w 11269336"/>
              <a:gd name="connsiteY187" fmla="*/ 2139919 h 2323145"/>
              <a:gd name="connsiteX188" fmla="*/ 3036901 w 11269336"/>
              <a:gd name="connsiteY188" fmla="*/ 2138726 h 2323145"/>
              <a:gd name="connsiteX189" fmla="*/ 3026996 w 11269336"/>
              <a:gd name="connsiteY189" fmla="*/ 2134322 h 2323145"/>
              <a:gd name="connsiteX190" fmla="*/ 3007772 w 11269336"/>
              <a:gd name="connsiteY190" fmla="*/ 2128742 h 2323145"/>
              <a:gd name="connsiteX191" fmla="*/ 2965030 w 11269336"/>
              <a:gd name="connsiteY191" fmla="*/ 2100494 h 2323145"/>
              <a:gd name="connsiteX192" fmla="*/ 2926342 w 11269336"/>
              <a:gd name="connsiteY192" fmla="*/ 2104155 h 2323145"/>
              <a:gd name="connsiteX193" fmla="*/ 2918608 w 11269336"/>
              <a:gd name="connsiteY193" fmla="*/ 2104215 h 2323145"/>
              <a:gd name="connsiteX194" fmla="*/ 2918475 w 11269336"/>
              <a:gd name="connsiteY194" fmla="*/ 2103937 h 2323145"/>
              <a:gd name="connsiteX195" fmla="*/ 2910360 w 11269336"/>
              <a:gd name="connsiteY195" fmla="*/ 2103444 h 2323145"/>
              <a:gd name="connsiteX196" fmla="*/ 2904507 w 11269336"/>
              <a:gd name="connsiteY196" fmla="*/ 2104326 h 2323145"/>
              <a:gd name="connsiteX197" fmla="*/ 2889503 w 11269336"/>
              <a:gd name="connsiteY197" fmla="*/ 2104443 h 2323145"/>
              <a:gd name="connsiteX198" fmla="*/ 2884480 w 11269336"/>
              <a:gd name="connsiteY198" fmla="*/ 2102626 h 2323145"/>
              <a:gd name="connsiteX199" fmla="*/ 2882689 w 11269336"/>
              <a:gd name="connsiteY199" fmla="*/ 2099228 h 2323145"/>
              <a:gd name="connsiteX200" fmla="*/ 2881291 w 11269336"/>
              <a:gd name="connsiteY200" fmla="*/ 2099618 h 2323145"/>
              <a:gd name="connsiteX201" fmla="*/ 2853979 w 11269336"/>
              <a:gd name="connsiteY201" fmla="*/ 2090388 h 2323145"/>
              <a:gd name="connsiteX202" fmla="*/ 2791790 w 11269336"/>
              <a:gd name="connsiteY202" fmla="*/ 2080332 h 2323145"/>
              <a:gd name="connsiteX203" fmla="*/ 2755844 w 11269336"/>
              <a:gd name="connsiteY203" fmla="*/ 2078874 h 2323145"/>
              <a:gd name="connsiteX204" fmla="*/ 2657742 w 11269336"/>
              <a:gd name="connsiteY204" fmla="*/ 2070179 h 2323145"/>
              <a:gd name="connsiteX205" fmla="*/ 2559549 w 11269336"/>
              <a:gd name="connsiteY205" fmla="*/ 2057873 h 2323145"/>
              <a:gd name="connsiteX206" fmla="*/ 2512054 w 11269336"/>
              <a:gd name="connsiteY206" fmla="*/ 2031671 h 2323145"/>
              <a:gd name="connsiteX207" fmla="*/ 2506437 w 11269336"/>
              <a:gd name="connsiteY207" fmla="*/ 2030918 h 2323145"/>
              <a:gd name="connsiteX208" fmla="*/ 2491752 w 11269336"/>
              <a:gd name="connsiteY208" fmla="*/ 2033906 h 2323145"/>
              <a:gd name="connsiteX209" fmla="*/ 2486338 w 11269336"/>
              <a:gd name="connsiteY209" fmla="*/ 2035862 h 2323145"/>
              <a:gd name="connsiteX210" fmla="*/ 2478186 w 11269336"/>
              <a:gd name="connsiteY210" fmla="*/ 2036953 h 2323145"/>
              <a:gd name="connsiteX211" fmla="*/ 2477950 w 11269336"/>
              <a:gd name="connsiteY211" fmla="*/ 2036715 h 2323145"/>
              <a:gd name="connsiteX212" fmla="*/ 2470381 w 11269336"/>
              <a:gd name="connsiteY212" fmla="*/ 2038256 h 2323145"/>
              <a:gd name="connsiteX213" fmla="*/ 2433781 w 11269336"/>
              <a:gd name="connsiteY213" fmla="*/ 2049140 h 2323145"/>
              <a:gd name="connsiteX214" fmla="*/ 2381172 w 11269336"/>
              <a:gd name="connsiteY214" fmla="*/ 2030645 h 2323145"/>
              <a:gd name="connsiteX215" fmla="*/ 2360198 w 11269336"/>
              <a:gd name="connsiteY215" fmla="*/ 2029059 h 2323145"/>
              <a:gd name="connsiteX216" fmla="*/ 2348815 w 11269336"/>
              <a:gd name="connsiteY216" fmla="*/ 2026798 h 2323145"/>
              <a:gd name="connsiteX217" fmla="*/ 2347988 w 11269336"/>
              <a:gd name="connsiteY217" fmla="*/ 2025745 h 2323145"/>
              <a:gd name="connsiteX218" fmla="*/ 2312920 w 11269336"/>
              <a:gd name="connsiteY218" fmla="*/ 2036311 h 2323145"/>
              <a:gd name="connsiteX219" fmla="*/ 2307986 w 11269336"/>
              <a:gd name="connsiteY219" fmla="*/ 2035583 h 2323145"/>
              <a:gd name="connsiteX220" fmla="*/ 2285481 w 11269336"/>
              <a:gd name="connsiteY220" fmla="*/ 2045197 h 2323145"/>
              <a:gd name="connsiteX221" fmla="*/ 2273666 w 11269336"/>
              <a:gd name="connsiteY221" fmla="*/ 2048710 h 2323145"/>
              <a:gd name="connsiteX222" fmla="*/ 2270719 w 11269336"/>
              <a:gd name="connsiteY222" fmla="*/ 2052702 h 2323145"/>
              <a:gd name="connsiteX223" fmla="*/ 2253080 w 11269336"/>
              <a:gd name="connsiteY223" fmla="*/ 2056363 h 2323145"/>
              <a:gd name="connsiteX224" fmla="*/ 2250906 w 11269336"/>
              <a:gd name="connsiteY224" fmla="*/ 2055654 h 2323145"/>
              <a:gd name="connsiteX225" fmla="*/ 2236905 w 11269336"/>
              <a:gd name="connsiteY225" fmla="*/ 2062882 h 2323145"/>
              <a:gd name="connsiteX226" fmla="*/ 2225830 w 11269336"/>
              <a:gd name="connsiteY226" fmla="*/ 2074027 h 2323145"/>
              <a:gd name="connsiteX227" fmla="*/ 2073776 w 11269336"/>
              <a:gd name="connsiteY227" fmla="*/ 2089244 h 2323145"/>
              <a:gd name="connsiteX228" fmla="*/ 1948256 w 11269336"/>
              <a:gd name="connsiteY228" fmla="*/ 2146616 h 2323145"/>
              <a:gd name="connsiteX229" fmla="*/ 1865582 w 11269336"/>
              <a:gd name="connsiteY229" fmla="*/ 2153738 h 2323145"/>
              <a:gd name="connsiteX230" fmla="*/ 1835210 w 11269336"/>
              <a:gd name="connsiteY230" fmla="*/ 2134244 h 2323145"/>
              <a:gd name="connsiteX231" fmla="*/ 1632661 w 11269336"/>
              <a:gd name="connsiteY231" fmla="*/ 2173882 h 2323145"/>
              <a:gd name="connsiteX232" fmla="*/ 1579590 w 11269336"/>
              <a:gd name="connsiteY232" fmla="*/ 2173680 h 2323145"/>
              <a:gd name="connsiteX233" fmla="*/ 1535601 w 11269336"/>
              <a:gd name="connsiteY233" fmla="*/ 2194590 h 2323145"/>
              <a:gd name="connsiteX234" fmla="*/ 1515594 w 11269336"/>
              <a:gd name="connsiteY234" fmla="*/ 2189622 h 2323145"/>
              <a:gd name="connsiteX235" fmla="*/ 1512113 w 11269336"/>
              <a:gd name="connsiteY235" fmla="*/ 2188534 h 2323145"/>
              <a:gd name="connsiteX236" fmla="*/ 1498838 w 11269336"/>
              <a:gd name="connsiteY236" fmla="*/ 2189213 h 2323145"/>
              <a:gd name="connsiteX237" fmla="*/ 1494279 w 11269336"/>
              <a:gd name="connsiteY237" fmla="*/ 2183112 h 2323145"/>
              <a:gd name="connsiteX238" fmla="*/ 1473714 w 11269336"/>
              <a:gd name="connsiteY238" fmla="*/ 2179625 h 2323145"/>
              <a:gd name="connsiteX239" fmla="*/ 1449503 w 11269336"/>
              <a:gd name="connsiteY239" fmla="*/ 2182633 h 2323145"/>
              <a:gd name="connsiteX240" fmla="*/ 1266687 w 11269336"/>
              <a:gd name="connsiteY240" fmla="*/ 2212688 h 2323145"/>
              <a:gd name="connsiteX241" fmla="*/ 1239614 w 11269336"/>
              <a:gd name="connsiteY241" fmla="*/ 2209727 h 2323145"/>
              <a:gd name="connsiteX242" fmla="*/ 1202436 w 11269336"/>
              <a:gd name="connsiteY242" fmla="*/ 2209817 h 2323145"/>
              <a:gd name="connsiteX243" fmla="*/ 1136097 w 11269336"/>
              <a:gd name="connsiteY243" fmla="*/ 2205112 h 2323145"/>
              <a:gd name="connsiteX244" fmla="*/ 988232 w 11269336"/>
              <a:gd name="connsiteY244" fmla="*/ 2235635 h 2323145"/>
              <a:gd name="connsiteX245" fmla="*/ 981959 w 11269336"/>
              <a:gd name="connsiteY245" fmla="*/ 2231607 h 2323145"/>
              <a:gd name="connsiteX246" fmla="*/ 938600 w 11269336"/>
              <a:gd name="connsiteY246" fmla="*/ 2238113 h 2323145"/>
              <a:gd name="connsiteX247" fmla="*/ 791788 w 11269336"/>
              <a:gd name="connsiteY247" fmla="*/ 2293224 h 2323145"/>
              <a:gd name="connsiteX248" fmla="*/ 706914 w 11269336"/>
              <a:gd name="connsiteY248" fmla="*/ 2305046 h 2323145"/>
              <a:gd name="connsiteX249" fmla="*/ 675971 w 11269336"/>
              <a:gd name="connsiteY249" fmla="*/ 2304030 h 2323145"/>
              <a:gd name="connsiteX250" fmla="*/ 624180 w 11269336"/>
              <a:gd name="connsiteY250" fmla="*/ 2302650 h 2323145"/>
              <a:gd name="connsiteX251" fmla="*/ 583453 w 11269336"/>
              <a:gd name="connsiteY251" fmla="*/ 2288788 h 2323145"/>
              <a:gd name="connsiteX252" fmla="*/ 540946 w 11269336"/>
              <a:gd name="connsiteY252" fmla="*/ 2292721 h 2323145"/>
              <a:gd name="connsiteX253" fmla="*/ 533680 w 11269336"/>
              <a:gd name="connsiteY253" fmla="*/ 2310233 h 2323145"/>
              <a:gd name="connsiteX254" fmla="*/ 487366 w 11269336"/>
              <a:gd name="connsiteY254" fmla="*/ 2309053 h 2323145"/>
              <a:gd name="connsiteX255" fmla="*/ 416820 w 11269336"/>
              <a:gd name="connsiteY255" fmla="*/ 2305443 h 2323145"/>
              <a:gd name="connsiteX256" fmla="*/ 376805 w 11269336"/>
              <a:gd name="connsiteY256" fmla="*/ 2307647 h 2323145"/>
              <a:gd name="connsiteX257" fmla="*/ 266777 w 11269336"/>
              <a:gd name="connsiteY257" fmla="*/ 2309012 h 2323145"/>
              <a:gd name="connsiteX258" fmla="*/ 156013 w 11269336"/>
              <a:gd name="connsiteY258" fmla="*/ 2306832 h 2323145"/>
              <a:gd name="connsiteX259" fmla="*/ 87258 w 11269336"/>
              <a:gd name="connsiteY259" fmla="*/ 2285511 h 2323145"/>
              <a:gd name="connsiteX260" fmla="*/ 23798 w 11269336"/>
              <a:gd name="connsiteY260" fmla="*/ 2281822 h 2323145"/>
              <a:gd name="connsiteX261" fmla="*/ 0 w 11269336"/>
              <a:gd name="connsiteY261" fmla="*/ 2285369 h 2323145"/>
              <a:gd name="connsiteX262" fmla="*/ 0 w 11269336"/>
              <a:gd name="connsiteY26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678455 w 11269336"/>
              <a:gd name="connsiteY142" fmla="*/ 2156131 h 2323145"/>
              <a:gd name="connsiteX143" fmla="*/ 4593061 w 11269336"/>
              <a:gd name="connsiteY143" fmla="*/ 2171597 h 2323145"/>
              <a:gd name="connsiteX144" fmla="*/ 4533444 w 11269336"/>
              <a:gd name="connsiteY144" fmla="*/ 2181200 h 2323145"/>
              <a:gd name="connsiteX145" fmla="*/ 4492832 w 11269336"/>
              <a:gd name="connsiteY145" fmla="*/ 2188033 h 2323145"/>
              <a:gd name="connsiteX146" fmla="*/ 4467257 w 11269336"/>
              <a:gd name="connsiteY146" fmla="*/ 2196121 h 2323145"/>
              <a:gd name="connsiteX147" fmla="*/ 4459937 w 11269336"/>
              <a:gd name="connsiteY147" fmla="*/ 2195182 h 2323145"/>
              <a:gd name="connsiteX148" fmla="*/ 4433312 w 11269336"/>
              <a:gd name="connsiteY148" fmla="*/ 2199004 h 2323145"/>
              <a:gd name="connsiteX149" fmla="*/ 4420601 w 11269336"/>
              <a:gd name="connsiteY149" fmla="*/ 2205158 h 2323145"/>
              <a:gd name="connsiteX150" fmla="*/ 4405765 w 11269336"/>
              <a:gd name="connsiteY150" fmla="*/ 2199902 h 2323145"/>
              <a:gd name="connsiteX151" fmla="*/ 4401354 w 11269336"/>
              <a:gd name="connsiteY151" fmla="*/ 2194745 h 2323145"/>
              <a:gd name="connsiteX152" fmla="*/ 4383151 w 11269336"/>
              <a:gd name="connsiteY152" fmla="*/ 2201140 h 2323145"/>
              <a:gd name="connsiteX153" fmla="*/ 4366646 w 11269336"/>
              <a:gd name="connsiteY153" fmla="*/ 2198564 h 2323145"/>
              <a:gd name="connsiteX154" fmla="*/ 4354009 w 11269336"/>
              <a:gd name="connsiteY154" fmla="*/ 2204984 h 2323145"/>
              <a:gd name="connsiteX155" fmla="*/ 4348284 w 11269336"/>
              <a:gd name="connsiteY155" fmla="*/ 2205270 h 2323145"/>
              <a:gd name="connsiteX156" fmla="*/ 4333906 w 11269336"/>
              <a:gd name="connsiteY156" fmla="*/ 2205251 h 2323145"/>
              <a:gd name="connsiteX157" fmla="*/ 4308819 w 11269336"/>
              <a:gd name="connsiteY157" fmla="*/ 2203822 h 2323145"/>
              <a:gd name="connsiteX158" fmla="*/ 4301210 w 11269336"/>
              <a:gd name="connsiteY158" fmla="*/ 2204456 h 2323145"/>
              <a:gd name="connsiteX159" fmla="*/ 4283095 w 11269336"/>
              <a:gd name="connsiteY159" fmla="*/ 2198177 h 2323145"/>
              <a:gd name="connsiteX160" fmla="*/ 4250119 w 11269336"/>
              <a:gd name="connsiteY160" fmla="*/ 2196342 h 2323145"/>
              <a:gd name="connsiteX161" fmla="*/ 4189203 w 11269336"/>
              <a:gd name="connsiteY161" fmla="*/ 2178994 h 2323145"/>
              <a:gd name="connsiteX162" fmla="*/ 4154035 w 11269336"/>
              <a:gd name="connsiteY162" fmla="*/ 2171950 h 2323145"/>
              <a:gd name="connsiteX163" fmla="*/ 4129569 w 11269336"/>
              <a:gd name="connsiteY163" fmla="*/ 2163850 h 2323145"/>
              <a:gd name="connsiteX164" fmla="*/ 4061250 w 11269336"/>
              <a:gd name="connsiteY164" fmla="*/ 2159236 h 2323145"/>
              <a:gd name="connsiteX165" fmla="*/ 3945480 w 11269336"/>
              <a:gd name="connsiteY165" fmla="*/ 2158279 h 2323145"/>
              <a:gd name="connsiteX166" fmla="*/ 3921468 w 11269336"/>
              <a:gd name="connsiteY166" fmla="*/ 2156588 h 2323145"/>
              <a:gd name="connsiteX167" fmla="*/ 3903348 w 11269336"/>
              <a:gd name="connsiteY167" fmla="*/ 2149220 h 2323145"/>
              <a:gd name="connsiteX168" fmla="*/ 3901342 w 11269336"/>
              <a:gd name="connsiteY168" fmla="*/ 2142355 h 2323145"/>
              <a:gd name="connsiteX169" fmla="*/ 3888539 w 11269336"/>
              <a:gd name="connsiteY169" fmla="*/ 2140476 h 2323145"/>
              <a:gd name="connsiteX170" fmla="*/ 3885662 w 11269336"/>
              <a:gd name="connsiteY170" fmla="*/ 2138740 h 2323145"/>
              <a:gd name="connsiteX171" fmla="*/ 3868627 w 11269336"/>
              <a:gd name="connsiteY171" fmla="*/ 2130023 h 2323145"/>
              <a:gd name="connsiteX172" fmla="*/ 3819177 w 11269336"/>
              <a:gd name="connsiteY172" fmla="*/ 2142111 h 2323145"/>
              <a:gd name="connsiteX173" fmla="*/ 3769100 w 11269336"/>
              <a:gd name="connsiteY173" fmla="*/ 2131731 h 2323145"/>
              <a:gd name="connsiteX174" fmla="*/ 3562752 w 11269336"/>
              <a:gd name="connsiteY174" fmla="*/ 2131785 h 2323145"/>
              <a:gd name="connsiteX175" fmla="*/ 3541402 w 11269336"/>
              <a:gd name="connsiteY175" fmla="*/ 2106821 h 2323145"/>
              <a:gd name="connsiteX176" fmla="*/ 3365341 w 11269336"/>
              <a:gd name="connsiteY176" fmla="*/ 2077638 h 2323145"/>
              <a:gd name="connsiteX177" fmla="*/ 3170922 w 11269336"/>
              <a:gd name="connsiteY177" fmla="*/ 2115957 h 2323145"/>
              <a:gd name="connsiteX178" fmla="*/ 3156256 w 11269336"/>
              <a:gd name="connsiteY178" fmla="*/ 2124773 h 2323145"/>
              <a:gd name="connsiteX179" fmla="*/ 3140298 w 11269336"/>
              <a:gd name="connsiteY179" fmla="*/ 2129182 h 2323145"/>
              <a:gd name="connsiteX180" fmla="*/ 3138514 w 11269336"/>
              <a:gd name="connsiteY180" fmla="*/ 2128069 h 2323145"/>
              <a:gd name="connsiteX181" fmla="*/ 3120467 w 11269336"/>
              <a:gd name="connsiteY181" fmla="*/ 2128281 h 2323145"/>
              <a:gd name="connsiteX182" fmla="*/ 3116175 w 11269336"/>
              <a:gd name="connsiteY182" fmla="*/ 2131633 h 2323145"/>
              <a:gd name="connsiteX183" fmla="*/ 3103685 w 11269336"/>
              <a:gd name="connsiteY183" fmla="*/ 2132814 h 2323145"/>
              <a:gd name="connsiteX184" fmla="*/ 3078794 w 11269336"/>
              <a:gd name="connsiteY184" fmla="*/ 2137935 h 2323145"/>
              <a:gd name="connsiteX185" fmla="*/ 3074407 w 11269336"/>
              <a:gd name="connsiteY185" fmla="*/ 2136274 h 2323145"/>
              <a:gd name="connsiteX186" fmla="*/ 3037285 w 11269336"/>
              <a:gd name="connsiteY186" fmla="*/ 2139919 h 2323145"/>
              <a:gd name="connsiteX187" fmla="*/ 3036901 w 11269336"/>
              <a:gd name="connsiteY187" fmla="*/ 2138726 h 2323145"/>
              <a:gd name="connsiteX188" fmla="*/ 3026996 w 11269336"/>
              <a:gd name="connsiteY188" fmla="*/ 2134322 h 2323145"/>
              <a:gd name="connsiteX189" fmla="*/ 3007772 w 11269336"/>
              <a:gd name="connsiteY189" fmla="*/ 2128742 h 2323145"/>
              <a:gd name="connsiteX190" fmla="*/ 2965030 w 11269336"/>
              <a:gd name="connsiteY190" fmla="*/ 2100494 h 2323145"/>
              <a:gd name="connsiteX191" fmla="*/ 2926342 w 11269336"/>
              <a:gd name="connsiteY191" fmla="*/ 2104155 h 2323145"/>
              <a:gd name="connsiteX192" fmla="*/ 2918608 w 11269336"/>
              <a:gd name="connsiteY192" fmla="*/ 2104215 h 2323145"/>
              <a:gd name="connsiteX193" fmla="*/ 2918475 w 11269336"/>
              <a:gd name="connsiteY193" fmla="*/ 2103937 h 2323145"/>
              <a:gd name="connsiteX194" fmla="*/ 2910360 w 11269336"/>
              <a:gd name="connsiteY194" fmla="*/ 2103444 h 2323145"/>
              <a:gd name="connsiteX195" fmla="*/ 2904507 w 11269336"/>
              <a:gd name="connsiteY195" fmla="*/ 2104326 h 2323145"/>
              <a:gd name="connsiteX196" fmla="*/ 2889503 w 11269336"/>
              <a:gd name="connsiteY196" fmla="*/ 2104443 h 2323145"/>
              <a:gd name="connsiteX197" fmla="*/ 2884480 w 11269336"/>
              <a:gd name="connsiteY197" fmla="*/ 2102626 h 2323145"/>
              <a:gd name="connsiteX198" fmla="*/ 2882689 w 11269336"/>
              <a:gd name="connsiteY198" fmla="*/ 2099228 h 2323145"/>
              <a:gd name="connsiteX199" fmla="*/ 2881291 w 11269336"/>
              <a:gd name="connsiteY199" fmla="*/ 2099618 h 2323145"/>
              <a:gd name="connsiteX200" fmla="*/ 2853979 w 11269336"/>
              <a:gd name="connsiteY200" fmla="*/ 2090388 h 2323145"/>
              <a:gd name="connsiteX201" fmla="*/ 2791790 w 11269336"/>
              <a:gd name="connsiteY201" fmla="*/ 2080332 h 2323145"/>
              <a:gd name="connsiteX202" fmla="*/ 2755844 w 11269336"/>
              <a:gd name="connsiteY202" fmla="*/ 2078874 h 2323145"/>
              <a:gd name="connsiteX203" fmla="*/ 2657742 w 11269336"/>
              <a:gd name="connsiteY203" fmla="*/ 2070179 h 2323145"/>
              <a:gd name="connsiteX204" fmla="*/ 2559549 w 11269336"/>
              <a:gd name="connsiteY204" fmla="*/ 2057873 h 2323145"/>
              <a:gd name="connsiteX205" fmla="*/ 2512054 w 11269336"/>
              <a:gd name="connsiteY205" fmla="*/ 2031671 h 2323145"/>
              <a:gd name="connsiteX206" fmla="*/ 2506437 w 11269336"/>
              <a:gd name="connsiteY206" fmla="*/ 2030918 h 2323145"/>
              <a:gd name="connsiteX207" fmla="*/ 2491752 w 11269336"/>
              <a:gd name="connsiteY207" fmla="*/ 2033906 h 2323145"/>
              <a:gd name="connsiteX208" fmla="*/ 2486338 w 11269336"/>
              <a:gd name="connsiteY208" fmla="*/ 2035862 h 2323145"/>
              <a:gd name="connsiteX209" fmla="*/ 2478186 w 11269336"/>
              <a:gd name="connsiteY209" fmla="*/ 2036953 h 2323145"/>
              <a:gd name="connsiteX210" fmla="*/ 2477950 w 11269336"/>
              <a:gd name="connsiteY210" fmla="*/ 2036715 h 2323145"/>
              <a:gd name="connsiteX211" fmla="*/ 2470381 w 11269336"/>
              <a:gd name="connsiteY211" fmla="*/ 2038256 h 2323145"/>
              <a:gd name="connsiteX212" fmla="*/ 2433781 w 11269336"/>
              <a:gd name="connsiteY212" fmla="*/ 2049140 h 2323145"/>
              <a:gd name="connsiteX213" fmla="*/ 2381172 w 11269336"/>
              <a:gd name="connsiteY213" fmla="*/ 2030645 h 2323145"/>
              <a:gd name="connsiteX214" fmla="*/ 2360198 w 11269336"/>
              <a:gd name="connsiteY214" fmla="*/ 2029059 h 2323145"/>
              <a:gd name="connsiteX215" fmla="*/ 2348815 w 11269336"/>
              <a:gd name="connsiteY215" fmla="*/ 2026798 h 2323145"/>
              <a:gd name="connsiteX216" fmla="*/ 2347988 w 11269336"/>
              <a:gd name="connsiteY216" fmla="*/ 2025745 h 2323145"/>
              <a:gd name="connsiteX217" fmla="*/ 2312920 w 11269336"/>
              <a:gd name="connsiteY217" fmla="*/ 2036311 h 2323145"/>
              <a:gd name="connsiteX218" fmla="*/ 2307986 w 11269336"/>
              <a:gd name="connsiteY218" fmla="*/ 2035583 h 2323145"/>
              <a:gd name="connsiteX219" fmla="*/ 2285481 w 11269336"/>
              <a:gd name="connsiteY219" fmla="*/ 2045197 h 2323145"/>
              <a:gd name="connsiteX220" fmla="*/ 2273666 w 11269336"/>
              <a:gd name="connsiteY220" fmla="*/ 2048710 h 2323145"/>
              <a:gd name="connsiteX221" fmla="*/ 2270719 w 11269336"/>
              <a:gd name="connsiteY221" fmla="*/ 2052702 h 2323145"/>
              <a:gd name="connsiteX222" fmla="*/ 2253080 w 11269336"/>
              <a:gd name="connsiteY222" fmla="*/ 2056363 h 2323145"/>
              <a:gd name="connsiteX223" fmla="*/ 2250906 w 11269336"/>
              <a:gd name="connsiteY223" fmla="*/ 2055654 h 2323145"/>
              <a:gd name="connsiteX224" fmla="*/ 2236905 w 11269336"/>
              <a:gd name="connsiteY224" fmla="*/ 2062882 h 2323145"/>
              <a:gd name="connsiteX225" fmla="*/ 2225830 w 11269336"/>
              <a:gd name="connsiteY225" fmla="*/ 2074027 h 2323145"/>
              <a:gd name="connsiteX226" fmla="*/ 2073776 w 11269336"/>
              <a:gd name="connsiteY226" fmla="*/ 2089244 h 2323145"/>
              <a:gd name="connsiteX227" fmla="*/ 1948256 w 11269336"/>
              <a:gd name="connsiteY227" fmla="*/ 2146616 h 2323145"/>
              <a:gd name="connsiteX228" fmla="*/ 1865582 w 11269336"/>
              <a:gd name="connsiteY228" fmla="*/ 2153738 h 2323145"/>
              <a:gd name="connsiteX229" fmla="*/ 1835210 w 11269336"/>
              <a:gd name="connsiteY229" fmla="*/ 2134244 h 2323145"/>
              <a:gd name="connsiteX230" fmla="*/ 1632661 w 11269336"/>
              <a:gd name="connsiteY230" fmla="*/ 2173882 h 2323145"/>
              <a:gd name="connsiteX231" fmla="*/ 1579590 w 11269336"/>
              <a:gd name="connsiteY231" fmla="*/ 2173680 h 2323145"/>
              <a:gd name="connsiteX232" fmla="*/ 1535601 w 11269336"/>
              <a:gd name="connsiteY232" fmla="*/ 2194590 h 2323145"/>
              <a:gd name="connsiteX233" fmla="*/ 1515594 w 11269336"/>
              <a:gd name="connsiteY233" fmla="*/ 2189622 h 2323145"/>
              <a:gd name="connsiteX234" fmla="*/ 1512113 w 11269336"/>
              <a:gd name="connsiteY234" fmla="*/ 2188534 h 2323145"/>
              <a:gd name="connsiteX235" fmla="*/ 1498838 w 11269336"/>
              <a:gd name="connsiteY235" fmla="*/ 2189213 h 2323145"/>
              <a:gd name="connsiteX236" fmla="*/ 1494279 w 11269336"/>
              <a:gd name="connsiteY236" fmla="*/ 2183112 h 2323145"/>
              <a:gd name="connsiteX237" fmla="*/ 1473714 w 11269336"/>
              <a:gd name="connsiteY237" fmla="*/ 2179625 h 2323145"/>
              <a:gd name="connsiteX238" fmla="*/ 1449503 w 11269336"/>
              <a:gd name="connsiteY238" fmla="*/ 2182633 h 2323145"/>
              <a:gd name="connsiteX239" fmla="*/ 1266687 w 11269336"/>
              <a:gd name="connsiteY239" fmla="*/ 2212688 h 2323145"/>
              <a:gd name="connsiteX240" fmla="*/ 1239614 w 11269336"/>
              <a:gd name="connsiteY240" fmla="*/ 2209727 h 2323145"/>
              <a:gd name="connsiteX241" fmla="*/ 1202436 w 11269336"/>
              <a:gd name="connsiteY241" fmla="*/ 2209817 h 2323145"/>
              <a:gd name="connsiteX242" fmla="*/ 1136097 w 11269336"/>
              <a:gd name="connsiteY242" fmla="*/ 2205112 h 2323145"/>
              <a:gd name="connsiteX243" fmla="*/ 988232 w 11269336"/>
              <a:gd name="connsiteY243" fmla="*/ 2235635 h 2323145"/>
              <a:gd name="connsiteX244" fmla="*/ 981959 w 11269336"/>
              <a:gd name="connsiteY244" fmla="*/ 2231607 h 2323145"/>
              <a:gd name="connsiteX245" fmla="*/ 938600 w 11269336"/>
              <a:gd name="connsiteY245" fmla="*/ 2238113 h 2323145"/>
              <a:gd name="connsiteX246" fmla="*/ 791788 w 11269336"/>
              <a:gd name="connsiteY246" fmla="*/ 2293224 h 2323145"/>
              <a:gd name="connsiteX247" fmla="*/ 706914 w 11269336"/>
              <a:gd name="connsiteY247" fmla="*/ 2305046 h 2323145"/>
              <a:gd name="connsiteX248" fmla="*/ 675971 w 11269336"/>
              <a:gd name="connsiteY248" fmla="*/ 2304030 h 2323145"/>
              <a:gd name="connsiteX249" fmla="*/ 624180 w 11269336"/>
              <a:gd name="connsiteY249" fmla="*/ 2302650 h 2323145"/>
              <a:gd name="connsiteX250" fmla="*/ 583453 w 11269336"/>
              <a:gd name="connsiteY250" fmla="*/ 2288788 h 2323145"/>
              <a:gd name="connsiteX251" fmla="*/ 540946 w 11269336"/>
              <a:gd name="connsiteY251" fmla="*/ 2292721 h 2323145"/>
              <a:gd name="connsiteX252" fmla="*/ 533680 w 11269336"/>
              <a:gd name="connsiteY252" fmla="*/ 2310233 h 2323145"/>
              <a:gd name="connsiteX253" fmla="*/ 487366 w 11269336"/>
              <a:gd name="connsiteY253" fmla="*/ 2309053 h 2323145"/>
              <a:gd name="connsiteX254" fmla="*/ 416820 w 11269336"/>
              <a:gd name="connsiteY254" fmla="*/ 2305443 h 2323145"/>
              <a:gd name="connsiteX255" fmla="*/ 376805 w 11269336"/>
              <a:gd name="connsiteY255" fmla="*/ 2307647 h 2323145"/>
              <a:gd name="connsiteX256" fmla="*/ 266777 w 11269336"/>
              <a:gd name="connsiteY256" fmla="*/ 2309012 h 2323145"/>
              <a:gd name="connsiteX257" fmla="*/ 156013 w 11269336"/>
              <a:gd name="connsiteY257" fmla="*/ 2306832 h 2323145"/>
              <a:gd name="connsiteX258" fmla="*/ 87258 w 11269336"/>
              <a:gd name="connsiteY258" fmla="*/ 2285511 h 2323145"/>
              <a:gd name="connsiteX259" fmla="*/ 23798 w 11269336"/>
              <a:gd name="connsiteY259" fmla="*/ 2281822 h 2323145"/>
              <a:gd name="connsiteX260" fmla="*/ 0 w 11269336"/>
              <a:gd name="connsiteY260" fmla="*/ 2285369 h 2323145"/>
              <a:gd name="connsiteX261" fmla="*/ 0 w 11269336"/>
              <a:gd name="connsiteY261"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702453 w 11269336"/>
              <a:gd name="connsiteY141" fmla="*/ 2151586 h 2323145"/>
              <a:gd name="connsiteX142" fmla="*/ 4593061 w 11269336"/>
              <a:gd name="connsiteY142" fmla="*/ 2171597 h 2323145"/>
              <a:gd name="connsiteX143" fmla="*/ 4533444 w 11269336"/>
              <a:gd name="connsiteY143" fmla="*/ 2181200 h 2323145"/>
              <a:gd name="connsiteX144" fmla="*/ 4492832 w 11269336"/>
              <a:gd name="connsiteY144" fmla="*/ 2188033 h 2323145"/>
              <a:gd name="connsiteX145" fmla="*/ 4467257 w 11269336"/>
              <a:gd name="connsiteY145" fmla="*/ 2196121 h 2323145"/>
              <a:gd name="connsiteX146" fmla="*/ 4459937 w 11269336"/>
              <a:gd name="connsiteY146" fmla="*/ 2195182 h 2323145"/>
              <a:gd name="connsiteX147" fmla="*/ 4433312 w 11269336"/>
              <a:gd name="connsiteY147" fmla="*/ 2199004 h 2323145"/>
              <a:gd name="connsiteX148" fmla="*/ 4420601 w 11269336"/>
              <a:gd name="connsiteY148" fmla="*/ 2205158 h 2323145"/>
              <a:gd name="connsiteX149" fmla="*/ 4405765 w 11269336"/>
              <a:gd name="connsiteY149" fmla="*/ 2199902 h 2323145"/>
              <a:gd name="connsiteX150" fmla="*/ 4401354 w 11269336"/>
              <a:gd name="connsiteY150" fmla="*/ 2194745 h 2323145"/>
              <a:gd name="connsiteX151" fmla="*/ 4383151 w 11269336"/>
              <a:gd name="connsiteY151" fmla="*/ 2201140 h 2323145"/>
              <a:gd name="connsiteX152" fmla="*/ 4366646 w 11269336"/>
              <a:gd name="connsiteY152" fmla="*/ 2198564 h 2323145"/>
              <a:gd name="connsiteX153" fmla="*/ 4354009 w 11269336"/>
              <a:gd name="connsiteY153" fmla="*/ 2204984 h 2323145"/>
              <a:gd name="connsiteX154" fmla="*/ 4348284 w 11269336"/>
              <a:gd name="connsiteY154" fmla="*/ 2205270 h 2323145"/>
              <a:gd name="connsiteX155" fmla="*/ 4333906 w 11269336"/>
              <a:gd name="connsiteY155" fmla="*/ 2205251 h 2323145"/>
              <a:gd name="connsiteX156" fmla="*/ 4308819 w 11269336"/>
              <a:gd name="connsiteY156" fmla="*/ 2203822 h 2323145"/>
              <a:gd name="connsiteX157" fmla="*/ 4301210 w 11269336"/>
              <a:gd name="connsiteY157" fmla="*/ 2204456 h 2323145"/>
              <a:gd name="connsiteX158" fmla="*/ 4283095 w 11269336"/>
              <a:gd name="connsiteY158" fmla="*/ 2198177 h 2323145"/>
              <a:gd name="connsiteX159" fmla="*/ 4250119 w 11269336"/>
              <a:gd name="connsiteY159" fmla="*/ 2196342 h 2323145"/>
              <a:gd name="connsiteX160" fmla="*/ 4189203 w 11269336"/>
              <a:gd name="connsiteY160" fmla="*/ 2178994 h 2323145"/>
              <a:gd name="connsiteX161" fmla="*/ 4154035 w 11269336"/>
              <a:gd name="connsiteY161" fmla="*/ 2171950 h 2323145"/>
              <a:gd name="connsiteX162" fmla="*/ 4129569 w 11269336"/>
              <a:gd name="connsiteY162" fmla="*/ 2163850 h 2323145"/>
              <a:gd name="connsiteX163" fmla="*/ 4061250 w 11269336"/>
              <a:gd name="connsiteY163" fmla="*/ 2159236 h 2323145"/>
              <a:gd name="connsiteX164" fmla="*/ 3945480 w 11269336"/>
              <a:gd name="connsiteY164" fmla="*/ 2158279 h 2323145"/>
              <a:gd name="connsiteX165" fmla="*/ 3921468 w 11269336"/>
              <a:gd name="connsiteY165" fmla="*/ 2156588 h 2323145"/>
              <a:gd name="connsiteX166" fmla="*/ 3903348 w 11269336"/>
              <a:gd name="connsiteY166" fmla="*/ 2149220 h 2323145"/>
              <a:gd name="connsiteX167" fmla="*/ 3901342 w 11269336"/>
              <a:gd name="connsiteY167" fmla="*/ 2142355 h 2323145"/>
              <a:gd name="connsiteX168" fmla="*/ 3888539 w 11269336"/>
              <a:gd name="connsiteY168" fmla="*/ 2140476 h 2323145"/>
              <a:gd name="connsiteX169" fmla="*/ 3885662 w 11269336"/>
              <a:gd name="connsiteY169" fmla="*/ 2138740 h 2323145"/>
              <a:gd name="connsiteX170" fmla="*/ 3868627 w 11269336"/>
              <a:gd name="connsiteY170" fmla="*/ 2130023 h 2323145"/>
              <a:gd name="connsiteX171" fmla="*/ 3819177 w 11269336"/>
              <a:gd name="connsiteY171" fmla="*/ 2142111 h 2323145"/>
              <a:gd name="connsiteX172" fmla="*/ 3769100 w 11269336"/>
              <a:gd name="connsiteY172" fmla="*/ 2131731 h 2323145"/>
              <a:gd name="connsiteX173" fmla="*/ 3562752 w 11269336"/>
              <a:gd name="connsiteY173" fmla="*/ 2131785 h 2323145"/>
              <a:gd name="connsiteX174" fmla="*/ 3541402 w 11269336"/>
              <a:gd name="connsiteY174" fmla="*/ 2106821 h 2323145"/>
              <a:gd name="connsiteX175" fmla="*/ 3365341 w 11269336"/>
              <a:gd name="connsiteY175" fmla="*/ 2077638 h 2323145"/>
              <a:gd name="connsiteX176" fmla="*/ 3170922 w 11269336"/>
              <a:gd name="connsiteY176" fmla="*/ 2115957 h 2323145"/>
              <a:gd name="connsiteX177" fmla="*/ 3156256 w 11269336"/>
              <a:gd name="connsiteY177" fmla="*/ 2124773 h 2323145"/>
              <a:gd name="connsiteX178" fmla="*/ 3140298 w 11269336"/>
              <a:gd name="connsiteY178" fmla="*/ 2129182 h 2323145"/>
              <a:gd name="connsiteX179" fmla="*/ 3138514 w 11269336"/>
              <a:gd name="connsiteY179" fmla="*/ 2128069 h 2323145"/>
              <a:gd name="connsiteX180" fmla="*/ 3120467 w 11269336"/>
              <a:gd name="connsiteY180" fmla="*/ 2128281 h 2323145"/>
              <a:gd name="connsiteX181" fmla="*/ 3116175 w 11269336"/>
              <a:gd name="connsiteY181" fmla="*/ 2131633 h 2323145"/>
              <a:gd name="connsiteX182" fmla="*/ 3103685 w 11269336"/>
              <a:gd name="connsiteY182" fmla="*/ 2132814 h 2323145"/>
              <a:gd name="connsiteX183" fmla="*/ 3078794 w 11269336"/>
              <a:gd name="connsiteY183" fmla="*/ 2137935 h 2323145"/>
              <a:gd name="connsiteX184" fmla="*/ 3074407 w 11269336"/>
              <a:gd name="connsiteY184" fmla="*/ 2136274 h 2323145"/>
              <a:gd name="connsiteX185" fmla="*/ 3037285 w 11269336"/>
              <a:gd name="connsiteY185" fmla="*/ 2139919 h 2323145"/>
              <a:gd name="connsiteX186" fmla="*/ 3036901 w 11269336"/>
              <a:gd name="connsiteY186" fmla="*/ 2138726 h 2323145"/>
              <a:gd name="connsiteX187" fmla="*/ 3026996 w 11269336"/>
              <a:gd name="connsiteY187" fmla="*/ 2134322 h 2323145"/>
              <a:gd name="connsiteX188" fmla="*/ 3007772 w 11269336"/>
              <a:gd name="connsiteY188" fmla="*/ 2128742 h 2323145"/>
              <a:gd name="connsiteX189" fmla="*/ 2965030 w 11269336"/>
              <a:gd name="connsiteY189" fmla="*/ 2100494 h 2323145"/>
              <a:gd name="connsiteX190" fmla="*/ 2926342 w 11269336"/>
              <a:gd name="connsiteY190" fmla="*/ 2104155 h 2323145"/>
              <a:gd name="connsiteX191" fmla="*/ 2918608 w 11269336"/>
              <a:gd name="connsiteY191" fmla="*/ 2104215 h 2323145"/>
              <a:gd name="connsiteX192" fmla="*/ 2918475 w 11269336"/>
              <a:gd name="connsiteY192" fmla="*/ 2103937 h 2323145"/>
              <a:gd name="connsiteX193" fmla="*/ 2910360 w 11269336"/>
              <a:gd name="connsiteY193" fmla="*/ 2103444 h 2323145"/>
              <a:gd name="connsiteX194" fmla="*/ 2904507 w 11269336"/>
              <a:gd name="connsiteY194" fmla="*/ 2104326 h 2323145"/>
              <a:gd name="connsiteX195" fmla="*/ 2889503 w 11269336"/>
              <a:gd name="connsiteY195" fmla="*/ 2104443 h 2323145"/>
              <a:gd name="connsiteX196" fmla="*/ 2884480 w 11269336"/>
              <a:gd name="connsiteY196" fmla="*/ 2102626 h 2323145"/>
              <a:gd name="connsiteX197" fmla="*/ 2882689 w 11269336"/>
              <a:gd name="connsiteY197" fmla="*/ 2099228 h 2323145"/>
              <a:gd name="connsiteX198" fmla="*/ 2881291 w 11269336"/>
              <a:gd name="connsiteY198" fmla="*/ 2099618 h 2323145"/>
              <a:gd name="connsiteX199" fmla="*/ 2853979 w 11269336"/>
              <a:gd name="connsiteY199" fmla="*/ 2090388 h 2323145"/>
              <a:gd name="connsiteX200" fmla="*/ 2791790 w 11269336"/>
              <a:gd name="connsiteY200" fmla="*/ 2080332 h 2323145"/>
              <a:gd name="connsiteX201" fmla="*/ 2755844 w 11269336"/>
              <a:gd name="connsiteY201" fmla="*/ 2078874 h 2323145"/>
              <a:gd name="connsiteX202" fmla="*/ 2657742 w 11269336"/>
              <a:gd name="connsiteY202" fmla="*/ 2070179 h 2323145"/>
              <a:gd name="connsiteX203" fmla="*/ 2559549 w 11269336"/>
              <a:gd name="connsiteY203" fmla="*/ 2057873 h 2323145"/>
              <a:gd name="connsiteX204" fmla="*/ 2512054 w 11269336"/>
              <a:gd name="connsiteY204" fmla="*/ 2031671 h 2323145"/>
              <a:gd name="connsiteX205" fmla="*/ 2506437 w 11269336"/>
              <a:gd name="connsiteY205" fmla="*/ 2030918 h 2323145"/>
              <a:gd name="connsiteX206" fmla="*/ 2491752 w 11269336"/>
              <a:gd name="connsiteY206" fmla="*/ 2033906 h 2323145"/>
              <a:gd name="connsiteX207" fmla="*/ 2486338 w 11269336"/>
              <a:gd name="connsiteY207" fmla="*/ 2035862 h 2323145"/>
              <a:gd name="connsiteX208" fmla="*/ 2478186 w 11269336"/>
              <a:gd name="connsiteY208" fmla="*/ 2036953 h 2323145"/>
              <a:gd name="connsiteX209" fmla="*/ 2477950 w 11269336"/>
              <a:gd name="connsiteY209" fmla="*/ 2036715 h 2323145"/>
              <a:gd name="connsiteX210" fmla="*/ 2470381 w 11269336"/>
              <a:gd name="connsiteY210" fmla="*/ 2038256 h 2323145"/>
              <a:gd name="connsiteX211" fmla="*/ 2433781 w 11269336"/>
              <a:gd name="connsiteY211" fmla="*/ 2049140 h 2323145"/>
              <a:gd name="connsiteX212" fmla="*/ 2381172 w 11269336"/>
              <a:gd name="connsiteY212" fmla="*/ 2030645 h 2323145"/>
              <a:gd name="connsiteX213" fmla="*/ 2360198 w 11269336"/>
              <a:gd name="connsiteY213" fmla="*/ 2029059 h 2323145"/>
              <a:gd name="connsiteX214" fmla="*/ 2348815 w 11269336"/>
              <a:gd name="connsiteY214" fmla="*/ 2026798 h 2323145"/>
              <a:gd name="connsiteX215" fmla="*/ 2347988 w 11269336"/>
              <a:gd name="connsiteY215" fmla="*/ 2025745 h 2323145"/>
              <a:gd name="connsiteX216" fmla="*/ 2312920 w 11269336"/>
              <a:gd name="connsiteY216" fmla="*/ 2036311 h 2323145"/>
              <a:gd name="connsiteX217" fmla="*/ 2307986 w 11269336"/>
              <a:gd name="connsiteY217" fmla="*/ 2035583 h 2323145"/>
              <a:gd name="connsiteX218" fmla="*/ 2285481 w 11269336"/>
              <a:gd name="connsiteY218" fmla="*/ 2045197 h 2323145"/>
              <a:gd name="connsiteX219" fmla="*/ 2273666 w 11269336"/>
              <a:gd name="connsiteY219" fmla="*/ 2048710 h 2323145"/>
              <a:gd name="connsiteX220" fmla="*/ 2270719 w 11269336"/>
              <a:gd name="connsiteY220" fmla="*/ 2052702 h 2323145"/>
              <a:gd name="connsiteX221" fmla="*/ 2253080 w 11269336"/>
              <a:gd name="connsiteY221" fmla="*/ 2056363 h 2323145"/>
              <a:gd name="connsiteX222" fmla="*/ 2250906 w 11269336"/>
              <a:gd name="connsiteY222" fmla="*/ 2055654 h 2323145"/>
              <a:gd name="connsiteX223" fmla="*/ 2236905 w 11269336"/>
              <a:gd name="connsiteY223" fmla="*/ 2062882 h 2323145"/>
              <a:gd name="connsiteX224" fmla="*/ 2225830 w 11269336"/>
              <a:gd name="connsiteY224" fmla="*/ 2074027 h 2323145"/>
              <a:gd name="connsiteX225" fmla="*/ 2073776 w 11269336"/>
              <a:gd name="connsiteY225" fmla="*/ 2089244 h 2323145"/>
              <a:gd name="connsiteX226" fmla="*/ 1948256 w 11269336"/>
              <a:gd name="connsiteY226" fmla="*/ 2146616 h 2323145"/>
              <a:gd name="connsiteX227" fmla="*/ 1865582 w 11269336"/>
              <a:gd name="connsiteY227" fmla="*/ 2153738 h 2323145"/>
              <a:gd name="connsiteX228" fmla="*/ 1835210 w 11269336"/>
              <a:gd name="connsiteY228" fmla="*/ 2134244 h 2323145"/>
              <a:gd name="connsiteX229" fmla="*/ 1632661 w 11269336"/>
              <a:gd name="connsiteY229" fmla="*/ 2173882 h 2323145"/>
              <a:gd name="connsiteX230" fmla="*/ 1579590 w 11269336"/>
              <a:gd name="connsiteY230" fmla="*/ 2173680 h 2323145"/>
              <a:gd name="connsiteX231" fmla="*/ 1535601 w 11269336"/>
              <a:gd name="connsiteY231" fmla="*/ 2194590 h 2323145"/>
              <a:gd name="connsiteX232" fmla="*/ 1515594 w 11269336"/>
              <a:gd name="connsiteY232" fmla="*/ 2189622 h 2323145"/>
              <a:gd name="connsiteX233" fmla="*/ 1512113 w 11269336"/>
              <a:gd name="connsiteY233" fmla="*/ 2188534 h 2323145"/>
              <a:gd name="connsiteX234" fmla="*/ 1498838 w 11269336"/>
              <a:gd name="connsiteY234" fmla="*/ 2189213 h 2323145"/>
              <a:gd name="connsiteX235" fmla="*/ 1494279 w 11269336"/>
              <a:gd name="connsiteY235" fmla="*/ 2183112 h 2323145"/>
              <a:gd name="connsiteX236" fmla="*/ 1473714 w 11269336"/>
              <a:gd name="connsiteY236" fmla="*/ 2179625 h 2323145"/>
              <a:gd name="connsiteX237" fmla="*/ 1449503 w 11269336"/>
              <a:gd name="connsiteY237" fmla="*/ 2182633 h 2323145"/>
              <a:gd name="connsiteX238" fmla="*/ 1266687 w 11269336"/>
              <a:gd name="connsiteY238" fmla="*/ 2212688 h 2323145"/>
              <a:gd name="connsiteX239" fmla="*/ 1239614 w 11269336"/>
              <a:gd name="connsiteY239" fmla="*/ 2209727 h 2323145"/>
              <a:gd name="connsiteX240" fmla="*/ 1202436 w 11269336"/>
              <a:gd name="connsiteY240" fmla="*/ 2209817 h 2323145"/>
              <a:gd name="connsiteX241" fmla="*/ 1136097 w 11269336"/>
              <a:gd name="connsiteY241" fmla="*/ 2205112 h 2323145"/>
              <a:gd name="connsiteX242" fmla="*/ 988232 w 11269336"/>
              <a:gd name="connsiteY242" fmla="*/ 2235635 h 2323145"/>
              <a:gd name="connsiteX243" fmla="*/ 981959 w 11269336"/>
              <a:gd name="connsiteY243" fmla="*/ 2231607 h 2323145"/>
              <a:gd name="connsiteX244" fmla="*/ 938600 w 11269336"/>
              <a:gd name="connsiteY244" fmla="*/ 2238113 h 2323145"/>
              <a:gd name="connsiteX245" fmla="*/ 791788 w 11269336"/>
              <a:gd name="connsiteY245" fmla="*/ 2293224 h 2323145"/>
              <a:gd name="connsiteX246" fmla="*/ 706914 w 11269336"/>
              <a:gd name="connsiteY246" fmla="*/ 2305046 h 2323145"/>
              <a:gd name="connsiteX247" fmla="*/ 675971 w 11269336"/>
              <a:gd name="connsiteY247" fmla="*/ 2304030 h 2323145"/>
              <a:gd name="connsiteX248" fmla="*/ 624180 w 11269336"/>
              <a:gd name="connsiteY248" fmla="*/ 2302650 h 2323145"/>
              <a:gd name="connsiteX249" fmla="*/ 583453 w 11269336"/>
              <a:gd name="connsiteY249" fmla="*/ 2288788 h 2323145"/>
              <a:gd name="connsiteX250" fmla="*/ 540946 w 11269336"/>
              <a:gd name="connsiteY250" fmla="*/ 2292721 h 2323145"/>
              <a:gd name="connsiteX251" fmla="*/ 533680 w 11269336"/>
              <a:gd name="connsiteY251" fmla="*/ 2310233 h 2323145"/>
              <a:gd name="connsiteX252" fmla="*/ 487366 w 11269336"/>
              <a:gd name="connsiteY252" fmla="*/ 2309053 h 2323145"/>
              <a:gd name="connsiteX253" fmla="*/ 416820 w 11269336"/>
              <a:gd name="connsiteY253" fmla="*/ 2305443 h 2323145"/>
              <a:gd name="connsiteX254" fmla="*/ 376805 w 11269336"/>
              <a:gd name="connsiteY254" fmla="*/ 2307647 h 2323145"/>
              <a:gd name="connsiteX255" fmla="*/ 266777 w 11269336"/>
              <a:gd name="connsiteY255" fmla="*/ 2309012 h 2323145"/>
              <a:gd name="connsiteX256" fmla="*/ 156013 w 11269336"/>
              <a:gd name="connsiteY256" fmla="*/ 2306832 h 2323145"/>
              <a:gd name="connsiteX257" fmla="*/ 87258 w 11269336"/>
              <a:gd name="connsiteY257" fmla="*/ 2285511 h 2323145"/>
              <a:gd name="connsiteX258" fmla="*/ 23798 w 11269336"/>
              <a:gd name="connsiteY258" fmla="*/ 2281822 h 2323145"/>
              <a:gd name="connsiteX259" fmla="*/ 0 w 11269336"/>
              <a:gd name="connsiteY259" fmla="*/ 2285369 h 2323145"/>
              <a:gd name="connsiteX260" fmla="*/ 0 w 11269336"/>
              <a:gd name="connsiteY260"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807902 w 11269336"/>
              <a:gd name="connsiteY135" fmla="*/ 2138894 h 2323145"/>
              <a:gd name="connsiteX136" fmla="*/ 4765388 w 11269336"/>
              <a:gd name="connsiteY136" fmla="*/ 2162525 h 2323145"/>
              <a:gd name="connsiteX137" fmla="*/ 4745033 w 11269336"/>
              <a:gd name="connsiteY137" fmla="*/ 2158859 h 2323145"/>
              <a:gd name="connsiteX138" fmla="*/ 4741475 w 11269336"/>
              <a:gd name="connsiteY138" fmla="*/ 2157998 h 2323145"/>
              <a:gd name="connsiteX139" fmla="*/ 4728247 w 11269336"/>
              <a:gd name="connsiteY139" fmla="*/ 2159526 h 2323145"/>
              <a:gd name="connsiteX140" fmla="*/ 4723263 w 11269336"/>
              <a:gd name="connsiteY140" fmla="*/ 2153742 h 2323145"/>
              <a:gd name="connsiteX141" fmla="*/ 4593061 w 11269336"/>
              <a:gd name="connsiteY141" fmla="*/ 2171597 h 2323145"/>
              <a:gd name="connsiteX142" fmla="*/ 4533444 w 11269336"/>
              <a:gd name="connsiteY142" fmla="*/ 2181200 h 2323145"/>
              <a:gd name="connsiteX143" fmla="*/ 4492832 w 11269336"/>
              <a:gd name="connsiteY143" fmla="*/ 2188033 h 2323145"/>
              <a:gd name="connsiteX144" fmla="*/ 4467257 w 11269336"/>
              <a:gd name="connsiteY144" fmla="*/ 2196121 h 2323145"/>
              <a:gd name="connsiteX145" fmla="*/ 4459937 w 11269336"/>
              <a:gd name="connsiteY145" fmla="*/ 2195182 h 2323145"/>
              <a:gd name="connsiteX146" fmla="*/ 4433312 w 11269336"/>
              <a:gd name="connsiteY146" fmla="*/ 2199004 h 2323145"/>
              <a:gd name="connsiteX147" fmla="*/ 4420601 w 11269336"/>
              <a:gd name="connsiteY147" fmla="*/ 2205158 h 2323145"/>
              <a:gd name="connsiteX148" fmla="*/ 4405765 w 11269336"/>
              <a:gd name="connsiteY148" fmla="*/ 2199902 h 2323145"/>
              <a:gd name="connsiteX149" fmla="*/ 4401354 w 11269336"/>
              <a:gd name="connsiteY149" fmla="*/ 2194745 h 2323145"/>
              <a:gd name="connsiteX150" fmla="*/ 4383151 w 11269336"/>
              <a:gd name="connsiteY150" fmla="*/ 2201140 h 2323145"/>
              <a:gd name="connsiteX151" fmla="*/ 4366646 w 11269336"/>
              <a:gd name="connsiteY151" fmla="*/ 2198564 h 2323145"/>
              <a:gd name="connsiteX152" fmla="*/ 4354009 w 11269336"/>
              <a:gd name="connsiteY152" fmla="*/ 2204984 h 2323145"/>
              <a:gd name="connsiteX153" fmla="*/ 4348284 w 11269336"/>
              <a:gd name="connsiteY153" fmla="*/ 2205270 h 2323145"/>
              <a:gd name="connsiteX154" fmla="*/ 4333906 w 11269336"/>
              <a:gd name="connsiteY154" fmla="*/ 2205251 h 2323145"/>
              <a:gd name="connsiteX155" fmla="*/ 4308819 w 11269336"/>
              <a:gd name="connsiteY155" fmla="*/ 2203822 h 2323145"/>
              <a:gd name="connsiteX156" fmla="*/ 4301210 w 11269336"/>
              <a:gd name="connsiteY156" fmla="*/ 2204456 h 2323145"/>
              <a:gd name="connsiteX157" fmla="*/ 4283095 w 11269336"/>
              <a:gd name="connsiteY157" fmla="*/ 2198177 h 2323145"/>
              <a:gd name="connsiteX158" fmla="*/ 4250119 w 11269336"/>
              <a:gd name="connsiteY158" fmla="*/ 2196342 h 2323145"/>
              <a:gd name="connsiteX159" fmla="*/ 4189203 w 11269336"/>
              <a:gd name="connsiteY159" fmla="*/ 2178994 h 2323145"/>
              <a:gd name="connsiteX160" fmla="*/ 4154035 w 11269336"/>
              <a:gd name="connsiteY160" fmla="*/ 2171950 h 2323145"/>
              <a:gd name="connsiteX161" fmla="*/ 4129569 w 11269336"/>
              <a:gd name="connsiteY161" fmla="*/ 2163850 h 2323145"/>
              <a:gd name="connsiteX162" fmla="*/ 4061250 w 11269336"/>
              <a:gd name="connsiteY162" fmla="*/ 2159236 h 2323145"/>
              <a:gd name="connsiteX163" fmla="*/ 3945480 w 11269336"/>
              <a:gd name="connsiteY163" fmla="*/ 2158279 h 2323145"/>
              <a:gd name="connsiteX164" fmla="*/ 3921468 w 11269336"/>
              <a:gd name="connsiteY164" fmla="*/ 2156588 h 2323145"/>
              <a:gd name="connsiteX165" fmla="*/ 3903348 w 11269336"/>
              <a:gd name="connsiteY165" fmla="*/ 2149220 h 2323145"/>
              <a:gd name="connsiteX166" fmla="*/ 3901342 w 11269336"/>
              <a:gd name="connsiteY166" fmla="*/ 2142355 h 2323145"/>
              <a:gd name="connsiteX167" fmla="*/ 3888539 w 11269336"/>
              <a:gd name="connsiteY167" fmla="*/ 2140476 h 2323145"/>
              <a:gd name="connsiteX168" fmla="*/ 3885662 w 11269336"/>
              <a:gd name="connsiteY168" fmla="*/ 2138740 h 2323145"/>
              <a:gd name="connsiteX169" fmla="*/ 3868627 w 11269336"/>
              <a:gd name="connsiteY169" fmla="*/ 2130023 h 2323145"/>
              <a:gd name="connsiteX170" fmla="*/ 3819177 w 11269336"/>
              <a:gd name="connsiteY170" fmla="*/ 2142111 h 2323145"/>
              <a:gd name="connsiteX171" fmla="*/ 3769100 w 11269336"/>
              <a:gd name="connsiteY171" fmla="*/ 2131731 h 2323145"/>
              <a:gd name="connsiteX172" fmla="*/ 3562752 w 11269336"/>
              <a:gd name="connsiteY172" fmla="*/ 2131785 h 2323145"/>
              <a:gd name="connsiteX173" fmla="*/ 3541402 w 11269336"/>
              <a:gd name="connsiteY173" fmla="*/ 2106821 h 2323145"/>
              <a:gd name="connsiteX174" fmla="*/ 3365341 w 11269336"/>
              <a:gd name="connsiteY174" fmla="*/ 2077638 h 2323145"/>
              <a:gd name="connsiteX175" fmla="*/ 3170922 w 11269336"/>
              <a:gd name="connsiteY175" fmla="*/ 2115957 h 2323145"/>
              <a:gd name="connsiteX176" fmla="*/ 3156256 w 11269336"/>
              <a:gd name="connsiteY176" fmla="*/ 2124773 h 2323145"/>
              <a:gd name="connsiteX177" fmla="*/ 3140298 w 11269336"/>
              <a:gd name="connsiteY177" fmla="*/ 2129182 h 2323145"/>
              <a:gd name="connsiteX178" fmla="*/ 3138514 w 11269336"/>
              <a:gd name="connsiteY178" fmla="*/ 2128069 h 2323145"/>
              <a:gd name="connsiteX179" fmla="*/ 3120467 w 11269336"/>
              <a:gd name="connsiteY179" fmla="*/ 2128281 h 2323145"/>
              <a:gd name="connsiteX180" fmla="*/ 3116175 w 11269336"/>
              <a:gd name="connsiteY180" fmla="*/ 2131633 h 2323145"/>
              <a:gd name="connsiteX181" fmla="*/ 3103685 w 11269336"/>
              <a:gd name="connsiteY181" fmla="*/ 2132814 h 2323145"/>
              <a:gd name="connsiteX182" fmla="*/ 3078794 w 11269336"/>
              <a:gd name="connsiteY182" fmla="*/ 2137935 h 2323145"/>
              <a:gd name="connsiteX183" fmla="*/ 3074407 w 11269336"/>
              <a:gd name="connsiteY183" fmla="*/ 2136274 h 2323145"/>
              <a:gd name="connsiteX184" fmla="*/ 3037285 w 11269336"/>
              <a:gd name="connsiteY184" fmla="*/ 2139919 h 2323145"/>
              <a:gd name="connsiteX185" fmla="*/ 3036901 w 11269336"/>
              <a:gd name="connsiteY185" fmla="*/ 2138726 h 2323145"/>
              <a:gd name="connsiteX186" fmla="*/ 3026996 w 11269336"/>
              <a:gd name="connsiteY186" fmla="*/ 2134322 h 2323145"/>
              <a:gd name="connsiteX187" fmla="*/ 3007772 w 11269336"/>
              <a:gd name="connsiteY187" fmla="*/ 2128742 h 2323145"/>
              <a:gd name="connsiteX188" fmla="*/ 2965030 w 11269336"/>
              <a:gd name="connsiteY188" fmla="*/ 2100494 h 2323145"/>
              <a:gd name="connsiteX189" fmla="*/ 2926342 w 11269336"/>
              <a:gd name="connsiteY189" fmla="*/ 2104155 h 2323145"/>
              <a:gd name="connsiteX190" fmla="*/ 2918608 w 11269336"/>
              <a:gd name="connsiteY190" fmla="*/ 2104215 h 2323145"/>
              <a:gd name="connsiteX191" fmla="*/ 2918475 w 11269336"/>
              <a:gd name="connsiteY191" fmla="*/ 2103937 h 2323145"/>
              <a:gd name="connsiteX192" fmla="*/ 2910360 w 11269336"/>
              <a:gd name="connsiteY192" fmla="*/ 2103444 h 2323145"/>
              <a:gd name="connsiteX193" fmla="*/ 2904507 w 11269336"/>
              <a:gd name="connsiteY193" fmla="*/ 2104326 h 2323145"/>
              <a:gd name="connsiteX194" fmla="*/ 2889503 w 11269336"/>
              <a:gd name="connsiteY194" fmla="*/ 2104443 h 2323145"/>
              <a:gd name="connsiteX195" fmla="*/ 2884480 w 11269336"/>
              <a:gd name="connsiteY195" fmla="*/ 2102626 h 2323145"/>
              <a:gd name="connsiteX196" fmla="*/ 2882689 w 11269336"/>
              <a:gd name="connsiteY196" fmla="*/ 2099228 h 2323145"/>
              <a:gd name="connsiteX197" fmla="*/ 2881291 w 11269336"/>
              <a:gd name="connsiteY197" fmla="*/ 2099618 h 2323145"/>
              <a:gd name="connsiteX198" fmla="*/ 2853979 w 11269336"/>
              <a:gd name="connsiteY198" fmla="*/ 2090388 h 2323145"/>
              <a:gd name="connsiteX199" fmla="*/ 2791790 w 11269336"/>
              <a:gd name="connsiteY199" fmla="*/ 2080332 h 2323145"/>
              <a:gd name="connsiteX200" fmla="*/ 2755844 w 11269336"/>
              <a:gd name="connsiteY200" fmla="*/ 2078874 h 2323145"/>
              <a:gd name="connsiteX201" fmla="*/ 2657742 w 11269336"/>
              <a:gd name="connsiteY201" fmla="*/ 2070179 h 2323145"/>
              <a:gd name="connsiteX202" fmla="*/ 2559549 w 11269336"/>
              <a:gd name="connsiteY202" fmla="*/ 2057873 h 2323145"/>
              <a:gd name="connsiteX203" fmla="*/ 2512054 w 11269336"/>
              <a:gd name="connsiteY203" fmla="*/ 2031671 h 2323145"/>
              <a:gd name="connsiteX204" fmla="*/ 2506437 w 11269336"/>
              <a:gd name="connsiteY204" fmla="*/ 2030918 h 2323145"/>
              <a:gd name="connsiteX205" fmla="*/ 2491752 w 11269336"/>
              <a:gd name="connsiteY205" fmla="*/ 2033906 h 2323145"/>
              <a:gd name="connsiteX206" fmla="*/ 2486338 w 11269336"/>
              <a:gd name="connsiteY206" fmla="*/ 2035862 h 2323145"/>
              <a:gd name="connsiteX207" fmla="*/ 2478186 w 11269336"/>
              <a:gd name="connsiteY207" fmla="*/ 2036953 h 2323145"/>
              <a:gd name="connsiteX208" fmla="*/ 2477950 w 11269336"/>
              <a:gd name="connsiteY208" fmla="*/ 2036715 h 2323145"/>
              <a:gd name="connsiteX209" fmla="*/ 2470381 w 11269336"/>
              <a:gd name="connsiteY209" fmla="*/ 2038256 h 2323145"/>
              <a:gd name="connsiteX210" fmla="*/ 2433781 w 11269336"/>
              <a:gd name="connsiteY210" fmla="*/ 2049140 h 2323145"/>
              <a:gd name="connsiteX211" fmla="*/ 2381172 w 11269336"/>
              <a:gd name="connsiteY211" fmla="*/ 2030645 h 2323145"/>
              <a:gd name="connsiteX212" fmla="*/ 2360198 w 11269336"/>
              <a:gd name="connsiteY212" fmla="*/ 2029059 h 2323145"/>
              <a:gd name="connsiteX213" fmla="*/ 2348815 w 11269336"/>
              <a:gd name="connsiteY213" fmla="*/ 2026798 h 2323145"/>
              <a:gd name="connsiteX214" fmla="*/ 2347988 w 11269336"/>
              <a:gd name="connsiteY214" fmla="*/ 2025745 h 2323145"/>
              <a:gd name="connsiteX215" fmla="*/ 2312920 w 11269336"/>
              <a:gd name="connsiteY215" fmla="*/ 2036311 h 2323145"/>
              <a:gd name="connsiteX216" fmla="*/ 2307986 w 11269336"/>
              <a:gd name="connsiteY216" fmla="*/ 2035583 h 2323145"/>
              <a:gd name="connsiteX217" fmla="*/ 2285481 w 11269336"/>
              <a:gd name="connsiteY217" fmla="*/ 2045197 h 2323145"/>
              <a:gd name="connsiteX218" fmla="*/ 2273666 w 11269336"/>
              <a:gd name="connsiteY218" fmla="*/ 2048710 h 2323145"/>
              <a:gd name="connsiteX219" fmla="*/ 2270719 w 11269336"/>
              <a:gd name="connsiteY219" fmla="*/ 2052702 h 2323145"/>
              <a:gd name="connsiteX220" fmla="*/ 2253080 w 11269336"/>
              <a:gd name="connsiteY220" fmla="*/ 2056363 h 2323145"/>
              <a:gd name="connsiteX221" fmla="*/ 2250906 w 11269336"/>
              <a:gd name="connsiteY221" fmla="*/ 2055654 h 2323145"/>
              <a:gd name="connsiteX222" fmla="*/ 2236905 w 11269336"/>
              <a:gd name="connsiteY222" fmla="*/ 2062882 h 2323145"/>
              <a:gd name="connsiteX223" fmla="*/ 2225830 w 11269336"/>
              <a:gd name="connsiteY223" fmla="*/ 2074027 h 2323145"/>
              <a:gd name="connsiteX224" fmla="*/ 2073776 w 11269336"/>
              <a:gd name="connsiteY224" fmla="*/ 2089244 h 2323145"/>
              <a:gd name="connsiteX225" fmla="*/ 1948256 w 11269336"/>
              <a:gd name="connsiteY225" fmla="*/ 2146616 h 2323145"/>
              <a:gd name="connsiteX226" fmla="*/ 1865582 w 11269336"/>
              <a:gd name="connsiteY226" fmla="*/ 2153738 h 2323145"/>
              <a:gd name="connsiteX227" fmla="*/ 1835210 w 11269336"/>
              <a:gd name="connsiteY227" fmla="*/ 2134244 h 2323145"/>
              <a:gd name="connsiteX228" fmla="*/ 1632661 w 11269336"/>
              <a:gd name="connsiteY228" fmla="*/ 2173882 h 2323145"/>
              <a:gd name="connsiteX229" fmla="*/ 1579590 w 11269336"/>
              <a:gd name="connsiteY229" fmla="*/ 2173680 h 2323145"/>
              <a:gd name="connsiteX230" fmla="*/ 1535601 w 11269336"/>
              <a:gd name="connsiteY230" fmla="*/ 2194590 h 2323145"/>
              <a:gd name="connsiteX231" fmla="*/ 1515594 w 11269336"/>
              <a:gd name="connsiteY231" fmla="*/ 2189622 h 2323145"/>
              <a:gd name="connsiteX232" fmla="*/ 1512113 w 11269336"/>
              <a:gd name="connsiteY232" fmla="*/ 2188534 h 2323145"/>
              <a:gd name="connsiteX233" fmla="*/ 1498838 w 11269336"/>
              <a:gd name="connsiteY233" fmla="*/ 2189213 h 2323145"/>
              <a:gd name="connsiteX234" fmla="*/ 1494279 w 11269336"/>
              <a:gd name="connsiteY234" fmla="*/ 2183112 h 2323145"/>
              <a:gd name="connsiteX235" fmla="*/ 1473714 w 11269336"/>
              <a:gd name="connsiteY235" fmla="*/ 2179625 h 2323145"/>
              <a:gd name="connsiteX236" fmla="*/ 1449503 w 11269336"/>
              <a:gd name="connsiteY236" fmla="*/ 2182633 h 2323145"/>
              <a:gd name="connsiteX237" fmla="*/ 1266687 w 11269336"/>
              <a:gd name="connsiteY237" fmla="*/ 2212688 h 2323145"/>
              <a:gd name="connsiteX238" fmla="*/ 1239614 w 11269336"/>
              <a:gd name="connsiteY238" fmla="*/ 2209727 h 2323145"/>
              <a:gd name="connsiteX239" fmla="*/ 1202436 w 11269336"/>
              <a:gd name="connsiteY239" fmla="*/ 2209817 h 2323145"/>
              <a:gd name="connsiteX240" fmla="*/ 1136097 w 11269336"/>
              <a:gd name="connsiteY240" fmla="*/ 2205112 h 2323145"/>
              <a:gd name="connsiteX241" fmla="*/ 988232 w 11269336"/>
              <a:gd name="connsiteY241" fmla="*/ 2235635 h 2323145"/>
              <a:gd name="connsiteX242" fmla="*/ 981959 w 11269336"/>
              <a:gd name="connsiteY242" fmla="*/ 2231607 h 2323145"/>
              <a:gd name="connsiteX243" fmla="*/ 938600 w 11269336"/>
              <a:gd name="connsiteY243" fmla="*/ 2238113 h 2323145"/>
              <a:gd name="connsiteX244" fmla="*/ 791788 w 11269336"/>
              <a:gd name="connsiteY244" fmla="*/ 2293224 h 2323145"/>
              <a:gd name="connsiteX245" fmla="*/ 706914 w 11269336"/>
              <a:gd name="connsiteY245" fmla="*/ 2305046 h 2323145"/>
              <a:gd name="connsiteX246" fmla="*/ 675971 w 11269336"/>
              <a:gd name="connsiteY246" fmla="*/ 2304030 h 2323145"/>
              <a:gd name="connsiteX247" fmla="*/ 624180 w 11269336"/>
              <a:gd name="connsiteY247" fmla="*/ 2302650 h 2323145"/>
              <a:gd name="connsiteX248" fmla="*/ 583453 w 11269336"/>
              <a:gd name="connsiteY248" fmla="*/ 2288788 h 2323145"/>
              <a:gd name="connsiteX249" fmla="*/ 540946 w 11269336"/>
              <a:gd name="connsiteY249" fmla="*/ 2292721 h 2323145"/>
              <a:gd name="connsiteX250" fmla="*/ 533680 w 11269336"/>
              <a:gd name="connsiteY250" fmla="*/ 2310233 h 2323145"/>
              <a:gd name="connsiteX251" fmla="*/ 487366 w 11269336"/>
              <a:gd name="connsiteY251" fmla="*/ 2309053 h 2323145"/>
              <a:gd name="connsiteX252" fmla="*/ 416820 w 11269336"/>
              <a:gd name="connsiteY252" fmla="*/ 2305443 h 2323145"/>
              <a:gd name="connsiteX253" fmla="*/ 376805 w 11269336"/>
              <a:gd name="connsiteY253" fmla="*/ 2307647 h 2323145"/>
              <a:gd name="connsiteX254" fmla="*/ 266777 w 11269336"/>
              <a:gd name="connsiteY254" fmla="*/ 2309012 h 2323145"/>
              <a:gd name="connsiteX255" fmla="*/ 156013 w 11269336"/>
              <a:gd name="connsiteY255" fmla="*/ 2306832 h 2323145"/>
              <a:gd name="connsiteX256" fmla="*/ 87258 w 11269336"/>
              <a:gd name="connsiteY256" fmla="*/ 2285511 h 2323145"/>
              <a:gd name="connsiteX257" fmla="*/ 23798 w 11269336"/>
              <a:gd name="connsiteY257" fmla="*/ 2281822 h 2323145"/>
              <a:gd name="connsiteX258" fmla="*/ 0 w 11269336"/>
              <a:gd name="connsiteY258" fmla="*/ 2285369 h 2323145"/>
              <a:gd name="connsiteX259" fmla="*/ 0 w 11269336"/>
              <a:gd name="connsiteY259"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59937 w 11269336"/>
              <a:gd name="connsiteY144" fmla="*/ 2195182 h 2323145"/>
              <a:gd name="connsiteX145" fmla="*/ 4433312 w 11269336"/>
              <a:gd name="connsiteY145" fmla="*/ 2199004 h 2323145"/>
              <a:gd name="connsiteX146" fmla="*/ 4420601 w 11269336"/>
              <a:gd name="connsiteY146" fmla="*/ 2205158 h 2323145"/>
              <a:gd name="connsiteX147" fmla="*/ 4405765 w 11269336"/>
              <a:gd name="connsiteY147" fmla="*/ 2199902 h 2323145"/>
              <a:gd name="connsiteX148" fmla="*/ 4401354 w 11269336"/>
              <a:gd name="connsiteY148" fmla="*/ 2194745 h 2323145"/>
              <a:gd name="connsiteX149" fmla="*/ 4383151 w 11269336"/>
              <a:gd name="connsiteY149" fmla="*/ 2201140 h 2323145"/>
              <a:gd name="connsiteX150" fmla="*/ 4366646 w 11269336"/>
              <a:gd name="connsiteY150" fmla="*/ 2198564 h 2323145"/>
              <a:gd name="connsiteX151" fmla="*/ 4354009 w 11269336"/>
              <a:gd name="connsiteY151" fmla="*/ 2204984 h 2323145"/>
              <a:gd name="connsiteX152" fmla="*/ 4348284 w 11269336"/>
              <a:gd name="connsiteY152" fmla="*/ 2205270 h 2323145"/>
              <a:gd name="connsiteX153" fmla="*/ 4333906 w 11269336"/>
              <a:gd name="connsiteY153" fmla="*/ 2205251 h 2323145"/>
              <a:gd name="connsiteX154" fmla="*/ 4308819 w 11269336"/>
              <a:gd name="connsiteY154" fmla="*/ 2203822 h 2323145"/>
              <a:gd name="connsiteX155" fmla="*/ 4301210 w 11269336"/>
              <a:gd name="connsiteY155" fmla="*/ 2204456 h 2323145"/>
              <a:gd name="connsiteX156" fmla="*/ 4283095 w 11269336"/>
              <a:gd name="connsiteY156" fmla="*/ 2198177 h 2323145"/>
              <a:gd name="connsiteX157" fmla="*/ 4250119 w 11269336"/>
              <a:gd name="connsiteY157" fmla="*/ 2196342 h 2323145"/>
              <a:gd name="connsiteX158" fmla="*/ 4189203 w 11269336"/>
              <a:gd name="connsiteY158" fmla="*/ 2178994 h 2323145"/>
              <a:gd name="connsiteX159" fmla="*/ 4154035 w 11269336"/>
              <a:gd name="connsiteY159" fmla="*/ 2171950 h 2323145"/>
              <a:gd name="connsiteX160" fmla="*/ 4129569 w 11269336"/>
              <a:gd name="connsiteY160" fmla="*/ 2163850 h 2323145"/>
              <a:gd name="connsiteX161" fmla="*/ 4061250 w 11269336"/>
              <a:gd name="connsiteY161" fmla="*/ 2159236 h 2323145"/>
              <a:gd name="connsiteX162" fmla="*/ 3945480 w 11269336"/>
              <a:gd name="connsiteY162" fmla="*/ 2158279 h 2323145"/>
              <a:gd name="connsiteX163" fmla="*/ 3921468 w 11269336"/>
              <a:gd name="connsiteY163" fmla="*/ 2156588 h 2323145"/>
              <a:gd name="connsiteX164" fmla="*/ 3903348 w 11269336"/>
              <a:gd name="connsiteY164" fmla="*/ 2149220 h 2323145"/>
              <a:gd name="connsiteX165" fmla="*/ 3901342 w 11269336"/>
              <a:gd name="connsiteY165" fmla="*/ 2142355 h 2323145"/>
              <a:gd name="connsiteX166" fmla="*/ 3888539 w 11269336"/>
              <a:gd name="connsiteY166" fmla="*/ 2140476 h 2323145"/>
              <a:gd name="connsiteX167" fmla="*/ 3885662 w 11269336"/>
              <a:gd name="connsiteY167" fmla="*/ 2138740 h 2323145"/>
              <a:gd name="connsiteX168" fmla="*/ 3868627 w 11269336"/>
              <a:gd name="connsiteY168" fmla="*/ 2130023 h 2323145"/>
              <a:gd name="connsiteX169" fmla="*/ 3819177 w 11269336"/>
              <a:gd name="connsiteY169" fmla="*/ 2142111 h 2323145"/>
              <a:gd name="connsiteX170" fmla="*/ 3769100 w 11269336"/>
              <a:gd name="connsiteY170" fmla="*/ 2131731 h 2323145"/>
              <a:gd name="connsiteX171" fmla="*/ 3562752 w 11269336"/>
              <a:gd name="connsiteY171" fmla="*/ 2131785 h 2323145"/>
              <a:gd name="connsiteX172" fmla="*/ 3541402 w 11269336"/>
              <a:gd name="connsiteY172" fmla="*/ 2106821 h 2323145"/>
              <a:gd name="connsiteX173" fmla="*/ 3365341 w 11269336"/>
              <a:gd name="connsiteY173" fmla="*/ 2077638 h 2323145"/>
              <a:gd name="connsiteX174" fmla="*/ 3170922 w 11269336"/>
              <a:gd name="connsiteY174" fmla="*/ 2115957 h 2323145"/>
              <a:gd name="connsiteX175" fmla="*/ 3156256 w 11269336"/>
              <a:gd name="connsiteY175" fmla="*/ 2124773 h 2323145"/>
              <a:gd name="connsiteX176" fmla="*/ 3140298 w 11269336"/>
              <a:gd name="connsiteY176" fmla="*/ 2129182 h 2323145"/>
              <a:gd name="connsiteX177" fmla="*/ 3138514 w 11269336"/>
              <a:gd name="connsiteY177" fmla="*/ 2128069 h 2323145"/>
              <a:gd name="connsiteX178" fmla="*/ 3120467 w 11269336"/>
              <a:gd name="connsiteY178" fmla="*/ 2128281 h 2323145"/>
              <a:gd name="connsiteX179" fmla="*/ 3116175 w 11269336"/>
              <a:gd name="connsiteY179" fmla="*/ 2131633 h 2323145"/>
              <a:gd name="connsiteX180" fmla="*/ 3103685 w 11269336"/>
              <a:gd name="connsiteY180" fmla="*/ 2132814 h 2323145"/>
              <a:gd name="connsiteX181" fmla="*/ 3078794 w 11269336"/>
              <a:gd name="connsiteY181" fmla="*/ 2137935 h 2323145"/>
              <a:gd name="connsiteX182" fmla="*/ 3074407 w 11269336"/>
              <a:gd name="connsiteY182" fmla="*/ 2136274 h 2323145"/>
              <a:gd name="connsiteX183" fmla="*/ 3037285 w 11269336"/>
              <a:gd name="connsiteY183" fmla="*/ 2139919 h 2323145"/>
              <a:gd name="connsiteX184" fmla="*/ 3036901 w 11269336"/>
              <a:gd name="connsiteY184" fmla="*/ 2138726 h 2323145"/>
              <a:gd name="connsiteX185" fmla="*/ 3026996 w 11269336"/>
              <a:gd name="connsiteY185" fmla="*/ 2134322 h 2323145"/>
              <a:gd name="connsiteX186" fmla="*/ 3007772 w 11269336"/>
              <a:gd name="connsiteY186" fmla="*/ 2128742 h 2323145"/>
              <a:gd name="connsiteX187" fmla="*/ 2965030 w 11269336"/>
              <a:gd name="connsiteY187" fmla="*/ 2100494 h 2323145"/>
              <a:gd name="connsiteX188" fmla="*/ 2926342 w 11269336"/>
              <a:gd name="connsiteY188" fmla="*/ 2104155 h 2323145"/>
              <a:gd name="connsiteX189" fmla="*/ 2918608 w 11269336"/>
              <a:gd name="connsiteY189" fmla="*/ 2104215 h 2323145"/>
              <a:gd name="connsiteX190" fmla="*/ 2918475 w 11269336"/>
              <a:gd name="connsiteY190" fmla="*/ 2103937 h 2323145"/>
              <a:gd name="connsiteX191" fmla="*/ 2910360 w 11269336"/>
              <a:gd name="connsiteY191" fmla="*/ 2103444 h 2323145"/>
              <a:gd name="connsiteX192" fmla="*/ 2904507 w 11269336"/>
              <a:gd name="connsiteY192" fmla="*/ 2104326 h 2323145"/>
              <a:gd name="connsiteX193" fmla="*/ 2889503 w 11269336"/>
              <a:gd name="connsiteY193" fmla="*/ 2104443 h 2323145"/>
              <a:gd name="connsiteX194" fmla="*/ 2884480 w 11269336"/>
              <a:gd name="connsiteY194" fmla="*/ 2102626 h 2323145"/>
              <a:gd name="connsiteX195" fmla="*/ 2882689 w 11269336"/>
              <a:gd name="connsiteY195" fmla="*/ 2099228 h 2323145"/>
              <a:gd name="connsiteX196" fmla="*/ 2881291 w 11269336"/>
              <a:gd name="connsiteY196" fmla="*/ 2099618 h 2323145"/>
              <a:gd name="connsiteX197" fmla="*/ 2853979 w 11269336"/>
              <a:gd name="connsiteY197" fmla="*/ 2090388 h 2323145"/>
              <a:gd name="connsiteX198" fmla="*/ 2791790 w 11269336"/>
              <a:gd name="connsiteY198" fmla="*/ 2080332 h 2323145"/>
              <a:gd name="connsiteX199" fmla="*/ 2755844 w 11269336"/>
              <a:gd name="connsiteY199" fmla="*/ 2078874 h 2323145"/>
              <a:gd name="connsiteX200" fmla="*/ 2657742 w 11269336"/>
              <a:gd name="connsiteY200" fmla="*/ 2070179 h 2323145"/>
              <a:gd name="connsiteX201" fmla="*/ 2559549 w 11269336"/>
              <a:gd name="connsiteY201" fmla="*/ 2057873 h 2323145"/>
              <a:gd name="connsiteX202" fmla="*/ 2512054 w 11269336"/>
              <a:gd name="connsiteY202" fmla="*/ 2031671 h 2323145"/>
              <a:gd name="connsiteX203" fmla="*/ 2506437 w 11269336"/>
              <a:gd name="connsiteY203" fmla="*/ 2030918 h 2323145"/>
              <a:gd name="connsiteX204" fmla="*/ 2491752 w 11269336"/>
              <a:gd name="connsiteY204" fmla="*/ 2033906 h 2323145"/>
              <a:gd name="connsiteX205" fmla="*/ 2486338 w 11269336"/>
              <a:gd name="connsiteY205" fmla="*/ 2035862 h 2323145"/>
              <a:gd name="connsiteX206" fmla="*/ 2478186 w 11269336"/>
              <a:gd name="connsiteY206" fmla="*/ 2036953 h 2323145"/>
              <a:gd name="connsiteX207" fmla="*/ 2477950 w 11269336"/>
              <a:gd name="connsiteY207" fmla="*/ 2036715 h 2323145"/>
              <a:gd name="connsiteX208" fmla="*/ 2470381 w 11269336"/>
              <a:gd name="connsiteY208" fmla="*/ 2038256 h 2323145"/>
              <a:gd name="connsiteX209" fmla="*/ 2433781 w 11269336"/>
              <a:gd name="connsiteY209" fmla="*/ 2049140 h 2323145"/>
              <a:gd name="connsiteX210" fmla="*/ 2381172 w 11269336"/>
              <a:gd name="connsiteY210" fmla="*/ 2030645 h 2323145"/>
              <a:gd name="connsiteX211" fmla="*/ 2360198 w 11269336"/>
              <a:gd name="connsiteY211" fmla="*/ 2029059 h 2323145"/>
              <a:gd name="connsiteX212" fmla="*/ 2348815 w 11269336"/>
              <a:gd name="connsiteY212" fmla="*/ 2026798 h 2323145"/>
              <a:gd name="connsiteX213" fmla="*/ 2347988 w 11269336"/>
              <a:gd name="connsiteY213" fmla="*/ 2025745 h 2323145"/>
              <a:gd name="connsiteX214" fmla="*/ 2312920 w 11269336"/>
              <a:gd name="connsiteY214" fmla="*/ 2036311 h 2323145"/>
              <a:gd name="connsiteX215" fmla="*/ 2307986 w 11269336"/>
              <a:gd name="connsiteY215" fmla="*/ 2035583 h 2323145"/>
              <a:gd name="connsiteX216" fmla="*/ 2285481 w 11269336"/>
              <a:gd name="connsiteY216" fmla="*/ 2045197 h 2323145"/>
              <a:gd name="connsiteX217" fmla="*/ 2273666 w 11269336"/>
              <a:gd name="connsiteY217" fmla="*/ 2048710 h 2323145"/>
              <a:gd name="connsiteX218" fmla="*/ 2270719 w 11269336"/>
              <a:gd name="connsiteY218" fmla="*/ 2052702 h 2323145"/>
              <a:gd name="connsiteX219" fmla="*/ 2253080 w 11269336"/>
              <a:gd name="connsiteY219" fmla="*/ 2056363 h 2323145"/>
              <a:gd name="connsiteX220" fmla="*/ 2250906 w 11269336"/>
              <a:gd name="connsiteY220" fmla="*/ 2055654 h 2323145"/>
              <a:gd name="connsiteX221" fmla="*/ 2236905 w 11269336"/>
              <a:gd name="connsiteY221" fmla="*/ 2062882 h 2323145"/>
              <a:gd name="connsiteX222" fmla="*/ 2225830 w 11269336"/>
              <a:gd name="connsiteY222" fmla="*/ 2074027 h 2323145"/>
              <a:gd name="connsiteX223" fmla="*/ 2073776 w 11269336"/>
              <a:gd name="connsiteY223" fmla="*/ 2089244 h 2323145"/>
              <a:gd name="connsiteX224" fmla="*/ 1948256 w 11269336"/>
              <a:gd name="connsiteY224" fmla="*/ 2146616 h 2323145"/>
              <a:gd name="connsiteX225" fmla="*/ 1865582 w 11269336"/>
              <a:gd name="connsiteY225" fmla="*/ 2153738 h 2323145"/>
              <a:gd name="connsiteX226" fmla="*/ 1835210 w 11269336"/>
              <a:gd name="connsiteY226" fmla="*/ 2134244 h 2323145"/>
              <a:gd name="connsiteX227" fmla="*/ 1632661 w 11269336"/>
              <a:gd name="connsiteY227" fmla="*/ 2173882 h 2323145"/>
              <a:gd name="connsiteX228" fmla="*/ 1579590 w 11269336"/>
              <a:gd name="connsiteY228" fmla="*/ 2173680 h 2323145"/>
              <a:gd name="connsiteX229" fmla="*/ 1535601 w 11269336"/>
              <a:gd name="connsiteY229" fmla="*/ 2194590 h 2323145"/>
              <a:gd name="connsiteX230" fmla="*/ 1515594 w 11269336"/>
              <a:gd name="connsiteY230" fmla="*/ 2189622 h 2323145"/>
              <a:gd name="connsiteX231" fmla="*/ 1512113 w 11269336"/>
              <a:gd name="connsiteY231" fmla="*/ 2188534 h 2323145"/>
              <a:gd name="connsiteX232" fmla="*/ 1498838 w 11269336"/>
              <a:gd name="connsiteY232" fmla="*/ 2189213 h 2323145"/>
              <a:gd name="connsiteX233" fmla="*/ 1494279 w 11269336"/>
              <a:gd name="connsiteY233" fmla="*/ 2183112 h 2323145"/>
              <a:gd name="connsiteX234" fmla="*/ 1473714 w 11269336"/>
              <a:gd name="connsiteY234" fmla="*/ 2179625 h 2323145"/>
              <a:gd name="connsiteX235" fmla="*/ 1449503 w 11269336"/>
              <a:gd name="connsiteY235" fmla="*/ 2182633 h 2323145"/>
              <a:gd name="connsiteX236" fmla="*/ 1266687 w 11269336"/>
              <a:gd name="connsiteY236" fmla="*/ 2212688 h 2323145"/>
              <a:gd name="connsiteX237" fmla="*/ 1239614 w 11269336"/>
              <a:gd name="connsiteY237" fmla="*/ 2209727 h 2323145"/>
              <a:gd name="connsiteX238" fmla="*/ 1202436 w 11269336"/>
              <a:gd name="connsiteY238" fmla="*/ 2209817 h 2323145"/>
              <a:gd name="connsiteX239" fmla="*/ 1136097 w 11269336"/>
              <a:gd name="connsiteY239" fmla="*/ 2205112 h 2323145"/>
              <a:gd name="connsiteX240" fmla="*/ 988232 w 11269336"/>
              <a:gd name="connsiteY240" fmla="*/ 2235635 h 2323145"/>
              <a:gd name="connsiteX241" fmla="*/ 981959 w 11269336"/>
              <a:gd name="connsiteY241" fmla="*/ 2231607 h 2323145"/>
              <a:gd name="connsiteX242" fmla="*/ 938600 w 11269336"/>
              <a:gd name="connsiteY242" fmla="*/ 2238113 h 2323145"/>
              <a:gd name="connsiteX243" fmla="*/ 791788 w 11269336"/>
              <a:gd name="connsiteY243" fmla="*/ 2293224 h 2323145"/>
              <a:gd name="connsiteX244" fmla="*/ 706914 w 11269336"/>
              <a:gd name="connsiteY244" fmla="*/ 2305046 h 2323145"/>
              <a:gd name="connsiteX245" fmla="*/ 675971 w 11269336"/>
              <a:gd name="connsiteY245" fmla="*/ 2304030 h 2323145"/>
              <a:gd name="connsiteX246" fmla="*/ 624180 w 11269336"/>
              <a:gd name="connsiteY246" fmla="*/ 2302650 h 2323145"/>
              <a:gd name="connsiteX247" fmla="*/ 583453 w 11269336"/>
              <a:gd name="connsiteY247" fmla="*/ 2288788 h 2323145"/>
              <a:gd name="connsiteX248" fmla="*/ 540946 w 11269336"/>
              <a:gd name="connsiteY248" fmla="*/ 2292721 h 2323145"/>
              <a:gd name="connsiteX249" fmla="*/ 533680 w 11269336"/>
              <a:gd name="connsiteY249" fmla="*/ 2310233 h 2323145"/>
              <a:gd name="connsiteX250" fmla="*/ 487366 w 11269336"/>
              <a:gd name="connsiteY250" fmla="*/ 2309053 h 2323145"/>
              <a:gd name="connsiteX251" fmla="*/ 416820 w 11269336"/>
              <a:gd name="connsiteY251" fmla="*/ 2305443 h 2323145"/>
              <a:gd name="connsiteX252" fmla="*/ 376805 w 11269336"/>
              <a:gd name="connsiteY252" fmla="*/ 2307647 h 2323145"/>
              <a:gd name="connsiteX253" fmla="*/ 266777 w 11269336"/>
              <a:gd name="connsiteY253" fmla="*/ 2309012 h 2323145"/>
              <a:gd name="connsiteX254" fmla="*/ 156013 w 11269336"/>
              <a:gd name="connsiteY254" fmla="*/ 2306832 h 2323145"/>
              <a:gd name="connsiteX255" fmla="*/ 87258 w 11269336"/>
              <a:gd name="connsiteY255" fmla="*/ 2285511 h 2323145"/>
              <a:gd name="connsiteX256" fmla="*/ 23798 w 11269336"/>
              <a:gd name="connsiteY256" fmla="*/ 2281822 h 2323145"/>
              <a:gd name="connsiteX257" fmla="*/ 0 w 11269336"/>
              <a:gd name="connsiteY257" fmla="*/ 2285369 h 2323145"/>
              <a:gd name="connsiteX258" fmla="*/ 0 w 11269336"/>
              <a:gd name="connsiteY258"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59937 w 11269336"/>
              <a:gd name="connsiteY144" fmla="*/ 2195182 h 2323145"/>
              <a:gd name="connsiteX145" fmla="*/ 4433312 w 11269336"/>
              <a:gd name="connsiteY145" fmla="*/ 2199004 h 2323145"/>
              <a:gd name="connsiteX146" fmla="*/ 4420601 w 11269336"/>
              <a:gd name="connsiteY146" fmla="*/ 2205158 h 2323145"/>
              <a:gd name="connsiteX147" fmla="*/ 4405765 w 11269336"/>
              <a:gd name="connsiteY147" fmla="*/ 2199902 h 2323145"/>
              <a:gd name="connsiteX148" fmla="*/ 4401354 w 11269336"/>
              <a:gd name="connsiteY148" fmla="*/ 2194745 h 2323145"/>
              <a:gd name="connsiteX149" fmla="*/ 4366646 w 11269336"/>
              <a:gd name="connsiteY149" fmla="*/ 2198564 h 2323145"/>
              <a:gd name="connsiteX150" fmla="*/ 4354009 w 11269336"/>
              <a:gd name="connsiteY150" fmla="*/ 2204984 h 2323145"/>
              <a:gd name="connsiteX151" fmla="*/ 4348284 w 11269336"/>
              <a:gd name="connsiteY151" fmla="*/ 2205270 h 2323145"/>
              <a:gd name="connsiteX152" fmla="*/ 4333906 w 11269336"/>
              <a:gd name="connsiteY152" fmla="*/ 2205251 h 2323145"/>
              <a:gd name="connsiteX153" fmla="*/ 4308819 w 11269336"/>
              <a:gd name="connsiteY153" fmla="*/ 2203822 h 2323145"/>
              <a:gd name="connsiteX154" fmla="*/ 4301210 w 11269336"/>
              <a:gd name="connsiteY154" fmla="*/ 2204456 h 2323145"/>
              <a:gd name="connsiteX155" fmla="*/ 4283095 w 11269336"/>
              <a:gd name="connsiteY155" fmla="*/ 2198177 h 2323145"/>
              <a:gd name="connsiteX156" fmla="*/ 4250119 w 11269336"/>
              <a:gd name="connsiteY156" fmla="*/ 2196342 h 2323145"/>
              <a:gd name="connsiteX157" fmla="*/ 4189203 w 11269336"/>
              <a:gd name="connsiteY157" fmla="*/ 2178994 h 2323145"/>
              <a:gd name="connsiteX158" fmla="*/ 4154035 w 11269336"/>
              <a:gd name="connsiteY158" fmla="*/ 2171950 h 2323145"/>
              <a:gd name="connsiteX159" fmla="*/ 4129569 w 11269336"/>
              <a:gd name="connsiteY159" fmla="*/ 2163850 h 2323145"/>
              <a:gd name="connsiteX160" fmla="*/ 4061250 w 11269336"/>
              <a:gd name="connsiteY160" fmla="*/ 2159236 h 2323145"/>
              <a:gd name="connsiteX161" fmla="*/ 3945480 w 11269336"/>
              <a:gd name="connsiteY161" fmla="*/ 2158279 h 2323145"/>
              <a:gd name="connsiteX162" fmla="*/ 3921468 w 11269336"/>
              <a:gd name="connsiteY162" fmla="*/ 2156588 h 2323145"/>
              <a:gd name="connsiteX163" fmla="*/ 3903348 w 11269336"/>
              <a:gd name="connsiteY163" fmla="*/ 2149220 h 2323145"/>
              <a:gd name="connsiteX164" fmla="*/ 3901342 w 11269336"/>
              <a:gd name="connsiteY164" fmla="*/ 2142355 h 2323145"/>
              <a:gd name="connsiteX165" fmla="*/ 3888539 w 11269336"/>
              <a:gd name="connsiteY165" fmla="*/ 2140476 h 2323145"/>
              <a:gd name="connsiteX166" fmla="*/ 3885662 w 11269336"/>
              <a:gd name="connsiteY166" fmla="*/ 2138740 h 2323145"/>
              <a:gd name="connsiteX167" fmla="*/ 3868627 w 11269336"/>
              <a:gd name="connsiteY167" fmla="*/ 2130023 h 2323145"/>
              <a:gd name="connsiteX168" fmla="*/ 3819177 w 11269336"/>
              <a:gd name="connsiteY168" fmla="*/ 2142111 h 2323145"/>
              <a:gd name="connsiteX169" fmla="*/ 3769100 w 11269336"/>
              <a:gd name="connsiteY169" fmla="*/ 2131731 h 2323145"/>
              <a:gd name="connsiteX170" fmla="*/ 3562752 w 11269336"/>
              <a:gd name="connsiteY170" fmla="*/ 2131785 h 2323145"/>
              <a:gd name="connsiteX171" fmla="*/ 3541402 w 11269336"/>
              <a:gd name="connsiteY171" fmla="*/ 2106821 h 2323145"/>
              <a:gd name="connsiteX172" fmla="*/ 3365341 w 11269336"/>
              <a:gd name="connsiteY172" fmla="*/ 2077638 h 2323145"/>
              <a:gd name="connsiteX173" fmla="*/ 3170922 w 11269336"/>
              <a:gd name="connsiteY173" fmla="*/ 2115957 h 2323145"/>
              <a:gd name="connsiteX174" fmla="*/ 3156256 w 11269336"/>
              <a:gd name="connsiteY174" fmla="*/ 2124773 h 2323145"/>
              <a:gd name="connsiteX175" fmla="*/ 3140298 w 11269336"/>
              <a:gd name="connsiteY175" fmla="*/ 2129182 h 2323145"/>
              <a:gd name="connsiteX176" fmla="*/ 3138514 w 11269336"/>
              <a:gd name="connsiteY176" fmla="*/ 2128069 h 2323145"/>
              <a:gd name="connsiteX177" fmla="*/ 3120467 w 11269336"/>
              <a:gd name="connsiteY177" fmla="*/ 2128281 h 2323145"/>
              <a:gd name="connsiteX178" fmla="*/ 3116175 w 11269336"/>
              <a:gd name="connsiteY178" fmla="*/ 2131633 h 2323145"/>
              <a:gd name="connsiteX179" fmla="*/ 3103685 w 11269336"/>
              <a:gd name="connsiteY179" fmla="*/ 2132814 h 2323145"/>
              <a:gd name="connsiteX180" fmla="*/ 3078794 w 11269336"/>
              <a:gd name="connsiteY180" fmla="*/ 2137935 h 2323145"/>
              <a:gd name="connsiteX181" fmla="*/ 3074407 w 11269336"/>
              <a:gd name="connsiteY181" fmla="*/ 2136274 h 2323145"/>
              <a:gd name="connsiteX182" fmla="*/ 3037285 w 11269336"/>
              <a:gd name="connsiteY182" fmla="*/ 2139919 h 2323145"/>
              <a:gd name="connsiteX183" fmla="*/ 3036901 w 11269336"/>
              <a:gd name="connsiteY183" fmla="*/ 2138726 h 2323145"/>
              <a:gd name="connsiteX184" fmla="*/ 3026996 w 11269336"/>
              <a:gd name="connsiteY184" fmla="*/ 2134322 h 2323145"/>
              <a:gd name="connsiteX185" fmla="*/ 3007772 w 11269336"/>
              <a:gd name="connsiteY185" fmla="*/ 2128742 h 2323145"/>
              <a:gd name="connsiteX186" fmla="*/ 2965030 w 11269336"/>
              <a:gd name="connsiteY186" fmla="*/ 2100494 h 2323145"/>
              <a:gd name="connsiteX187" fmla="*/ 2926342 w 11269336"/>
              <a:gd name="connsiteY187" fmla="*/ 2104155 h 2323145"/>
              <a:gd name="connsiteX188" fmla="*/ 2918608 w 11269336"/>
              <a:gd name="connsiteY188" fmla="*/ 2104215 h 2323145"/>
              <a:gd name="connsiteX189" fmla="*/ 2918475 w 11269336"/>
              <a:gd name="connsiteY189" fmla="*/ 2103937 h 2323145"/>
              <a:gd name="connsiteX190" fmla="*/ 2910360 w 11269336"/>
              <a:gd name="connsiteY190" fmla="*/ 2103444 h 2323145"/>
              <a:gd name="connsiteX191" fmla="*/ 2904507 w 11269336"/>
              <a:gd name="connsiteY191" fmla="*/ 2104326 h 2323145"/>
              <a:gd name="connsiteX192" fmla="*/ 2889503 w 11269336"/>
              <a:gd name="connsiteY192" fmla="*/ 2104443 h 2323145"/>
              <a:gd name="connsiteX193" fmla="*/ 2884480 w 11269336"/>
              <a:gd name="connsiteY193" fmla="*/ 2102626 h 2323145"/>
              <a:gd name="connsiteX194" fmla="*/ 2882689 w 11269336"/>
              <a:gd name="connsiteY194" fmla="*/ 2099228 h 2323145"/>
              <a:gd name="connsiteX195" fmla="*/ 2881291 w 11269336"/>
              <a:gd name="connsiteY195" fmla="*/ 2099618 h 2323145"/>
              <a:gd name="connsiteX196" fmla="*/ 2853979 w 11269336"/>
              <a:gd name="connsiteY196" fmla="*/ 2090388 h 2323145"/>
              <a:gd name="connsiteX197" fmla="*/ 2791790 w 11269336"/>
              <a:gd name="connsiteY197" fmla="*/ 2080332 h 2323145"/>
              <a:gd name="connsiteX198" fmla="*/ 2755844 w 11269336"/>
              <a:gd name="connsiteY198" fmla="*/ 2078874 h 2323145"/>
              <a:gd name="connsiteX199" fmla="*/ 2657742 w 11269336"/>
              <a:gd name="connsiteY199" fmla="*/ 2070179 h 2323145"/>
              <a:gd name="connsiteX200" fmla="*/ 2559549 w 11269336"/>
              <a:gd name="connsiteY200" fmla="*/ 2057873 h 2323145"/>
              <a:gd name="connsiteX201" fmla="*/ 2512054 w 11269336"/>
              <a:gd name="connsiteY201" fmla="*/ 2031671 h 2323145"/>
              <a:gd name="connsiteX202" fmla="*/ 2506437 w 11269336"/>
              <a:gd name="connsiteY202" fmla="*/ 2030918 h 2323145"/>
              <a:gd name="connsiteX203" fmla="*/ 2491752 w 11269336"/>
              <a:gd name="connsiteY203" fmla="*/ 2033906 h 2323145"/>
              <a:gd name="connsiteX204" fmla="*/ 2486338 w 11269336"/>
              <a:gd name="connsiteY204" fmla="*/ 2035862 h 2323145"/>
              <a:gd name="connsiteX205" fmla="*/ 2478186 w 11269336"/>
              <a:gd name="connsiteY205" fmla="*/ 2036953 h 2323145"/>
              <a:gd name="connsiteX206" fmla="*/ 2477950 w 11269336"/>
              <a:gd name="connsiteY206" fmla="*/ 2036715 h 2323145"/>
              <a:gd name="connsiteX207" fmla="*/ 2470381 w 11269336"/>
              <a:gd name="connsiteY207" fmla="*/ 2038256 h 2323145"/>
              <a:gd name="connsiteX208" fmla="*/ 2433781 w 11269336"/>
              <a:gd name="connsiteY208" fmla="*/ 2049140 h 2323145"/>
              <a:gd name="connsiteX209" fmla="*/ 2381172 w 11269336"/>
              <a:gd name="connsiteY209" fmla="*/ 2030645 h 2323145"/>
              <a:gd name="connsiteX210" fmla="*/ 2360198 w 11269336"/>
              <a:gd name="connsiteY210" fmla="*/ 2029059 h 2323145"/>
              <a:gd name="connsiteX211" fmla="*/ 2348815 w 11269336"/>
              <a:gd name="connsiteY211" fmla="*/ 2026798 h 2323145"/>
              <a:gd name="connsiteX212" fmla="*/ 2347988 w 11269336"/>
              <a:gd name="connsiteY212" fmla="*/ 2025745 h 2323145"/>
              <a:gd name="connsiteX213" fmla="*/ 2312920 w 11269336"/>
              <a:gd name="connsiteY213" fmla="*/ 2036311 h 2323145"/>
              <a:gd name="connsiteX214" fmla="*/ 2307986 w 11269336"/>
              <a:gd name="connsiteY214" fmla="*/ 2035583 h 2323145"/>
              <a:gd name="connsiteX215" fmla="*/ 2285481 w 11269336"/>
              <a:gd name="connsiteY215" fmla="*/ 2045197 h 2323145"/>
              <a:gd name="connsiteX216" fmla="*/ 2273666 w 11269336"/>
              <a:gd name="connsiteY216" fmla="*/ 2048710 h 2323145"/>
              <a:gd name="connsiteX217" fmla="*/ 2270719 w 11269336"/>
              <a:gd name="connsiteY217" fmla="*/ 2052702 h 2323145"/>
              <a:gd name="connsiteX218" fmla="*/ 2253080 w 11269336"/>
              <a:gd name="connsiteY218" fmla="*/ 2056363 h 2323145"/>
              <a:gd name="connsiteX219" fmla="*/ 2250906 w 11269336"/>
              <a:gd name="connsiteY219" fmla="*/ 2055654 h 2323145"/>
              <a:gd name="connsiteX220" fmla="*/ 2236905 w 11269336"/>
              <a:gd name="connsiteY220" fmla="*/ 2062882 h 2323145"/>
              <a:gd name="connsiteX221" fmla="*/ 2225830 w 11269336"/>
              <a:gd name="connsiteY221" fmla="*/ 2074027 h 2323145"/>
              <a:gd name="connsiteX222" fmla="*/ 2073776 w 11269336"/>
              <a:gd name="connsiteY222" fmla="*/ 2089244 h 2323145"/>
              <a:gd name="connsiteX223" fmla="*/ 1948256 w 11269336"/>
              <a:gd name="connsiteY223" fmla="*/ 2146616 h 2323145"/>
              <a:gd name="connsiteX224" fmla="*/ 1865582 w 11269336"/>
              <a:gd name="connsiteY224" fmla="*/ 2153738 h 2323145"/>
              <a:gd name="connsiteX225" fmla="*/ 1835210 w 11269336"/>
              <a:gd name="connsiteY225" fmla="*/ 2134244 h 2323145"/>
              <a:gd name="connsiteX226" fmla="*/ 1632661 w 11269336"/>
              <a:gd name="connsiteY226" fmla="*/ 2173882 h 2323145"/>
              <a:gd name="connsiteX227" fmla="*/ 1579590 w 11269336"/>
              <a:gd name="connsiteY227" fmla="*/ 2173680 h 2323145"/>
              <a:gd name="connsiteX228" fmla="*/ 1535601 w 11269336"/>
              <a:gd name="connsiteY228" fmla="*/ 2194590 h 2323145"/>
              <a:gd name="connsiteX229" fmla="*/ 1515594 w 11269336"/>
              <a:gd name="connsiteY229" fmla="*/ 2189622 h 2323145"/>
              <a:gd name="connsiteX230" fmla="*/ 1512113 w 11269336"/>
              <a:gd name="connsiteY230" fmla="*/ 2188534 h 2323145"/>
              <a:gd name="connsiteX231" fmla="*/ 1498838 w 11269336"/>
              <a:gd name="connsiteY231" fmla="*/ 2189213 h 2323145"/>
              <a:gd name="connsiteX232" fmla="*/ 1494279 w 11269336"/>
              <a:gd name="connsiteY232" fmla="*/ 2183112 h 2323145"/>
              <a:gd name="connsiteX233" fmla="*/ 1473714 w 11269336"/>
              <a:gd name="connsiteY233" fmla="*/ 2179625 h 2323145"/>
              <a:gd name="connsiteX234" fmla="*/ 1449503 w 11269336"/>
              <a:gd name="connsiteY234" fmla="*/ 2182633 h 2323145"/>
              <a:gd name="connsiteX235" fmla="*/ 1266687 w 11269336"/>
              <a:gd name="connsiteY235" fmla="*/ 2212688 h 2323145"/>
              <a:gd name="connsiteX236" fmla="*/ 1239614 w 11269336"/>
              <a:gd name="connsiteY236" fmla="*/ 2209727 h 2323145"/>
              <a:gd name="connsiteX237" fmla="*/ 1202436 w 11269336"/>
              <a:gd name="connsiteY237" fmla="*/ 2209817 h 2323145"/>
              <a:gd name="connsiteX238" fmla="*/ 1136097 w 11269336"/>
              <a:gd name="connsiteY238" fmla="*/ 2205112 h 2323145"/>
              <a:gd name="connsiteX239" fmla="*/ 988232 w 11269336"/>
              <a:gd name="connsiteY239" fmla="*/ 2235635 h 2323145"/>
              <a:gd name="connsiteX240" fmla="*/ 981959 w 11269336"/>
              <a:gd name="connsiteY240" fmla="*/ 2231607 h 2323145"/>
              <a:gd name="connsiteX241" fmla="*/ 938600 w 11269336"/>
              <a:gd name="connsiteY241" fmla="*/ 2238113 h 2323145"/>
              <a:gd name="connsiteX242" fmla="*/ 791788 w 11269336"/>
              <a:gd name="connsiteY242" fmla="*/ 2293224 h 2323145"/>
              <a:gd name="connsiteX243" fmla="*/ 706914 w 11269336"/>
              <a:gd name="connsiteY243" fmla="*/ 2305046 h 2323145"/>
              <a:gd name="connsiteX244" fmla="*/ 675971 w 11269336"/>
              <a:gd name="connsiteY244" fmla="*/ 2304030 h 2323145"/>
              <a:gd name="connsiteX245" fmla="*/ 624180 w 11269336"/>
              <a:gd name="connsiteY245" fmla="*/ 2302650 h 2323145"/>
              <a:gd name="connsiteX246" fmla="*/ 583453 w 11269336"/>
              <a:gd name="connsiteY246" fmla="*/ 2288788 h 2323145"/>
              <a:gd name="connsiteX247" fmla="*/ 540946 w 11269336"/>
              <a:gd name="connsiteY247" fmla="*/ 2292721 h 2323145"/>
              <a:gd name="connsiteX248" fmla="*/ 533680 w 11269336"/>
              <a:gd name="connsiteY248" fmla="*/ 2310233 h 2323145"/>
              <a:gd name="connsiteX249" fmla="*/ 487366 w 11269336"/>
              <a:gd name="connsiteY249" fmla="*/ 2309053 h 2323145"/>
              <a:gd name="connsiteX250" fmla="*/ 416820 w 11269336"/>
              <a:gd name="connsiteY250" fmla="*/ 2305443 h 2323145"/>
              <a:gd name="connsiteX251" fmla="*/ 376805 w 11269336"/>
              <a:gd name="connsiteY251" fmla="*/ 2307647 h 2323145"/>
              <a:gd name="connsiteX252" fmla="*/ 266777 w 11269336"/>
              <a:gd name="connsiteY252" fmla="*/ 2309012 h 2323145"/>
              <a:gd name="connsiteX253" fmla="*/ 156013 w 11269336"/>
              <a:gd name="connsiteY253" fmla="*/ 2306832 h 2323145"/>
              <a:gd name="connsiteX254" fmla="*/ 87258 w 11269336"/>
              <a:gd name="connsiteY254" fmla="*/ 2285511 h 2323145"/>
              <a:gd name="connsiteX255" fmla="*/ 23798 w 11269336"/>
              <a:gd name="connsiteY255" fmla="*/ 2281822 h 2323145"/>
              <a:gd name="connsiteX256" fmla="*/ 0 w 11269336"/>
              <a:gd name="connsiteY256" fmla="*/ 2285369 h 2323145"/>
              <a:gd name="connsiteX257" fmla="*/ 0 w 11269336"/>
              <a:gd name="connsiteY257"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59937 w 11269336"/>
              <a:gd name="connsiteY144" fmla="*/ 2195182 h 2323145"/>
              <a:gd name="connsiteX145" fmla="*/ 4433312 w 11269336"/>
              <a:gd name="connsiteY145" fmla="*/ 2199004 h 2323145"/>
              <a:gd name="connsiteX146" fmla="*/ 4405765 w 11269336"/>
              <a:gd name="connsiteY146" fmla="*/ 2199902 h 2323145"/>
              <a:gd name="connsiteX147" fmla="*/ 4401354 w 11269336"/>
              <a:gd name="connsiteY147" fmla="*/ 2194745 h 2323145"/>
              <a:gd name="connsiteX148" fmla="*/ 4366646 w 11269336"/>
              <a:gd name="connsiteY148" fmla="*/ 2198564 h 2323145"/>
              <a:gd name="connsiteX149" fmla="*/ 4354009 w 11269336"/>
              <a:gd name="connsiteY149" fmla="*/ 2204984 h 2323145"/>
              <a:gd name="connsiteX150" fmla="*/ 4348284 w 11269336"/>
              <a:gd name="connsiteY150" fmla="*/ 2205270 h 2323145"/>
              <a:gd name="connsiteX151" fmla="*/ 4333906 w 11269336"/>
              <a:gd name="connsiteY151" fmla="*/ 2205251 h 2323145"/>
              <a:gd name="connsiteX152" fmla="*/ 4308819 w 11269336"/>
              <a:gd name="connsiteY152" fmla="*/ 2203822 h 2323145"/>
              <a:gd name="connsiteX153" fmla="*/ 4301210 w 11269336"/>
              <a:gd name="connsiteY153" fmla="*/ 2204456 h 2323145"/>
              <a:gd name="connsiteX154" fmla="*/ 4283095 w 11269336"/>
              <a:gd name="connsiteY154" fmla="*/ 2198177 h 2323145"/>
              <a:gd name="connsiteX155" fmla="*/ 4250119 w 11269336"/>
              <a:gd name="connsiteY155" fmla="*/ 2196342 h 2323145"/>
              <a:gd name="connsiteX156" fmla="*/ 4189203 w 11269336"/>
              <a:gd name="connsiteY156" fmla="*/ 2178994 h 2323145"/>
              <a:gd name="connsiteX157" fmla="*/ 4154035 w 11269336"/>
              <a:gd name="connsiteY157" fmla="*/ 2171950 h 2323145"/>
              <a:gd name="connsiteX158" fmla="*/ 4129569 w 11269336"/>
              <a:gd name="connsiteY158" fmla="*/ 2163850 h 2323145"/>
              <a:gd name="connsiteX159" fmla="*/ 4061250 w 11269336"/>
              <a:gd name="connsiteY159" fmla="*/ 2159236 h 2323145"/>
              <a:gd name="connsiteX160" fmla="*/ 3945480 w 11269336"/>
              <a:gd name="connsiteY160" fmla="*/ 2158279 h 2323145"/>
              <a:gd name="connsiteX161" fmla="*/ 3921468 w 11269336"/>
              <a:gd name="connsiteY161" fmla="*/ 2156588 h 2323145"/>
              <a:gd name="connsiteX162" fmla="*/ 3903348 w 11269336"/>
              <a:gd name="connsiteY162" fmla="*/ 2149220 h 2323145"/>
              <a:gd name="connsiteX163" fmla="*/ 3901342 w 11269336"/>
              <a:gd name="connsiteY163" fmla="*/ 2142355 h 2323145"/>
              <a:gd name="connsiteX164" fmla="*/ 3888539 w 11269336"/>
              <a:gd name="connsiteY164" fmla="*/ 2140476 h 2323145"/>
              <a:gd name="connsiteX165" fmla="*/ 3885662 w 11269336"/>
              <a:gd name="connsiteY165" fmla="*/ 2138740 h 2323145"/>
              <a:gd name="connsiteX166" fmla="*/ 3868627 w 11269336"/>
              <a:gd name="connsiteY166" fmla="*/ 2130023 h 2323145"/>
              <a:gd name="connsiteX167" fmla="*/ 3819177 w 11269336"/>
              <a:gd name="connsiteY167" fmla="*/ 2142111 h 2323145"/>
              <a:gd name="connsiteX168" fmla="*/ 3769100 w 11269336"/>
              <a:gd name="connsiteY168" fmla="*/ 2131731 h 2323145"/>
              <a:gd name="connsiteX169" fmla="*/ 3562752 w 11269336"/>
              <a:gd name="connsiteY169" fmla="*/ 2131785 h 2323145"/>
              <a:gd name="connsiteX170" fmla="*/ 3541402 w 11269336"/>
              <a:gd name="connsiteY170" fmla="*/ 2106821 h 2323145"/>
              <a:gd name="connsiteX171" fmla="*/ 3365341 w 11269336"/>
              <a:gd name="connsiteY171" fmla="*/ 2077638 h 2323145"/>
              <a:gd name="connsiteX172" fmla="*/ 3170922 w 11269336"/>
              <a:gd name="connsiteY172" fmla="*/ 2115957 h 2323145"/>
              <a:gd name="connsiteX173" fmla="*/ 3156256 w 11269336"/>
              <a:gd name="connsiteY173" fmla="*/ 2124773 h 2323145"/>
              <a:gd name="connsiteX174" fmla="*/ 3140298 w 11269336"/>
              <a:gd name="connsiteY174" fmla="*/ 2129182 h 2323145"/>
              <a:gd name="connsiteX175" fmla="*/ 3138514 w 11269336"/>
              <a:gd name="connsiteY175" fmla="*/ 2128069 h 2323145"/>
              <a:gd name="connsiteX176" fmla="*/ 3120467 w 11269336"/>
              <a:gd name="connsiteY176" fmla="*/ 2128281 h 2323145"/>
              <a:gd name="connsiteX177" fmla="*/ 3116175 w 11269336"/>
              <a:gd name="connsiteY177" fmla="*/ 2131633 h 2323145"/>
              <a:gd name="connsiteX178" fmla="*/ 3103685 w 11269336"/>
              <a:gd name="connsiteY178" fmla="*/ 2132814 h 2323145"/>
              <a:gd name="connsiteX179" fmla="*/ 3078794 w 11269336"/>
              <a:gd name="connsiteY179" fmla="*/ 2137935 h 2323145"/>
              <a:gd name="connsiteX180" fmla="*/ 3074407 w 11269336"/>
              <a:gd name="connsiteY180" fmla="*/ 2136274 h 2323145"/>
              <a:gd name="connsiteX181" fmla="*/ 3037285 w 11269336"/>
              <a:gd name="connsiteY181" fmla="*/ 2139919 h 2323145"/>
              <a:gd name="connsiteX182" fmla="*/ 3036901 w 11269336"/>
              <a:gd name="connsiteY182" fmla="*/ 2138726 h 2323145"/>
              <a:gd name="connsiteX183" fmla="*/ 3026996 w 11269336"/>
              <a:gd name="connsiteY183" fmla="*/ 2134322 h 2323145"/>
              <a:gd name="connsiteX184" fmla="*/ 3007772 w 11269336"/>
              <a:gd name="connsiteY184" fmla="*/ 2128742 h 2323145"/>
              <a:gd name="connsiteX185" fmla="*/ 2965030 w 11269336"/>
              <a:gd name="connsiteY185" fmla="*/ 2100494 h 2323145"/>
              <a:gd name="connsiteX186" fmla="*/ 2926342 w 11269336"/>
              <a:gd name="connsiteY186" fmla="*/ 2104155 h 2323145"/>
              <a:gd name="connsiteX187" fmla="*/ 2918608 w 11269336"/>
              <a:gd name="connsiteY187" fmla="*/ 2104215 h 2323145"/>
              <a:gd name="connsiteX188" fmla="*/ 2918475 w 11269336"/>
              <a:gd name="connsiteY188" fmla="*/ 2103937 h 2323145"/>
              <a:gd name="connsiteX189" fmla="*/ 2910360 w 11269336"/>
              <a:gd name="connsiteY189" fmla="*/ 2103444 h 2323145"/>
              <a:gd name="connsiteX190" fmla="*/ 2904507 w 11269336"/>
              <a:gd name="connsiteY190" fmla="*/ 2104326 h 2323145"/>
              <a:gd name="connsiteX191" fmla="*/ 2889503 w 11269336"/>
              <a:gd name="connsiteY191" fmla="*/ 2104443 h 2323145"/>
              <a:gd name="connsiteX192" fmla="*/ 2884480 w 11269336"/>
              <a:gd name="connsiteY192" fmla="*/ 2102626 h 2323145"/>
              <a:gd name="connsiteX193" fmla="*/ 2882689 w 11269336"/>
              <a:gd name="connsiteY193" fmla="*/ 2099228 h 2323145"/>
              <a:gd name="connsiteX194" fmla="*/ 2881291 w 11269336"/>
              <a:gd name="connsiteY194" fmla="*/ 2099618 h 2323145"/>
              <a:gd name="connsiteX195" fmla="*/ 2853979 w 11269336"/>
              <a:gd name="connsiteY195" fmla="*/ 2090388 h 2323145"/>
              <a:gd name="connsiteX196" fmla="*/ 2791790 w 11269336"/>
              <a:gd name="connsiteY196" fmla="*/ 2080332 h 2323145"/>
              <a:gd name="connsiteX197" fmla="*/ 2755844 w 11269336"/>
              <a:gd name="connsiteY197" fmla="*/ 2078874 h 2323145"/>
              <a:gd name="connsiteX198" fmla="*/ 2657742 w 11269336"/>
              <a:gd name="connsiteY198" fmla="*/ 2070179 h 2323145"/>
              <a:gd name="connsiteX199" fmla="*/ 2559549 w 11269336"/>
              <a:gd name="connsiteY199" fmla="*/ 2057873 h 2323145"/>
              <a:gd name="connsiteX200" fmla="*/ 2512054 w 11269336"/>
              <a:gd name="connsiteY200" fmla="*/ 2031671 h 2323145"/>
              <a:gd name="connsiteX201" fmla="*/ 2506437 w 11269336"/>
              <a:gd name="connsiteY201" fmla="*/ 2030918 h 2323145"/>
              <a:gd name="connsiteX202" fmla="*/ 2491752 w 11269336"/>
              <a:gd name="connsiteY202" fmla="*/ 2033906 h 2323145"/>
              <a:gd name="connsiteX203" fmla="*/ 2486338 w 11269336"/>
              <a:gd name="connsiteY203" fmla="*/ 2035862 h 2323145"/>
              <a:gd name="connsiteX204" fmla="*/ 2478186 w 11269336"/>
              <a:gd name="connsiteY204" fmla="*/ 2036953 h 2323145"/>
              <a:gd name="connsiteX205" fmla="*/ 2477950 w 11269336"/>
              <a:gd name="connsiteY205" fmla="*/ 2036715 h 2323145"/>
              <a:gd name="connsiteX206" fmla="*/ 2470381 w 11269336"/>
              <a:gd name="connsiteY206" fmla="*/ 2038256 h 2323145"/>
              <a:gd name="connsiteX207" fmla="*/ 2433781 w 11269336"/>
              <a:gd name="connsiteY207" fmla="*/ 2049140 h 2323145"/>
              <a:gd name="connsiteX208" fmla="*/ 2381172 w 11269336"/>
              <a:gd name="connsiteY208" fmla="*/ 2030645 h 2323145"/>
              <a:gd name="connsiteX209" fmla="*/ 2360198 w 11269336"/>
              <a:gd name="connsiteY209" fmla="*/ 2029059 h 2323145"/>
              <a:gd name="connsiteX210" fmla="*/ 2348815 w 11269336"/>
              <a:gd name="connsiteY210" fmla="*/ 2026798 h 2323145"/>
              <a:gd name="connsiteX211" fmla="*/ 2347988 w 11269336"/>
              <a:gd name="connsiteY211" fmla="*/ 2025745 h 2323145"/>
              <a:gd name="connsiteX212" fmla="*/ 2312920 w 11269336"/>
              <a:gd name="connsiteY212" fmla="*/ 2036311 h 2323145"/>
              <a:gd name="connsiteX213" fmla="*/ 2307986 w 11269336"/>
              <a:gd name="connsiteY213" fmla="*/ 2035583 h 2323145"/>
              <a:gd name="connsiteX214" fmla="*/ 2285481 w 11269336"/>
              <a:gd name="connsiteY214" fmla="*/ 2045197 h 2323145"/>
              <a:gd name="connsiteX215" fmla="*/ 2273666 w 11269336"/>
              <a:gd name="connsiteY215" fmla="*/ 2048710 h 2323145"/>
              <a:gd name="connsiteX216" fmla="*/ 2270719 w 11269336"/>
              <a:gd name="connsiteY216" fmla="*/ 2052702 h 2323145"/>
              <a:gd name="connsiteX217" fmla="*/ 2253080 w 11269336"/>
              <a:gd name="connsiteY217" fmla="*/ 2056363 h 2323145"/>
              <a:gd name="connsiteX218" fmla="*/ 2250906 w 11269336"/>
              <a:gd name="connsiteY218" fmla="*/ 2055654 h 2323145"/>
              <a:gd name="connsiteX219" fmla="*/ 2236905 w 11269336"/>
              <a:gd name="connsiteY219" fmla="*/ 2062882 h 2323145"/>
              <a:gd name="connsiteX220" fmla="*/ 2225830 w 11269336"/>
              <a:gd name="connsiteY220" fmla="*/ 2074027 h 2323145"/>
              <a:gd name="connsiteX221" fmla="*/ 2073776 w 11269336"/>
              <a:gd name="connsiteY221" fmla="*/ 2089244 h 2323145"/>
              <a:gd name="connsiteX222" fmla="*/ 1948256 w 11269336"/>
              <a:gd name="connsiteY222" fmla="*/ 2146616 h 2323145"/>
              <a:gd name="connsiteX223" fmla="*/ 1865582 w 11269336"/>
              <a:gd name="connsiteY223" fmla="*/ 2153738 h 2323145"/>
              <a:gd name="connsiteX224" fmla="*/ 1835210 w 11269336"/>
              <a:gd name="connsiteY224" fmla="*/ 2134244 h 2323145"/>
              <a:gd name="connsiteX225" fmla="*/ 1632661 w 11269336"/>
              <a:gd name="connsiteY225" fmla="*/ 2173882 h 2323145"/>
              <a:gd name="connsiteX226" fmla="*/ 1579590 w 11269336"/>
              <a:gd name="connsiteY226" fmla="*/ 2173680 h 2323145"/>
              <a:gd name="connsiteX227" fmla="*/ 1535601 w 11269336"/>
              <a:gd name="connsiteY227" fmla="*/ 2194590 h 2323145"/>
              <a:gd name="connsiteX228" fmla="*/ 1515594 w 11269336"/>
              <a:gd name="connsiteY228" fmla="*/ 2189622 h 2323145"/>
              <a:gd name="connsiteX229" fmla="*/ 1512113 w 11269336"/>
              <a:gd name="connsiteY229" fmla="*/ 2188534 h 2323145"/>
              <a:gd name="connsiteX230" fmla="*/ 1498838 w 11269336"/>
              <a:gd name="connsiteY230" fmla="*/ 2189213 h 2323145"/>
              <a:gd name="connsiteX231" fmla="*/ 1494279 w 11269336"/>
              <a:gd name="connsiteY231" fmla="*/ 2183112 h 2323145"/>
              <a:gd name="connsiteX232" fmla="*/ 1473714 w 11269336"/>
              <a:gd name="connsiteY232" fmla="*/ 2179625 h 2323145"/>
              <a:gd name="connsiteX233" fmla="*/ 1449503 w 11269336"/>
              <a:gd name="connsiteY233" fmla="*/ 2182633 h 2323145"/>
              <a:gd name="connsiteX234" fmla="*/ 1266687 w 11269336"/>
              <a:gd name="connsiteY234" fmla="*/ 2212688 h 2323145"/>
              <a:gd name="connsiteX235" fmla="*/ 1239614 w 11269336"/>
              <a:gd name="connsiteY235" fmla="*/ 2209727 h 2323145"/>
              <a:gd name="connsiteX236" fmla="*/ 1202436 w 11269336"/>
              <a:gd name="connsiteY236" fmla="*/ 2209817 h 2323145"/>
              <a:gd name="connsiteX237" fmla="*/ 1136097 w 11269336"/>
              <a:gd name="connsiteY237" fmla="*/ 2205112 h 2323145"/>
              <a:gd name="connsiteX238" fmla="*/ 988232 w 11269336"/>
              <a:gd name="connsiteY238" fmla="*/ 2235635 h 2323145"/>
              <a:gd name="connsiteX239" fmla="*/ 981959 w 11269336"/>
              <a:gd name="connsiteY239" fmla="*/ 2231607 h 2323145"/>
              <a:gd name="connsiteX240" fmla="*/ 938600 w 11269336"/>
              <a:gd name="connsiteY240" fmla="*/ 2238113 h 2323145"/>
              <a:gd name="connsiteX241" fmla="*/ 791788 w 11269336"/>
              <a:gd name="connsiteY241" fmla="*/ 2293224 h 2323145"/>
              <a:gd name="connsiteX242" fmla="*/ 706914 w 11269336"/>
              <a:gd name="connsiteY242" fmla="*/ 2305046 h 2323145"/>
              <a:gd name="connsiteX243" fmla="*/ 675971 w 11269336"/>
              <a:gd name="connsiteY243" fmla="*/ 2304030 h 2323145"/>
              <a:gd name="connsiteX244" fmla="*/ 624180 w 11269336"/>
              <a:gd name="connsiteY244" fmla="*/ 2302650 h 2323145"/>
              <a:gd name="connsiteX245" fmla="*/ 583453 w 11269336"/>
              <a:gd name="connsiteY245" fmla="*/ 2288788 h 2323145"/>
              <a:gd name="connsiteX246" fmla="*/ 540946 w 11269336"/>
              <a:gd name="connsiteY246" fmla="*/ 2292721 h 2323145"/>
              <a:gd name="connsiteX247" fmla="*/ 533680 w 11269336"/>
              <a:gd name="connsiteY247" fmla="*/ 2310233 h 2323145"/>
              <a:gd name="connsiteX248" fmla="*/ 487366 w 11269336"/>
              <a:gd name="connsiteY248" fmla="*/ 2309053 h 2323145"/>
              <a:gd name="connsiteX249" fmla="*/ 416820 w 11269336"/>
              <a:gd name="connsiteY249" fmla="*/ 2305443 h 2323145"/>
              <a:gd name="connsiteX250" fmla="*/ 376805 w 11269336"/>
              <a:gd name="connsiteY250" fmla="*/ 2307647 h 2323145"/>
              <a:gd name="connsiteX251" fmla="*/ 266777 w 11269336"/>
              <a:gd name="connsiteY251" fmla="*/ 2309012 h 2323145"/>
              <a:gd name="connsiteX252" fmla="*/ 156013 w 11269336"/>
              <a:gd name="connsiteY252" fmla="*/ 2306832 h 2323145"/>
              <a:gd name="connsiteX253" fmla="*/ 87258 w 11269336"/>
              <a:gd name="connsiteY253" fmla="*/ 2285511 h 2323145"/>
              <a:gd name="connsiteX254" fmla="*/ 23798 w 11269336"/>
              <a:gd name="connsiteY254" fmla="*/ 2281822 h 2323145"/>
              <a:gd name="connsiteX255" fmla="*/ 0 w 11269336"/>
              <a:gd name="connsiteY255" fmla="*/ 2285369 h 2323145"/>
              <a:gd name="connsiteX256" fmla="*/ 0 w 11269336"/>
              <a:gd name="connsiteY256"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59937 w 11269336"/>
              <a:gd name="connsiteY144" fmla="*/ 2195182 h 2323145"/>
              <a:gd name="connsiteX145" fmla="*/ 4405765 w 11269336"/>
              <a:gd name="connsiteY145" fmla="*/ 2199902 h 2323145"/>
              <a:gd name="connsiteX146" fmla="*/ 4401354 w 11269336"/>
              <a:gd name="connsiteY146" fmla="*/ 2194745 h 2323145"/>
              <a:gd name="connsiteX147" fmla="*/ 4366646 w 11269336"/>
              <a:gd name="connsiteY147" fmla="*/ 2198564 h 2323145"/>
              <a:gd name="connsiteX148" fmla="*/ 4354009 w 11269336"/>
              <a:gd name="connsiteY148" fmla="*/ 2204984 h 2323145"/>
              <a:gd name="connsiteX149" fmla="*/ 4348284 w 11269336"/>
              <a:gd name="connsiteY149" fmla="*/ 2205270 h 2323145"/>
              <a:gd name="connsiteX150" fmla="*/ 4333906 w 11269336"/>
              <a:gd name="connsiteY150" fmla="*/ 2205251 h 2323145"/>
              <a:gd name="connsiteX151" fmla="*/ 4308819 w 11269336"/>
              <a:gd name="connsiteY151" fmla="*/ 2203822 h 2323145"/>
              <a:gd name="connsiteX152" fmla="*/ 4301210 w 11269336"/>
              <a:gd name="connsiteY152" fmla="*/ 2204456 h 2323145"/>
              <a:gd name="connsiteX153" fmla="*/ 4283095 w 11269336"/>
              <a:gd name="connsiteY153" fmla="*/ 2198177 h 2323145"/>
              <a:gd name="connsiteX154" fmla="*/ 4250119 w 11269336"/>
              <a:gd name="connsiteY154" fmla="*/ 2196342 h 2323145"/>
              <a:gd name="connsiteX155" fmla="*/ 4189203 w 11269336"/>
              <a:gd name="connsiteY155" fmla="*/ 2178994 h 2323145"/>
              <a:gd name="connsiteX156" fmla="*/ 4154035 w 11269336"/>
              <a:gd name="connsiteY156" fmla="*/ 2171950 h 2323145"/>
              <a:gd name="connsiteX157" fmla="*/ 4129569 w 11269336"/>
              <a:gd name="connsiteY157" fmla="*/ 2163850 h 2323145"/>
              <a:gd name="connsiteX158" fmla="*/ 4061250 w 11269336"/>
              <a:gd name="connsiteY158" fmla="*/ 2159236 h 2323145"/>
              <a:gd name="connsiteX159" fmla="*/ 3945480 w 11269336"/>
              <a:gd name="connsiteY159" fmla="*/ 2158279 h 2323145"/>
              <a:gd name="connsiteX160" fmla="*/ 3921468 w 11269336"/>
              <a:gd name="connsiteY160" fmla="*/ 2156588 h 2323145"/>
              <a:gd name="connsiteX161" fmla="*/ 3903348 w 11269336"/>
              <a:gd name="connsiteY161" fmla="*/ 2149220 h 2323145"/>
              <a:gd name="connsiteX162" fmla="*/ 3901342 w 11269336"/>
              <a:gd name="connsiteY162" fmla="*/ 2142355 h 2323145"/>
              <a:gd name="connsiteX163" fmla="*/ 3888539 w 11269336"/>
              <a:gd name="connsiteY163" fmla="*/ 2140476 h 2323145"/>
              <a:gd name="connsiteX164" fmla="*/ 3885662 w 11269336"/>
              <a:gd name="connsiteY164" fmla="*/ 2138740 h 2323145"/>
              <a:gd name="connsiteX165" fmla="*/ 3868627 w 11269336"/>
              <a:gd name="connsiteY165" fmla="*/ 2130023 h 2323145"/>
              <a:gd name="connsiteX166" fmla="*/ 3819177 w 11269336"/>
              <a:gd name="connsiteY166" fmla="*/ 2142111 h 2323145"/>
              <a:gd name="connsiteX167" fmla="*/ 3769100 w 11269336"/>
              <a:gd name="connsiteY167" fmla="*/ 2131731 h 2323145"/>
              <a:gd name="connsiteX168" fmla="*/ 3562752 w 11269336"/>
              <a:gd name="connsiteY168" fmla="*/ 2131785 h 2323145"/>
              <a:gd name="connsiteX169" fmla="*/ 3541402 w 11269336"/>
              <a:gd name="connsiteY169" fmla="*/ 2106821 h 2323145"/>
              <a:gd name="connsiteX170" fmla="*/ 3365341 w 11269336"/>
              <a:gd name="connsiteY170" fmla="*/ 2077638 h 2323145"/>
              <a:gd name="connsiteX171" fmla="*/ 3170922 w 11269336"/>
              <a:gd name="connsiteY171" fmla="*/ 2115957 h 2323145"/>
              <a:gd name="connsiteX172" fmla="*/ 3156256 w 11269336"/>
              <a:gd name="connsiteY172" fmla="*/ 2124773 h 2323145"/>
              <a:gd name="connsiteX173" fmla="*/ 3140298 w 11269336"/>
              <a:gd name="connsiteY173" fmla="*/ 2129182 h 2323145"/>
              <a:gd name="connsiteX174" fmla="*/ 3138514 w 11269336"/>
              <a:gd name="connsiteY174" fmla="*/ 2128069 h 2323145"/>
              <a:gd name="connsiteX175" fmla="*/ 3120467 w 11269336"/>
              <a:gd name="connsiteY175" fmla="*/ 2128281 h 2323145"/>
              <a:gd name="connsiteX176" fmla="*/ 3116175 w 11269336"/>
              <a:gd name="connsiteY176" fmla="*/ 2131633 h 2323145"/>
              <a:gd name="connsiteX177" fmla="*/ 3103685 w 11269336"/>
              <a:gd name="connsiteY177" fmla="*/ 2132814 h 2323145"/>
              <a:gd name="connsiteX178" fmla="*/ 3078794 w 11269336"/>
              <a:gd name="connsiteY178" fmla="*/ 2137935 h 2323145"/>
              <a:gd name="connsiteX179" fmla="*/ 3074407 w 11269336"/>
              <a:gd name="connsiteY179" fmla="*/ 2136274 h 2323145"/>
              <a:gd name="connsiteX180" fmla="*/ 3037285 w 11269336"/>
              <a:gd name="connsiteY180" fmla="*/ 2139919 h 2323145"/>
              <a:gd name="connsiteX181" fmla="*/ 3036901 w 11269336"/>
              <a:gd name="connsiteY181" fmla="*/ 2138726 h 2323145"/>
              <a:gd name="connsiteX182" fmla="*/ 3026996 w 11269336"/>
              <a:gd name="connsiteY182" fmla="*/ 2134322 h 2323145"/>
              <a:gd name="connsiteX183" fmla="*/ 3007772 w 11269336"/>
              <a:gd name="connsiteY183" fmla="*/ 2128742 h 2323145"/>
              <a:gd name="connsiteX184" fmla="*/ 2965030 w 11269336"/>
              <a:gd name="connsiteY184" fmla="*/ 2100494 h 2323145"/>
              <a:gd name="connsiteX185" fmla="*/ 2926342 w 11269336"/>
              <a:gd name="connsiteY185" fmla="*/ 2104155 h 2323145"/>
              <a:gd name="connsiteX186" fmla="*/ 2918608 w 11269336"/>
              <a:gd name="connsiteY186" fmla="*/ 2104215 h 2323145"/>
              <a:gd name="connsiteX187" fmla="*/ 2918475 w 11269336"/>
              <a:gd name="connsiteY187" fmla="*/ 2103937 h 2323145"/>
              <a:gd name="connsiteX188" fmla="*/ 2910360 w 11269336"/>
              <a:gd name="connsiteY188" fmla="*/ 2103444 h 2323145"/>
              <a:gd name="connsiteX189" fmla="*/ 2904507 w 11269336"/>
              <a:gd name="connsiteY189" fmla="*/ 2104326 h 2323145"/>
              <a:gd name="connsiteX190" fmla="*/ 2889503 w 11269336"/>
              <a:gd name="connsiteY190" fmla="*/ 2104443 h 2323145"/>
              <a:gd name="connsiteX191" fmla="*/ 2884480 w 11269336"/>
              <a:gd name="connsiteY191" fmla="*/ 2102626 h 2323145"/>
              <a:gd name="connsiteX192" fmla="*/ 2882689 w 11269336"/>
              <a:gd name="connsiteY192" fmla="*/ 2099228 h 2323145"/>
              <a:gd name="connsiteX193" fmla="*/ 2881291 w 11269336"/>
              <a:gd name="connsiteY193" fmla="*/ 2099618 h 2323145"/>
              <a:gd name="connsiteX194" fmla="*/ 2853979 w 11269336"/>
              <a:gd name="connsiteY194" fmla="*/ 2090388 h 2323145"/>
              <a:gd name="connsiteX195" fmla="*/ 2791790 w 11269336"/>
              <a:gd name="connsiteY195" fmla="*/ 2080332 h 2323145"/>
              <a:gd name="connsiteX196" fmla="*/ 2755844 w 11269336"/>
              <a:gd name="connsiteY196" fmla="*/ 2078874 h 2323145"/>
              <a:gd name="connsiteX197" fmla="*/ 2657742 w 11269336"/>
              <a:gd name="connsiteY197" fmla="*/ 2070179 h 2323145"/>
              <a:gd name="connsiteX198" fmla="*/ 2559549 w 11269336"/>
              <a:gd name="connsiteY198" fmla="*/ 2057873 h 2323145"/>
              <a:gd name="connsiteX199" fmla="*/ 2512054 w 11269336"/>
              <a:gd name="connsiteY199" fmla="*/ 2031671 h 2323145"/>
              <a:gd name="connsiteX200" fmla="*/ 2506437 w 11269336"/>
              <a:gd name="connsiteY200" fmla="*/ 2030918 h 2323145"/>
              <a:gd name="connsiteX201" fmla="*/ 2491752 w 11269336"/>
              <a:gd name="connsiteY201" fmla="*/ 2033906 h 2323145"/>
              <a:gd name="connsiteX202" fmla="*/ 2486338 w 11269336"/>
              <a:gd name="connsiteY202" fmla="*/ 2035862 h 2323145"/>
              <a:gd name="connsiteX203" fmla="*/ 2478186 w 11269336"/>
              <a:gd name="connsiteY203" fmla="*/ 2036953 h 2323145"/>
              <a:gd name="connsiteX204" fmla="*/ 2477950 w 11269336"/>
              <a:gd name="connsiteY204" fmla="*/ 2036715 h 2323145"/>
              <a:gd name="connsiteX205" fmla="*/ 2470381 w 11269336"/>
              <a:gd name="connsiteY205" fmla="*/ 2038256 h 2323145"/>
              <a:gd name="connsiteX206" fmla="*/ 2433781 w 11269336"/>
              <a:gd name="connsiteY206" fmla="*/ 2049140 h 2323145"/>
              <a:gd name="connsiteX207" fmla="*/ 2381172 w 11269336"/>
              <a:gd name="connsiteY207" fmla="*/ 2030645 h 2323145"/>
              <a:gd name="connsiteX208" fmla="*/ 2360198 w 11269336"/>
              <a:gd name="connsiteY208" fmla="*/ 2029059 h 2323145"/>
              <a:gd name="connsiteX209" fmla="*/ 2348815 w 11269336"/>
              <a:gd name="connsiteY209" fmla="*/ 2026798 h 2323145"/>
              <a:gd name="connsiteX210" fmla="*/ 2347988 w 11269336"/>
              <a:gd name="connsiteY210" fmla="*/ 2025745 h 2323145"/>
              <a:gd name="connsiteX211" fmla="*/ 2312920 w 11269336"/>
              <a:gd name="connsiteY211" fmla="*/ 2036311 h 2323145"/>
              <a:gd name="connsiteX212" fmla="*/ 2307986 w 11269336"/>
              <a:gd name="connsiteY212" fmla="*/ 2035583 h 2323145"/>
              <a:gd name="connsiteX213" fmla="*/ 2285481 w 11269336"/>
              <a:gd name="connsiteY213" fmla="*/ 2045197 h 2323145"/>
              <a:gd name="connsiteX214" fmla="*/ 2273666 w 11269336"/>
              <a:gd name="connsiteY214" fmla="*/ 2048710 h 2323145"/>
              <a:gd name="connsiteX215" fmla="*/ 2270719 w 11269336"/>
              <a:gd name="connsiteY215" fmla="*/ 2052702 h 2323145"/>
              <a:gd name="connsiteX216" fmla="*/ 2253080 w 11269336"/>
              <a:gd name="connsiteY216" fmla="*/ 2056363 h 2323145"/>
              <a:gd name="connsiteX217" fmla="*/ 2250906 w 11269336"/>
              <a:gd name="connsiteY217" fmla="*/ 2055654 h 2323145"/>
              <a:gd name="connsiteX218" fmla="*/ 2236905 w 11269336"/>
              <a:gd name="connsiteY218" fmla="*/ 2062882 h 2323145"/>
              <a:gd name="connsiteX219" fmla="*/ 2225830 w 11269336"/>
              <a:gd name="connsiteY219" fmla="*/ 2074027 h 2323145"/>
              <a:gd name="connsiteX220" fmla="*/ 2073776 w 11269336"/>
              <a:gd name="connsiteY220" fmla="*/ 2089244 h 2323145"/>
              <a:gd name="connsiteX221" fmla="*/ 1948256 w 11269336"/>
              <a:gd name="connsiteY221" fmla="*/ 2146616 h 2323145"/>
              <a:gd name="connsiteX222" fmla="*/ 1865582 w 11269336"/>
              <a:gd name="connsiteY222" fmla="*/ 2153738 h 2323145"/>
              <a:gd name="connsiteX223" fmla="*/ 1835210 w 11269336"/>
              <a:gd name="connsiteY223" fmla="*/ 2134244 h 2323145"/>
              <a:gd name="connsiteX224" fmla="*/ 1632661 w 11269336"/>
              <a:gd name="connsiteY224" fmla="*/ 2173882 h 2323145"/>
              <a:gd name="connsiteX225" fmla="*/ 1579590 w 11269336"/>
              <a:gd name="connsiteY225" fmla="*/ 2173680 h 2323145"/>
              <a:gd name="connsiteX226" fmla="*/ 1535601 w 11269336"/>
              <a:gd name="connsiteY226" fmla="*/ 2194590 h 2323145"/>
              <a:gd name="connsiteX227" fmla="*/ 1515594 w 11269336"/>
              <a:gd name="connsiteY227" fmla="*/ 2189622 h 2323145"/>
              <a:gd name="connsiteX228" fmla="*/ 1512113 w 11269336"/>
              <a:gd name="connsiteY228" fmla="*/ 2188534 h 2323145"/>
              <a:gd name="connsiteX229" fmla="*/ 1498838 w 11269336"/>
              <a:gd name="connsiteY229" fmla="*/ 2189213 h 2323145"/>
              <a:gd name="connsiteX230" fmla="*/ 1494279 w 11269336"/>
              <a:gd name="connsiteY230" fmla="*/ 2183112 h 2323145"/>
              <a:gd name="connsiteX231" fmla="*/ 1473714 w 11269336"/>
              <a:gd name="connsiteY231" fmla="*/ 2179625 h 2323145"/>
              <a:gd name="connsiteX232" fmla="*/ 1449503 w 11269336"/>
              <a:gd name="connsiteY232" fmla="*/ 2182633 h 2323145"/>
              <a:gd name="connsiteX233" fmla="*/ 1266687 w 11269336"/>
              <a:gd name="connsiteY233" fmla="*/ 2212688 h 2323145"/>
              <a:gd name="connsiteX234" fmla="*/ 1239614 w 11269336"/>
              <a:gd name="connsiteY234" fmla="*/ 2209727 h 2323145"/>
              <a:gd name="connsiteX235" fmla="*/ 1202436 w 11269336"/>
              <a:gd name="connsiteY235" fmla="*/ 2209817 h 2323145"/>
              <a:gd name="connsiteX236" fmla="*/ 1136097 w 11269336"/>
              <a:gd name="connsiteY236" fmla="*/ 2205112 h 2323145"/>
              <a:gd name="connsiteX237" fmla="*/ 988232 w 11269336"/>
              <a:gd name="connsiteY237" fmla="*/ 2235635 h 2323145"/>
              <a:gd name="connsiteX238" fmla="*/ 981959 w 11269336"/>
              <a:gd name="connsiteY238" fmla="*/ 2231607 h 2323145"/>
              <a:gd name="connsiteX239" fmla="*/ 938600 w 11269336"/>
              <a:gd name="connsiteY239" fmla="*/ 2238113 h 2323145"/>
              <a:gd name="connsiteX240" fmla="*/ 791788 w 11269336"/>
              <a:gd name="connsiteY240" fmla="*/ 2293224 h 2323145"/>
              <a:gd name="connsiteX241" fmla="*/ 706914 w 11269336"/>
              <a:gd name="connsiteY241" fmla="*/ 2305046 h 2323145"/>
              <a:gd name="connsiteX242" fmla="*/ 675971 w 11269336"/>
              <a:gd name="connsiteY242" fmla="*/ 2304030 h 2323145"/>
              <a:gd name="connsiteX243" fmla="*/ 624180 w 11269336"/>
              <a:gd name="connsiteY243" fmla="*/ 2302650 h 2323145"/>
              <a:gd name="connsiteX244" fmla="*/ 583453 w 11269336"/>
              <a:gd name="connsiteY244" fmla="*/ 2288788 h 2323145"/>
              <a:gd name="connsiteX245" fmla="*/ 540946 w 11269336"/>
              <a:gd name="connsiteY245" fmla="*/ 2292721 h 2323145"/>
              <a:gd name="connsiteX246" fmla="*/ 533680 w 11269336"/>
              <a:gd name="connsiteY246" fmla="*/ 2310233 h 2323145"/>
              <a:gd name="connsiteX247" fmla="*/ 487366 w 11269336"/>
              <a:gd name="connsiteY247" fmla="*/ 2309053 h 2323145"/>
              <a:gd name="connsiteX248" fmla="*/ 416820 w 11269336"/>
              <a:gd name="connsiteY248" fmla="*/ 2305443 h 2323145"/>
              <a:gd name="connsiteX249" fmla="*/ 376805 w 11269336"/>
              <a:gd name="connsiteY249" fmla="*/ 2307647 h 2323145"/>
              <a:gd name="connsiteX250" fmla="*/ 266777 w 11269336"/>
              <a:gd name="connsiteY250" fmla="*/ 2309012 h 2323145"/>
              <a:gd name="connsiteX251" fmla="*/ 156013 w 11269336"/>
              <a:gd name="connsiteY251" fmla="*/ 2306832 h 2323145"/>
              <a:gd name="connsiteX252" fmla="*/ 87258 w 11269336"/>
              <a:gd name="connsiteY252" fmla="*/ 2285511 h 2323145"/>
              <a:gd name="connsiteX253" fmla="*/ 23798 w 11269336"/>
              <a:gd name="connsiteY253" fmla="*/ 2281822 h 2323145"/>
              <a:gd name="connsiteX254" fmla="*/ 0 w 11269336"/>
              <a:gd name="connsiteY254" fmla="*/ 2285369 h 2323145"/>
              <a:gd name="connsiteX255" fmla="*/ 0 w 11269336"/>
              <a:gd name="connsiteY255"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92832 w 11269336"/>
              <a:gd name="connsiteY142" fmla="*/ 2188033 h 2323145"/>
              <a:gd name="connsiteX143" fmla="*/ 4467257 w 11269336"/>
              <a:gd name="connsiteY143" fmla="*/ 2196121 h 2323145"/>
              <a:gd name="connsiteX144" fmla="*/ 4405765 w 11269336"/>
              <a:gd name="connsiteY144" fmla="*/ 2199902 h 2323145"/>
              <a:gd name="connsiteX145" fmla="*/ 4401354 w 11269336"/>
              <a:gd name="connsiteY145" fmla="*/ 2194745 h 2323145"/>
              <a:gd name="connsiteX146" fmla="*/ 4366646 w 11269336"/>
              <a:gd name="connsiteY146" fmla="*/ 2198564 h 2323145"/>
              <a:gd name="connsiteX147" fmla="*/ 4354009 w 11269336"/>
              <a:gd name="connsiteY147" fmla="*/ 2204984 h 2323145"/>
              <a:gd name="connsiteX148" fmla="*/ 4348284 w 11269336"/>
              <a:gd name="connsiteY148" fmla="*/ 2205270 h 2323145"/>
              <a:gd name="connsiteX149" fmla="*/ 4333906 w 11269336"/>
              <a:gd name="connsiteY149" fmla="*/ 2205251 h 2323145"/>
              <a:gd name="connsiteX150" fmla="*/ 4308819 w 11269336"/>
              <a:gd name="connsiteY150" fmla="*/ 2203822 h 2323145"/>
              <a:gd name="connsiteX151" fmla="*/ 4301210 w 11269336"/>
              <a:gd name="connsiteY151" fmla="*/ 2204456 h 2323145"/>
              <a:gd name="connsiteX152" fmla="*/ 4283095 w 11269336"/>
              <a:gd name="connsiteY152" fmla="*/ 2198177 h 2323145"/>
              <a:gd name="connsiteX153" fmla="*/ 4250119 w 11269336"/>
              <a:gd name="connsiteY153" fmla="*/ 2196342 h 2323145"/>
              <a:gd name="connsiteX154" fmla="*/ 4189203 w 11269336"/>
              <a:gd name="connsiteY154" fmla="*/ 2178994 h 2323145"/>
              <a:gd name="connsiteX155" fmla="*/ 4154035 w 11269336"/>
              <a:gd name="connsiteY155" fmla="*/ 2171950 h 2323145"/>
              <a:gd name="connsiteX156" fmla="*/ 4129569 w 11269336"/>
              <a:gd name="connsiteY156" fmla="*/ 2163850 h 2323145"/>
              <a:gd name="connsiteX157" fmla="*/ 4061250 w 11269336"/>
              <a:gd name="connsiteY157" fmla="*/ 2159236 h 2323145"/>
              <a:gd name="connsiteX158" fmla="*/ 3945480 w 11269336"/>
              <a:gd name="connsiteY158" fmla="*/ 2158279 h 2323145"/>
              <a:gd name="connsiteX159" fmla="*/ 3921468 w 11269336"/>
              <a:gd name="connsiteY159" fmla="*/ 2156588 h 2323145"/>
              <a:gd name="connsiteX160" fmla="*/ 3903348 w 11269336"/>
              <a:gd name="connsiteY160" fmla="*/ 2149220 h 2323145"/>
              <a:gd name="connsiteX161" fmla="*/ 3901342 w 11269336"/>
              <a:gd name="connsiteY161" fmla="*/ 2142355 h 2323145"/>
              <a:gd name="connsiteX162" fmla="*/ 3888539 w 11269336"/>
              <a:gd name="connsiteY162" fmla="*/ 2140476 h 2323145"/>
              <a:gd name="connsiteX163" fmla="*/ 3885662 w 11269336"/>
              <a:gd name="connsiteY163" fmla="*/ 2138740 h 2323145"/>
              <a:gd name="connsiteX164" fmla="*/ 3868627 w 11269336"/>
              <a:gd name="connsiteY164" fmla="*/ 2130023 h 2323145"/>
              <a:gd name="connsiteX165" fmla="*/ 3819177 w 11269336"/>
              <a:gd name="connsiteY165" fmla="*/ 2142111 h 2323145"/>
              <a:gd name="connsiteX166" fmla="*/ 3769100 w 11269336"/>
              <a:gd name="connsiteY166" fmla="*/ 2131731 h 2323145"/>
              <a:gd name="connsiteX167" fmla="*/ 3562752 w 11269336"/>
              <a:gd name="connsiteY167" fmla="*/ 2131785 h 2323145"/>
              <a:gd name="connsiteX168" fmla="*/ 3541402 w 11269336"/>
              <a:gd name="connsiteY168" fmla="*/ 2106821 h 2323145"/>
              <a:gd name="connsiteX169" fmla="*/ 3365341 w 11269336"/>
              <a:gd name="connsiteY169" fmla="*/ 2077638 h 2323145"/>
              <a:gd name="connsiteX170" fmla="*/ 3170922 w 11269336"/>
              <a:gd name="connsiteY170" fmla="*/ 2115957 h 2323145"/>
              <a:gd name="connsiteX171" fmla="*/ 3156256 w 11269336"/>
              <a:gd name="connsiteY171" fmla="*/ 2124773 h 2323145"/>
              <a:gd name="connsiteX172" fmla="*/ 3140298 w 11269336"/>
              <a:gd name="connsiteY172" fmla="*/ 2129182 h 2323145"/>
              <a:gd name="connsiteX173" fmla="*/ 3138514 w 11269336"/>
              <a:gd name="connsiteY173" fmla="*/ 2128069 h 2323145"/>
              <a:gd name="connsiteX174" fmla="*/ 3120467 w 11269336"/>
              <a:gd name="connsiteY174" fmla="*/ 2128281 h 2323145"/>
              <a:gd name="connsiteX175" fmla="*/ 3116175 w 11269336"/>
              <a:gd name="connsiteY175" fmla="*/ 2131633 h 2323145"/>
              <a:gd name="connsiteX176" fmla="*/ 3103685 w 11269336"/>
              <a:gd name="connsiteY176" fmla="*/ 2132814 h 2323145"/>
              <a:gd name="connsiteX177" fmla="*/ 3078794 w 11269336"/>
              <a:gd name="connsiteY177" fmla="*/ 2137935 h 2323145"/>
              <a:gd name="connsiteX178" fmla="*/ 3074407 w 11269336"/>
              <a:gd name="connsiteY178" fmla="*/ 2136274 h 2323145"/>
              <a:gd name="connsiteX179" fmla="*/ 3037285 w 11269336"/>
              <a:gd name="connsiteY179" fmla="*/ 2139919 h 2323145"/>
              <a:gd name="connsiteX180" fmla="*/ 3036901 w 11269336"/>
              <a:gd name="connsiteY180" fmla="*/ 2138726 h 2323145"/>
              <a:gd name="connsiteX181" fmla="*/ 3026996 w 11269336"/>
              <a:gd name="connsiteY181" fmla="*/ 2134322 h 2323145"/>
              <a:gd name="connsiteX182" fmla="*/ 3007772 w 11269336"/>
              <a:gd name="connsiteY182" fmla="*/ 2128742 h 2323145"/>
              <a:gd name="connsiteX183" fmla="*/ 2965030 w 11269336"/>
              <a:gd name="connsiteY183" fmla="*/ 2100494 h 2323145"/>
              <a:gd name="connsiteX184" fmla="*/ 2926342 w 11269336"/>
              <a:gd name="connsiteY184" fmla="*/ 2104155 h 2323145"/>
              <a:gd name="connsiteX185" fmla="*/ 2918608 w 11269336"/>
              <a:gd name="connsiteY185" fmla="*/ 2104215 h 2323145"/>
              <a:gd name="connsiteX186" fmla="*/ 2918475 w 11269336"/>
              <a:gd name="connsiteY186" fmla="*/ 2103937 h 2323145"/>
              <a:gd name="connsiteX187" fmla="*/ 2910360 w 11269336"/>
              <a:gd name="connsiteY187" fmla="*/ 2103444 h 2323145"/>
              <a:gd name="connsiteX188" fmla="*/ 2904507 w 11269336"/>
              <a:gd name="connsiteY188" fmla="*/ 2104326 h 2323145"/>
              <a:gd name="connsiteX189" fmla="*/ 2889503 w 11269336"/>
              <a:gd name="connsiteY189" fmla="*/ 2104443 h 2323145"/>
              <a:gd name="connsiteX190" fmla="*/ 2884480 w 11269336"/>
              <a:gd name="connsiteY190" fmla="*/ 2102626 h 2323145"/>
              <a:gd name="connsiteX191" fmla="*/ 2882689 w 11269336"/>
              <a:gd name="connsiteY191" fmla="*/ 2099228 h 2323145"/>
              <a:gd name="connsiteX192" fmla="*/ 2881291 w 11269336"/>
              <a:gd name="connsiteY192" fmla="*/ 2099618 h 2323145"/>
              <a:gd name="connsiteX193" fmla="*/ 2853979 w 11269336"/>
              <a:gd name="connsiteY193" fmla="*/ 2090388 h 2323145"/>
              <a:gd name="connsiteX194" fmla="*/ 2791790 w 11269336"/>
              <a:gd name="connsiteY194" fmla="*/ 2080332 h 2323145"/>
              <a:gd name="connsiteX195" fmla="*/ 2755844 w 11269336"/>
              <a:gd name="connsiteY195" fmla="*/ 2078874 h 2323145"/>
              <a:gd name="connsiteX196" fmla="*/ 2657742 w 11269336"/>
              <a:gd name="connsiteY196" fmla="*/ 2070179 h 2323145"/>
              <a:gd name="connsiteX197" fmla="*/ 2559549 w 11269336"/>
              <a:gd name="connsiteY197" fmla="*/ 2057873 h 2323145"/>
              <a:gd name="connsiteX198" fmla="*/ 2512054 w 11269336"/>
              <a:gd name="connsiteY198" fmla="*/ 2031671 h 2323145"/>
              <a:gd name="connsiteX199" fmla="*/ 2506437 w 11269336"/>
              <a:gd name="connsiteY199" fmla="*/ 2030918 h 2323145"/>
              <a:gd name="connsiteX200" fmla="*/ 2491752 w 11269336"/>
              <a:gd name="connsiteY200" fmla="*/ 2033906 h 2323145"/>
              <a:gd name="connsiteX201" fmla="*/ 2486338 w 11269336"/>
              <a:gd name="connsiteY201" fmla="*/ 2035862 h 2323145"/>
              <a:gd name="connsiteX202" fmla="*/ 2478186 w 11269336"/>
              <a:gd name="connsiteY202" fmla="*/ 2036953 h 2323145"/>
              <a:gd name="connsiteX203" fmla="*/ 2477950 w 11269336"/>
              <a:gd name="connsiteY203" fmla="*/ 2036715 h 2323145"/>
              <a:gd name="connsiteX204" fmla="*/ 2470381 w 11269336"/>
              <a:gd name="connsiteY204" fmla="*/ 2038256 h 2323145"/>
              <a:gd name="connsiteX205" fmla="*/ 2433781 w 11269336"/>
              <a:gd name="connsiteY205" fmla="*/ 2049140 h 2323145"/>
              <a:gd name="connsiteX206" fmla="*/ 2381172 w 11269336"/>
              <a:gd name="connsiteY206" fmla="*/ 2030645 h 2323145"/>
              <a:gd name="connsiteX207" fmla="*/ 2360198 w 11269336"/>
              <a:gd name="connsiteY207" fmla="*/ 2029059 h 2323145"/>
              <a:gd name="connsiteX208" fmla="*/ 2348815 w 11269336"/>
              <a:gd name="connsiteY208" fmla="*/ 2026798 h 2323145"/>
              <a:gd name="connsiteX209" fmla="*/ 2347988 w 11269336"/>
              <a:gd name="connsiteY209" fmla="*/ 2025745 h 2323145"/>
              <a:gd name="connsiteX210" fmla="*/ 2312920 w 11269336"/>
              <a:gd name="connsiteY210" fmla="*/ 2036311 h 2323145"/>
              <a:gd name="connsiteX211" fmla="*/ 2307986 w 11269336"/>
              <a:gd name="connsiteY211" fmla="*/ 2035583 h 2323145"/>
              <a:gd name="connsiteX212" fmla="*/ 2285481 w 11269336"/>
              <a:gd name="connsiteY212" fmla="*/ 2045197 h 2323145"/>
              <a:gd name="connsiteX213" fmla="*/ 2273666 w 11269336"/>
              <a:gd name="connsiteY213" fmla="*/ 2048710 h 2323145"/>
              <a:gd name="connsiteX214" fmla="*/ 2270719 w 11269336"/>
              <a:gd name="connsiteY214" fmla="*/ 2052702 h 2323145"/>
              <a:gd name="connsiteX215" fmla="*/ 2253080 w 11269336"/>
              <a:gd name="connsiteY215" fmla="*/ 2056363 h 2323145"/>
              <a:gd name="connsiteX216" fmla="*/ 2250906 w 11269336"/>
              <a:gd name="connsiteY216" fmla="*/ 2055654 h 2323145"/>
              <a:gd name="connsiteX217" fmla="*/ 2236905 w 11269336"/>
              <a:gd name="connsiteY217" fmla="*/ 2062882 h 2323145"/>
              <a:gd name="connsiteX218" fmla="*/ 2225830 w 11269336"/>
              <a:gd name="connsiteY218" fmla="*/ 2074027 h 2323145"/>
              <a:gd name="connsiteX219" fmla="*/ 2073776 w 11269336"/>
              <a:gd name="connsiteY219" fmla="*/ 2089244 h 2323145"/>
              <a:gd name="connsiteX220" fmla="*/ 1948256 w 11269336"/>
              <a:gd name="connsiteY220" fmla="*/ 2146616 h 2323145"/>
              <a:gd name="connsiteX221" fmla="*/ 1865582 w 11269336"/>
              <a:gd name="connsiteY221" fmla="*/ 2153738 h 2323145"/>
              <a:gd name="connsiteX222" fmla="*/ 1835210 w 11269336"/>
              <a:gd name="connsiteY222" fmla="*/ 2134244 h 2323145"/>
              <a:gd name="connsiteX223" fmla="*/ 1632661 w 11269336"/>
              <a:gd name="connsiteY223" fmla="*/ 2173882 h 2323145"/>
              <a:gd name="connsiteX224" fmla="*/ 1579590 w 11269336"/>
              <a:gd name="connsiteY224" fmla="*/ 2173680 h 2323145"/>
              <a:gd name="connsiteX225" fmla="*/ 1535601 w 11269336"/>
              <a:gd name="connsiteY225" fmla="*/ 2194590 h 2323145"/>
              <a:gd name="connsiteX226" fmla="*/ 1515594 w 11269336"/>
              <a:gd name="connsiteY226" fmla="*/ 2189622 h 2323145"/>
              <a:gd name="connsiteX227" fmla="*/ 1512113 w 11269336"/>
              <a:gd name="connsiteY227" fmla="*/ 2188534 h 2323145"/>
              <a:gd name="connsiteX228" fmla="*/ 1498838 w 11269336"/>
              <a:gd name="connsiteY228" fmla="*/ 2189213 h 2323145"/>
              <a:gd name="connsiteX229" fmla="*/ 1494279 w 11269336"/>
              <a:gd name="connsiteY229" fmla="*/ 2183112 h 2323145"/>
              <a:gd name="connsiteX230" fmla="*/ 1473714 w 11269336"/>
              <a:gd name="connsiteY230" fmla="*/ 2179625 h 2323145"/>
              <a:gd name="connsiteX231" fmla="*/ 1449503 w 11269336"/>
              <a:gd name="connsiteY231" fmla="*/ 2182633 h 2323145"/>
              <a:gd name="connsiteX232" fmla="*/ 1266687 w 11269336"/>
              <a:gd name="connsiteY232" fmla="*/ 2212688 h 2323145"/>
              <a:gd name="connsiteX233" fmla="*/ 1239614 w 11269336"/>
              <a:gd name="connsiteY233" fmla="*/ 2209727 h 2323145"/>
              <a:gd name="connsiteX234" fmla="*/ 1202436 w 11269336"/>
              <a:gd name="connsiteY234" fmla="*/ 2209817 h 2323145"/>
              <a:gd name="connsiteX235" fmla="*/ 1136097 w 11269336"/>
              <a:gd name="connsiteY235" fmla="*/ 2205112 h 2323145"/>
              <a:gd name="connsiteX236" fmla="*/ 988232 w 11269336"/>
              <a:gd name="connsiteY236" fmla="*/ 2235635 h 2323145"/>
              <a:gd name="connsiteX237" fmla="*/ 981959 w 11269336"/>
              <a:gd name="connsiteY237" fmla="*/ 2231607 h 2323145"/>
              <a:gd name="connsiteX238" fmla="*/ 938600 w 11269336"/>
              <a:gd name="connsiteY238" fmla="*/ 2238113 h 2323145"/>
              <a:gd name="connsiteX239" fmla="*/ 791788 w 11269336"/>
              <a:gd name="connsiteY239" fmla="*/ 2293224 h 2323145"/>
              <a:gd name="connsiteX240" fmla="*/ 706914 w 11269336"/>
              <a:gd name="connsiteY240" fmla="*/ 2305046 h 2323145"/>
              <a:gd name="connsiteX241" fmla="*/ 675971 w 11269336"/>
              <a:gd name="connsiteY241" fmla="*/ 2304030 h 2323145"/>
              <a:gd name="connsiteX242" fmla="*/ 624180 w 11269336"/>
              <a:gd name="connsiteY242" fmla="*/ 2302650 h 2323145"/>
              <a:gd name="connsiteX243" fmla="*/ 583453 w 11269336"/>
              <a:gd name="connsiteY243" fmla="*/ 2288788 h 2323145"/>
              <a:gd name="connsiteX244" fmla="*/ 540946 w 11269336"/>
              <a:gd name="connsiteY244" fmla="*/ 2292721 h 2323145"/>
              <a:gd name="connsiteX245" fmla="*/ 533680 w 11269336"/>
              <a:gd name="connsiteY245" fmla="*/ 2310233 h 2323145"/>
              <a:gd name="connsiteX246" fmla="*/ 487366 w 11269336"/>
              <a:gd name="connsiteY246" fmla="*/ 2309053 h 2323145"/>
              <a:gd name="connsiteX247" fmla="*/ 416820 w 11269336"/>
              <a:gd name="connsiteY247" fmla="*/ 2305443 h 2323145"/>
              <a:gd name="connsiteX248" fmla="*/ 376805 w 11269336"/>
              <a:gd name="connsiteY248" fmla="*/ 2307647 h 2323145"/>
              <a:gd name="connsiteX249" fmla="*/ 266777 w 11269336"/>
              <a:gd name="connsiteY249" fmla="*/ 2309012 h 2323145"/>
              <a:gd name="connsiteX250" fmla="*/ 156013 w 11269336"/>
              <a:gd name="connsiteY250" fmla="*/ 2306832 h 2323145"/>
              <a:gd name="connsiteX251" fmla="*/ 87258 w 11269336"/>
              <a:gd name="connsiteY251" fmla="*/ 2285511 h 2323145"/>
              <a:gd name="connsiteX252" fmla="*/ 23798 w 11269336"/>
              <a:gd name="connsiteY252" fmla="*/ 2281822 h 2323145"/>
              <a:gd name="connsiteX253" fmla="*/ 0 w 11269336"/>
              <a:gd name="connsiteY253" fmla="*/ 2285369 h 2323145"/>
              <a:gd name="connsiteX254" fmla="*/ 0 w 11269336"/>
              <a:gd name="connsiteY254"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533444 w 11269336"/>
              <a:gd name="connsiteY141" fmla="*/ 2181200 h 2323145"/>
              <a:gd name="connsiteX142" fmla="*/ 4467257 w 11269336"/>
              <a:gd name="connsiteY142" fmla="*/ 2196121 h 2323145"/>
              <a:gd name="connsiteX143" fmla="*/ 4405765 w 11269336"/>
              <a:gd name="connsiteY143" fmla="*/ 2199902 h 2323145"/>
              <a:gd name="connsiteX144" fmla="*/ 4401354 w 11269336"/>
              <a:gd name="connsiteY144" fmla="*/ 2194745 h 2323145"/>
              <a:gd name="connsiteX145" fmla="*/ 4366646 w 11269336"/>
              <a:gd name="connsiteY145" fmla="*/ 2198564 h 2323145"/>
              <a:gd name="connsiteX146" fmla="*/ 4354009 w 11269336"/>
              <a:gd name="connsiteY146" fmla="*/ 2204984 h 2323145"/>
              <a:gd name="connsiteX147" fmla="*/ 4348284 w 11269336"/>
              <a:gd name="connsiteY147" fmla="*/ 2205270 h 2323145"/>
              <a:gd name="connsiteX148" fmla="*/ 4333906 w 11269336"/>
              <a:gd name="connsiteY148" fmla="*/ 2205251 h 2323145"/>
              <a:gd name="connsiteX149" fmla="*/ 4308819 w 11269336"/>
              <a:gd name="connsiteY149" fmla="*/ 2203822 h 2323145"/>
              <a:gd name="connsiteX150" fmla="*/ 4301210 w 11269336"/>
              <a:gd name="connsiteY150" fmla="*/ 2204456 h 2323145"/>
              <a:gd name="connsiteX151" fmla="*/ 4283095 w 11269336"/>
              <a:gd name="connsiteY151" fmla="*/ 2198177 h 2323145"/>
              <a:gd name="connsiteX152" fmla="*/ 4250119 w 11269336"/>
              <a:gd name="connsiteY152" fmla="*/ 2196342 h 2323145"/>
              <a:gd name="connsiteX153" fmla="*/ 4189203 w 11269336"/>
              <a:gd name="connsiteY153" fmla="*/ 2178994 h 2323145"/>
              <a:gd name="connsiteX154" fmla="*/ 4154035 w 11269336"/>
              <a:gd name="connsiteY154" fmla="*/ 2171950 h 2323145"/>
              <a:gd name="connsiteX155" fmla="*/ 4129569 w 11269336"/>
              <a:gd name="connsiteY155" fmla="*/ 2163850 h 2323145"/>
              <a:gd name="connsiteX156" fmla="*/ 4061250 w 11269336"/>
              <a:gd name="connsiteY156" fmla="*/ 2159236 h 2323145"/>
              <a:gd name="connsiteX157" fmla="*/ 3945480 w 11269336"/>
              <a:gd name="connsiteY157" fmla="*/ 2158279 h 2323145"/>
              <a:gd name="connsiteX158" fmla="*/ 3921468 w 11269336"/>
              <a:gd name="connsiteY158" fmla="*/ 2156588 h 2323145"/>
              <a:gd name="connsiteX159" fmla="*/ 3903348 w 11269336"/>
              <a:gd name="connsiteY159" fmla="*/ 2149220 h 2323145"/>
              <a:gd name="connsiteX160" fmla="*/ 3901342 w 11269336"/>
              <a:gd name="connsiteY160" fmla="*/ 2142355 h 2323145"/>
              <a:gd name="connsiteX161" fmla="*/ 3888539 w 11269336"/>
              <a:gd name="connsiteY161" fmla="*/ 2140476 h 2323145"/>
              <a:gd name="connsiteX162" fmla="*/ 3885662 w 11269336"/>
              <a:gd name="connsiteY162" fmla="*/ 2138740 h 2323145"/>
              <a:gd name="connsiteX163" fmla="*/ 3868627 w 11269336"/>
              <a:gd name="connsiteY163" fmla="*/ 2130023 h 2323145"/>
              <a:gd name="connsiteX164" fmla="*/ 3819177 w 11269336"/>
              <a:gd name="connsiteY164" fmla="*/ 2142111 h 2323145"/>
              <a:gd name="connsiteX165" fmla="*/ 3769100 w 11269336"/>
              <a:gd name="connsiteY165" fmla="*/ 2131731 h 2323145"/>
              <a:gd name="connsiteX166" fmla="*/ 3562752 w 11269336"/>
              <a:gd name="connsiteY166" fmla="*/ 2131785 h 2323145"/>
              <a:gd name="connsiteX167" fmla="*/ 3541402 w 11269336"/>
              <a:gd name="connsiteY167" fmla="*/ 2106821 h 2323145"/>
              <a:gd name="connsiteX168" fmla="*/ 3365341 w 11269336"/>
              <a:gd name="connsiteY168" fmla="*/ 2077638 h 2323145"/>
              <a:gd name="connsiteX169" fmla="*/ 3170922 w 11269336"/>
              <a:gd name="connsiteY169" fmla="*/ 2115957 h 2323145"/>
              <a:gd name="connsiteX170" fmla="*/ 3156256 w 11269336"/>
              <a:gd name="connsiteY170" fmla="*/ 2124773 h 2323145"/>
              <a:gd name="connsiteX171" fmla="*/ 3140298 w 11269336"/>
              <a:gd name="connsiteY171" fmla="*/ 2129182 h 2323145"/>
              <a:gd name="connsiteX172" fmla="*/ 3138514 w 11269336"/>
              <a:gd name="connsiteY172" fmla="*/ 2128069 h 2323145"/>
              <a:gd name="connsiteX173" fmla="*/ 3120467 w 11269336"/>
              <a:gd name="connsiteY173" fmla="*/ 2128281 h 2323145"/>
              <a:gd name="connsiteX174" fmla="*/ 3116175 w 11269336"/>
              <a:gd name="connsiteY174" fmla="*/ 2131633 h 2323145"/>
              <a:gd name="connsiteX175" fmla="*/ 3103685 w 11269336"/>
              <a:gd name="connsiteY175" fmla="*/ 2132814 h 2323145"/>
              <a:gd name="connsiteX176" fmla="*/ 3078794 w 11269336"/>
              <a:gd name="connsiteY176" fmla="*/ 2137935 h 2323145"/>
              <a:gd name="connsiteX177" fmla="*/ 3074407 w 11269336"/>
              <a:gd name="connsiteY177" fmla="*/ 2136274 h 2323145"/>
              <a:gd name="connsiteX178" fmla="*/ 3037285 w 11269336"/>
              <a:gd name="connsiteY178" fmla="*/ 2139919 h 2323145"/>
              <a:gd name="connsiteX179" fmla="*/ 3036901 w 11269336"/>
              <a:gd name="connsiteY179" fmla="*/ 2138726 h 2323145"/>
              <a:gd name="connsiteX180" fmla="*/ 3026996 w 11269336"/>
              <a:gd name="connsiteY180" fmla="*/ 2134322 h 2323145"/>
              <a:gd name="connsiteX181" fmla="*/ 3007772 w 11269336"/>
              <a:gd name="connsiteY181" fmla="*/ 2128742 h 2323145"/>
              <a:gd name="connsiteX182" fmla="*/ 2965030 w 11269336"/>
              <a:gd name="connsiteY182" fmla="*/ 2100494 h 2323145"/>
              <a:gd name="connsiteX183" fmla="*/ 2926342 w 11269336"/>
              <a:gd name="connsiteY183" fmla="*/ 2104155 h 2323145"/>
              <a:gd name="connsiteX184" fmla="*/ 2918608 w 11269336"/>
              <a:gd name="connsiteY184" fmla="*/ 2104215 h 2323145"/>
              <a:gd name="connsiteX185" fmla="*/ 2918475 w 11269336"/>
              <a:gd name="connsiteY185" fmla="*/ 2103937 h 2323145"/>
              <a:gd name="connsiteX186" fmla="*/ 2910360 w 11269336"/>
              <a:gd name="connsiteY186" fmla="*/ 2103444 h 2323145"/>
              <a:gd name="connsiteX187" fmla="*/ 2904507 w 11269336"/>
              <a:gd name="connsiteY187" fmla="*/ 2104326 h 2323145"/>
              <a:gd name="connsiteX188" fmla="*/ 2889503 w 11269336"/>
              <a:gd name="connsiteY188" fmla="*/ 2104443 h 2323145"/>
              <a:gd name="connsiteX189" fmla="*/ 2884480 w 11269336"/>
              <a:gd name="connsiteY189" fmla="*/ 2102626 h 2323145"/>
              <a:gd name="connsiteX190" fmla="*/ 2882689 w 11269336"/>
              <a:gd name="connsiteY190" fmla="*/ 2099228 h 2323145"/>
              <a:gd name="connsiteX191" fmla="*/ 2881291 w 11269336"/>
              <a:gd name="connsiteY191" fmla="*/ 2099618 h 2323145"/>
              <a:gd name="connsiteX192" fmla="*/ 2853979 w 11269336"/>
              <a:gd name="connsiteY192" fmla="*/ 2090388 h 2323145"/>
              <a:gd name="connsiteX193" fmla="*/ 2791790 w 11269336"/>
              <a:gd name="connsiteY193" fmla="*/ 2080332 h 2323145"/>
              <a:gd name="connsiteX194" fmla="*/ 2755844 w 11269336"/>
              <a:gd name="connsiteY194" fmla="*/ 2078874 h 2323145"/>
              <a:gd name="connsiteX195" fmla="*/ 2657742 w 11269336"/>
              <a:gd name="connsiteY195" fmla="*/ 2070179 h 2323145"/>
              <a:gd name="connsiteX196" fmla="*/ 2559549 w 11269336"/>
              <a:gd name="connsiteY196" fmla="*/ 2057873 h 2323145"/>
              <a:gd name="connsiteX197" fmla="*/ 2512054 w 11269336"/>
              <a:gd name="connsiteY197" fmla="*/ 2031671 h 2323145"/>
              <a:gd name="connsiteX198" fmla="*/ 2506437 w 11269336"/>
              <a:gd name="connsiteY198" fmla="*/ 2030918 h 2323145"/>
              <a:gd name="connsiteX199" fmla="*/ 2491752 w 11269336"/>
              <a:gd name="connsiteY199" fmla="*/ 2033906 h 2323145"/>
              <a:gd name="connsiteX200" fmla="*/ 2486338 w 11269336"/>
              <a:gd name="connsiteY200" fmla="*/ 2035862 h 2323145"/>
              <a:gd name="connsiteX201" fmla="*/ 2478186 w 11269336"/>
              <a:gd name="connsiteY201" fmla="*/ 2036953 h 2323145"/>
              <a:gd name="connsiteX202" fmla="*/ 2477950 w 11269336"/>
              <a:gd name="connsiteY202" fmla="*/ 2036715 h 2323145"/>
              <a:gd name="connsiteX203" fmla="*/ 2470381 w 11269336"/>
              <a:gd name="connsiteY203" fmla="*/ 2038256 h 2323145"/>
              <a:gd name="connsiteX204" fmla="*/ 2433781 w 11269336"/>
              <a:gd name="connsiteY204" fmla="*/ 2049140 h 2323145"/>
              <a:gd name="connsiteX205" fmla="*/ 2381172 w 11269336"/>
              <a:gd name="connsiteY205" fmla="*/ 2030645 h 2323145"/>
              <a:gd name="connsiteX206" fmla="*/ 2360198 w 11269336"/>
              <a:gd name="connsiteY206" fmla="*/ 2029059 h 2323145"/>
              <a:gd name="connsiteX207" fmla="*/ 2348815 w 11269336"/>
              <a:gd name="connsiteY207" fmla="*/ 2026798 h 2323145"/>
              <a:gd name="connsiteX208" fmla="*/ 2347988 w 11269336"/>
              <a:gd name="connsiteY208" fmla="*/ 2025745 h 2323145"/>
              <a:gd name="connsiteX209" fmla="*/ 2312920 w 11269336"/>
              <a:gd name="connsiteY209" fmla="*/ 2036311 h 2323145"/>
              <a:gd name="connsiteX210" fmla="*/ 2307986 w 11269336"/>
              <a:gd name="connsiteY210" fmla="*/ 2035583 h 2323145"/>
              <a:gd name="connsiteX211" fmla="*/ 2285481 w 11269336"/>
              <a:gd name="connsiteY211" fmla="*/ 2045197 h 2323145"/>
              <a:gd name="connsiteX212" fmla="*/ 2273666 w 11269336"/>
              <a:gd name="connsiteY212" fmla="*/ 2048710 h 2323145"/>
              <a:gd name="connsiteX213" fmla="*/ 2270719 w 11269336"/>
              <a:gd name="connsiteY213" fmla="*/ 2052702 h 2323145"/>
              <a:gd name="connsiteX214" fmla="*/ 2253080 w 11269336"/>
              <a:gd name="connsiteY214" fmla="*/ 2056363 h 2323145"/>
              <a:gd name="connsiteX215" fmla="*/ 2250906 w 11269336"/>
              <a:gd name="connsiteY215" fmla="*/ 2055654 h 2323145"/>
              <a:gd name="connsiteX216" fmla="*/ 2236905 w 11269336"/>
              <a:gd name="connsiteY216" fmla="*/ 2062882 h 2323145"/>
              <a:gd name="connsiteX217" fmla="*/ 2225830 w 11269336"/>
              <a:gd name="connsiteY217" fmla="*/ 2074027 h 2323145"/>
              <a:gd name="connsiteX218" fmla="*/ 2073776 w 11269336"/>
              <a:gd name="connsiteY218" fmla="*/ 2089244 h 2323145"/>
              <a:gd name="connsiteX219" fmla="*/ 1948256 w 11269336"/>
              <a:gd name="connsiteY219" fmla="*/ 2146616 h 2323145"/>
              <a:gd name="connsiteX220" fmla="*/ 1865582 w 11269336"/>
              <a:gd name="connsiteY220" fmla="*/ 2153738 h 2323145"/>
              <a:gd name="connsiteX221" fmla="*/ 1835210 w 11269336"/>
              <a:gd name="connsiteY221" fmla="*/ 2134244 h 2323145"/>
              <a:gd name="connsiteX222" fmla="*/ 1632661 w 11269336"/>
              <a:gd name="connsiteY222" fmla="*/ 2173882 h 2323145"/>
              <a:gd name="connsiteX223" fmla="*/ 1579590 w 11269336"/>
              <a:gd name="connsiteY223" fmla="*/ 2173680 h 2323145"/>
              <a:gd name="connsiteX224" fmla="*/ 1535601 w 11269336"/>
              <a:gd name="connsiteY224" fmla="*/ 2194590 h 2323145"/>
              <a:gd name="connsiteX225" fmla="*/ 1515594 w 11269336"/>
              <a:gd name="connsiteY225" fmla="*/ 2189622 h 2323145"/>
              <a:gd name="connsiteX226" fmla="*/ 1512113 w 11269336"/>
              <a:gd name="connsiteY226" fmla="*/ 2188534 h 2323145"/>
              <a:gd name="connsiteX227" fmla="*/ 1498838 w 11269336"/>
              <a:gd name="connsiteY227" fmla="*/ 2189213 h 2323145"/>
              <a:gd name="connsiteX228" fmla="*/ 1494279 w 11269336"/>
              <a:gd name="connsiteY228" fmla="*/ 2183112 h 2323145"/>
              <a:gd name="connsiteX229" fmla="*/ 1473714 w 11269336"/>
              <a:gd name="connsiteY229" fmla="*/ 2179625 h 2323145"/>
              <a:gd name="connsiteX230" fmla="*/ 1449503 w 11269336"/>
              <a:gd name="connsiteY230" fmla="*/ 2182633 h 2323145"/>
              <a:gd name="connsiteX231" fmla="*/ 1266687 w 11269336"/>
              <a:gd name="connsiteY231" fmla="*/ 2212688 h 2323145"/>
              <a:gd name="connsiteX232" fmla="*/ 1239614 w 11269336"/>
              <a:gd name="connsiteY232" fmla="*/ 2209727 h 2323145"/>
              <a:gd name="connsiteX233" fmla="*/ 1202436 w 11269336"/>
              <a:gd name="connsiteY233" fmla="*/ 2209817 h 2323145"/>
              <a:gd name="connsiteX234" fmla="*/ 1136097 w 11269336"/>
              <a:gd name="connsiteY234" fmla="*/ 2205112 h 2323145"/>
              <a:gd name="connsiteX235" fmla="*/ 988232 w 11269336"/>
              <a:gd name="connsiteY235" fmla="*/ 2235635 h 2323145"/>
              <a:gd name="connsiteX236" fmla="*/ 981959 w 11269336"/>
              <a:gd name="connsiteY236" fmla="*/ 2231607 h 2323145"/>
              <a:gd name="connsiteX237" fmla="*/ 938600 w 11269336"/>
              <a:gd name="connsiteY237" fmla="*/ 2238113 h 2323145"/>
              <a:gd name="connsiteX238" fmla="*/ 791788 w 11269336"/>
              <a:gd name="connsiteY238" fmla="*/ 2293224 h 2323145"/>
              <a:gd name="connsiteX239" fmla="*/ 706914 w 11269336"/>
              <a:gd name="connsiteY239" fmla="*/ 2305046 h 2323145"/>
              <a:gd name="connsiteX240" fmla="*/ 675971 w 11269336"/>
              <a:gd name="connsiteY240" fmla="*/ 2304030 h 2323145"/>
              <a:gd name="connsiteX241" fmla="*/ 624180 w 11269336"/>
              <a:gd name="connsiteY241" fmla="*/ 2302650 h 2323145"/>
              <a:gd name="connsiteX242" fmla="*/ 583453 w 11269336"/>
              <a:gd name="connsiteY242" fmla="*/ 2288788 h 2323145"/>
              <a:gd name="connsiteX243" fmla="*/ 540946 w 11269336"/>
              <a:gd name="connsiteY243" fmla="*/ 2292721 h 2323145"/>
              <a:gd name="connsiteX244" fmla="*/ 533680 w 11269336"/>
              <a:gd name="connsiteY244" fmla="*/ 2310233 h 2323145"/>
              <a:gd name="connsiteX245" fmla="*/ 487366 w 11269336"/>
              <a:gd name="connsiteY245" fmla="*/ 2309053 h 2323145"/>
              <a:gd name="connsiteX246" fmla="*/ 416820 w 11269336"/>
              <a:gd name="connsiteY246" fmla="*/ 2305443 h 2323145"/>
              <a:gd name="connsiteX247" fmla="*/ 376805 w 11269336"/>
              <a:gd name="connsiteY247" fmla="*/ 2307647 h 2323145"/>
              <a:gd name="connsiteX248" fmla="*/ 266777 w 11269336"/>
              <a:gd name="connsiteY248" fmla="*/ 2309012 h 2323145"/>
              <a:gd name="connsiteX249" fmla="*/ 156013 w 11269336"/>
              <a:gd name="connsiteY249" fmla="*/ 2306832 h 2323145"/>
              <a:gd name="connsiteX250" fmla="*/ 87258 w 11269336"/>
              <a:gd name="connsiteY250" fmla="*/ 2285511 h 2323145"/>
              <a:gd name="connsiteX251" fmla="*/ 23798 w 11269336"/>
              <a:gd name="connsiteY251" fmla="*/ 2281822 h 2323145"/>
              <a:gd name="connsiteX252" fmla="*/ 0 w 11269336"/>
              <a:gd name="connsiteY252" fmla="*/ 2285369 h 2323145"/>
              <a:gd name="connsiteX253" fmla="*/ 0 w 11269336"/>
              <a:gd name="connsiteY253"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467257 w 11269336"/>
              <a:gd name="connsiteY141" fmla="*/ 2196121 h 2323145"/>
              <a:gd name="connsiteX142" fmla="*/ 4405765 w 11269336"/>
              <a:gd name="connsiteY142" fmla="*/ 2199902 h 2323145"/>
              <a:gd name="connsiteX143" fmla="*/ 4401354 w 11269336"/>
              <a:gd name="connsiteY143" fmla="*/ 2194745 h 2323145"/>
              <a:gd name="connsiteX144" fmla="*/ 4366646 w 11269336"/>
              <a:gd name="connsiteY144" fmla="*/ 2198564 h 2323145"/>
              <a:gd name="connsiteX145" fmla="*/ 4354009 w 11269336"/>
              <a:gd name="connsiteY145" fmla="*/ 2204984 h 2323145"/>
              <a:gd name="connsiteX146" fmla="*/ 4348284 w 11269336"/>
              <a:gd name="connsiteY146" fmla="*/ 2205270 h 2323145"/>
              <a:gd name="connsiteX147" fmla="*/ 4333906 w 11269336"/>
              <a:gd name="connsiteY147" fmla="*/ 2205251 h 2323145"/>
              <a:gd name="connsiteX148" fmla="*/ 4308819 w 11269336"/>
              <a:gd name="connsiteY148" fmla="*/ 2203822 h 2323145"/>
              <a:gd name="connsiteX149" fmla="*/ 4301210 w 11269336"/>
              <a:gd name="connsiteY149" fmla="*/ 2204456 h 2323145"/>
              <a:gd name="connsiteX150" fmla="*/ 4283095 w 11269336"/>
              <a:gd name="connsiteY150" fmla="*/ 2198177 h 2323145"/>
              <a:gd name="connsiteX151" fmla="*/ 4250119 w 11269336"/>
              <a:gd name="connsiteY151" fmla="*/ 2196342 h 2323145"/>
              <a:gd name="connsiteX152" fmla="*/ 4189203 w 11269336"/>
              <a:gd name="connsiteY152" fmla="*/ 2178994 h 2323145"/>
              <a:gd name="connsiteX153" fmla="*/ 4154035 w 11269336"/>
              <a:gd name="connsiteY153" fmla="*/ 2171950 h 2323145"/>
              <a:gd name="connsiteX154" fmla="*/ 4129569 w 11269336"/>
              <a:gd name="connsiteY154" fmla="*/ 2163850 h 2323145"/>
              <a:gd name="connsiteX155" fmla="*/ 4061250 w 11269336"/>
              <a:gd name="connsiteY155" fmla="*/ 2159236 h 2323145"/>
              <a:gd name="connsiteX156" fmla="*/ 3945480 w 11269336"/>
              <a:gd name="connsiteY156" fmla="*/ 2158279 h 2323145"/>
              <a:gd name="connsiteX157" fmla="*/ 3921468 w 11269336"/>
              <a:gd name="connsiteY157" fmla="*/ 2156588 h 2323145"/>
              <a:gd name="connsiteX158" fmla="*/ 3903348 w 11269336"/>
              <a:gd name="connsiteY158" fmla="*/ 2149220 h 2323145"/>
              <a:gd name="connsiteX159" fmla="*/ 3901342 w 11269336"/>
              <a:gd name="connsiteY159" fmla="*/ 2142355 h 2323145"/>
              <a:gd name="connsiteX160" fmla="*/ 3888539 w 11269336"/>
              <a:gd name="connsiteY160" fmla="*/ 2140476 h 2323145"/>
              <a:gd name="connsiteX161" fmla="*/ 3885662 w 11269336"/>
              <a:gd name="connsiteY161" fmla="*/ 2138740 h 2323145"/>
              <a:gd name="connsiteX162" fmla="*/ 3868627 w 11269336"/>
              <a:gd name="connsiteY162" fmla="*/ 2130023 h 2323145"/>
              <a:gd name="connsiteX163" fmla="*/ 3819177 w 11269336"/>
              <a:gd name="connsiteY163" fmla="*/ 2142111 h 2323145"/>
              <a:gd name="connsiteX164" fmla="*/ 3769100 w 11269336"/>
              <a:gd name="connsiteY164" fmla="*/ 2131731 h 2323145"/>
              <a:gd name="connsiteX165" fmla="*/ 3562752 w 11269336"/>
              <a:gd name="connsiteY165" fmla="*/ 2131785 h 2323145"/>
              <a:gd name="connsiteX166" fmla="*/ 3541402 w 11269336"/>
              <a:gd name="connsiteY166" fmla="*/ 2106821 h 2323145"/>
              <a:gd name="connsiteX167" fmla="*/ 3365341 w 11269336"/>
              <a:gd name="connsiteY167" fmla="*/ 2077638 h 2323145"/>
              <a:gd name="connsiteX168" fmla="*/ 3170922 w 11269336"/>
              <a:gd name="connsiteY168" fmla="*/ 2115957 h 2323145"/>
              <a:gd name="connsiteX169" fmla="*/ 3156256 w 11269336"/>
              <a:gd name="connsiteY169" fmla="*/ 2124773 h 2323145"/>
              <a:gd name="connsiteX170" fmla="*/ 3140298 w 11269336"/>
              <a:gd name="connsiteY170" fmla="*/ 2129182 h 2323145"/>
              <a:gd name="connsiteX171" fmla="*/ 3138514 w 11269336"/>
              <a:gd name="connsiteY171" fmla="*/ 2128069 h 2323145"/>
              <a:gd name="connsiteX172" fmla="*/ 3120467 w 11269336"/>
              <a:gd name="connsiteY172" fmla="*/ 2128281 h 2323145"/>
              <a:gd name="connsiteX173" fmla="*/ 3116175 w 11269336"/>
              <a:gd name="connsiteY173" fmla="*/ 2131633 h 2323145"/>
              <a:gd name="connsiteX174" fmla="*/ 3103685 w 11269336"/>
              <a:gd name="connsiteY174" fmla="*/ 2132814 h 2323145"/>
              <a:gd name="connsiteX175" fmla="*/ 3078794 w 11269336"/>
              <a:gd name="connsiteY175" fmla="*/ 2137935 h 2323145"/>
              <a:gd name="connsiteX176" fmla="*/ 3074407 w 11269336"/>
              <a:gd name="connsiteY176" fmla="*/ 2136274 h 2323145"/>
              <a:gd name="connsiteX177" fmla="*/ 3037285 w 11269336"/>
              <a:gd name="connsiteY177" fmla="*/ 2139919 h 2323145"/>
              <a:gd name="connsiteX178" fmla="*/ 3036901 w 11269336"/>
              <a:gd name="connsiteY178" fmla="*/ 2138726 h 2323145"/>
              <a:gd name="connsiteX179" fmla="*/ 3026996 w 11269336"/>
              <a:gd name="connsiteY179" fmla="*/ 2134322 h 2323145"/>
              <a:gd name="connsiteX180" fmla="*/ 3007772 w 11269336"/>
              <a:gd name="connsiteY180" fmla="*/ 2128742 h 2323145"/>
              <a:gd name="connsiteX181" fmla="*/ 2965030 w 11269336"/>
              <a:gd name="connsiteY181" fmla="*/ 2100494 h 2323145"/>
              <a:gd name="connsiteX182" fmla="*/ 2926342 w 11269336"/>
              <a:gd name="connsiteY182" fmla="*/ 2104155 h 2323145"/>
              <a:gd name="connsiteX183" fmla="*/ 2918608 w 11269336"/>
              <a:gd name="connsiteY183" fmla="*/ 2104215 h 2323145"/>
              <a:gd name="connsiteX184" fmla="*/ 2918475 w 11269336"/>
              <a:gd name="connsiteY184" fmla="*/ 2103937 h 2323145"/>
              <a:gd name="connsiteX185" fmla="*/ 2910360 w 11269336"/>
              <a:gd name="connsiteY185" fmla="*/ 2103444 h 2323145"/>
              <a:gd name="connsiteX186" fmla="*/ 2904507 w 11269336"/>
              <a:gd name="connsiteY186" fmla="*/ 2104326 h 2323145"/>
              <a:gd name="connsiteX187" fmla="*/ 2889503 w 11269336"/>
              <a:gd name="connsiteY187" fmla="*/ 2104443 h 2323145"/>
              <a:gd name="connsiteX188" fmla="*/ 2884480 w 11269336"/>
              <a:gd name="connsiteY188" fmla="*/ 2102626 h 2323145"/>
              <a:gd name="connsiteX189" fmla="*/ 2882689 w 11269336"/>
              <a:gd name="connsiteY189" fmla="*/ 2099228 h 2323145"/>
              <a:gd name="connsiteX190" fmla="*/ 2881291 w 11269336"/>
              <a:gd name="connsiteY190" fmla="*/ 2099618 h 2323145"/>
              <a:gd name="connsiteX191" fmla="*/ 2853979 w 11269336"/>
              <a:gd name="connsiteY191" fmla="*/ 2090388 h 2323145"/>
              <a:gd name="connsiteX192" fmla="*/ 2791790 w 11269336"/>
              <a:gd name="connsiteY192" fmla="*/ 2080332 h 2323145"/>
              <a:gd name="connsiteX193" fmla="*/ 2755844 w 11269336"/>
              <a:gd name="connsiteY193" fmla="*/ 2078874 h 2323145"/>
              <a:gd name="connsiteX194" fmla="*/ 2657742 w 11269336"/>
              <a:gd name="connsiteY194" fmla="*/ 2070179 h 2323145"/>
              <a:gd name="connsiteX195" fmla="*/ 2559549 w 11269336"/>
              <a:gd name="connsiteY195" fmla="*/ 2057873 h 2323145"/>
              <a:gd name="connsiteX196" fmla="*/ 2512054 w 11269336"/>
              <a:gd name="connsiteY196" fmla="*/ 2031671 h 2323145"/>
              <a:gd name="connsiteX197" fmla="*/ 2506437 w 11269336"/>
              <a:gd name="connsiteY197" fmla="*/ 2030918 h 2323145"/>
              <a:gd name="connsiteX198" fmla="*/ 2491752 w 11269336"/>
              <a:gd name="connsiteY198" fmla="*/ 2033906 h 2323145"/>
              <a:gd name="connsiteX199" fmla="*/ 2486338 w 11269336"/>
              <a:gd name="connsiteY199" fmla="*/ 2035862 h 2323145"/>
              <a:gd name="connsiteX200" fmla="*/ 2478186 w 11269336"/>
              <a:gd name="connsiteY200" fmla="*/ 2036953 h 2323145"/>
              <a:gd name="connsiteX201" fmla="*/ 2477950 w 11269336"/>
              <a:gd name="connsiteY201" fmla="*/ 2036715 h 2323145"/>
              <a:gd name="connsiteX202" fmla="*/ 2470381 w 11269336"/>
              <a:gd name="connsiteY202" fmla="*/ 2038256 h 2323145"/>
              <a:gd name="connsiteX203" fmla="*/ 2433781 w 11269336"/>
              <a:gd name="connsiteY203" fmla="*/ 2049140 h 2323145"/>
              <a:gd name="connsiteX204" fmla="*/ 2381172 w 11269336"/>
              <a:gd name="connsiteY204" fmla="*/ 2030645 h 2323145"/>
              <a:gd name="connsiteX205" fmla="*/ 2360198 w 11269336"/>
              <a:gd name="connsiteY205" fmla="*/ 2029059 h 2323145"/>
              <a:gd name="connsiteX206" fmla="*/ 2348815 w 11269336"/>
              <a:gd name="connsiteY206" fmla="*/ 2026798 h 2323145"/>
              <a:gd name="connsiteX207" fmla="*/ 2347988 w 11269336"/>
              <a:gd name="connsiteY207" fmla="*/ 2025745 h 2323145"/>
              <a:gd name="connsiteX208" fmla="*/ 2312920 w 11269336"/>
              <a:gd name="connsiteY208" fmla="*/ 2036311 h 2323145"/>
              <a:gd name="connsiteX209" fmla="*/ 2307986 w 11269336"/>
              <a:gd name="connsiteY209" fmla="*/ 2035583 h 2323145"/>
              <a:gd name="connsiteX210" fmla="*/ 2285481 w 11269336"/>
              <a:gd name="connsiteY210" fmla="*/ 2045197 h 2323145"/>
              <a:gd name="connsiteX211" fmla="*/ 2273666 w 11269336"/>
              <a:gd name="connsiteY211" fmla="*/ 2048710 h 2323145"/>
              <a:gd name="connsiteX212" fmla="*/ 2270719 w 11269336"/>
              <a:gd name="connsiteY212" fmla="*/ 2052702 h 2323145"/>
              <a:gd name="connsiteX213" fmla="*/ 2253080 w 11269336"/>
              <a:gd name="connsiteY213" fmla="*/ 2056363 h 2323145"/>
              <a:gd name="connsiteX214" fmla="*/ 2250906 w 11269336"/>
              <a:gd name="connsiteY214" fmla="*/ 2055654 h 2323145"/>
              <a:gd name="connsiteX215" fmla="*/ 2236905 w 11269336"/>
              <a:gd name="connsiteY215" fmla="*/ 2062882 h 2323145"/>
              <a:gd name="connsiteX216" fmla="*/ 2225830 w 11269336"/>
              <a:gd name="connsiteY216" fmla="*/ 2074027 h 2323145"/>
              <a:gd name="connsiteX217" fmla="*/ 2073776 w 11269336"/>
              <a:gd name="connsiteY217" fmla="*/ 2089244 h 2323145"/>
              <a:gd name="connsiteX218" fmla="*/ 1948256 w 11269336"/>
              <a:gd name="connsiteY218" fmla="*/ 2146616 h 2323145"/>
              <a:gd name="connsiteX219" fmla="*/ 1865582 w 11269336"/>
              <a:gd name="connsiteY219" fmla="*/ 2153738 h 2323145"/>
              <a:gd name="connsiteX220" fmla="*/ 1835210 w 11269336"/>
              <a:gd name="connsiteY220" fmla="*/ 2134244 h 2323145"/>
              <a:gd name="connsiteX221" fmla="*/ 1632661 w 11269336"/>
              <a:gd name="connsiteY221" fmla="*/ 2173882 h 2323145"/>
              <a:gd name="connsiteX222" fmla="*/ 1579590 w 11269336"/>
              <a:gd name="connsiteY222" fmla="*/ 2173680 h 2323145"/>
              <a:gd name="connsiteX223" fmla="*/ 1535601 w 11269336"/>
              <a:gd name="connsiteY223" fmla="*/ 2194590 h 2323145"/>
              <a:gd name="connsiteX224" fmla="*/ 1515594 w 11269336"/>
              <a:gd name="connsiteY224" fmla="*/ 2189622 h 2323145"/>
              <a:gd name="connsiteX225" fmla="*/ 1512113 w 11269336"/>
              <a:gd name="connsiteY225" fmla="*/ 2188534 h 2323145"/>
              <a:gd name="connsiteX226" fmla="*/ 1498838 w 11269336"/>
              <a:gd name="connsiteY226" fmla="*/ 2189213 h 2323145"/>
              <a:gd name="connsiteX227" fmla="*/ 1494279 w 11269336"/>
              <a:gd name="connsiteY227" fmla="*/ 2183112 h 2323145"/>
              <a:gd name="connsiteX228" fmla="*/ 1473714 w 11269336"/>
              <a:gd name="connsiteY228" fmla="*/ 2179625 h 2323145"/>
              <a:gd name="connsiteX229" fmla="*/ 1449503 w 11269336"/>
              <a:gd name="connsiteY229" fmla="*/ 2182633 h 2323145"/>
              <a:gd name="connsiteX230" fmla="*/ 1266687 w 11269336"/>
              <a:gd name="connsiteY230" fmla="*/ 2212688 h 2323145"/>
              <a:gd name="connsiteX231" fmla="*/ 1239614 w 11269336"/>
              <a:gd name="connsiteY231" fmla="*/ 2209727 h 2323145"/>
              <a:gd name="connsiteX232" fmla="*/ 1202436 w 11269336"/>
              <a:gd name="connsiteY232" fmla="*/ 2209817 h 2323145"/>
              <a:gd name="connsiteX233" fmla="*/ 1136097 w 11269336"/>
              <a:gd name="connsiteY233" fmla="*/ 2205112 h 2323145"/>
              <a:gd name="connsiteX234" fmla="*/ 988232 w 11269336"/>
              <a:gd name="connsiteY234" fmla="*/ 2235635 h 2323145"/>
              <a:gd name="connsiteX235" fmla="*/ 981959 w 11269336"/>
              <a:gd name="connsiteY235" fmla="*/ 2231607 h 2323145"/>
              <a:gd name="connsiteX236" fmla="*/ 938600 w 11269336"/>
              <a:gd name="connsiteY236" fmla="*/ 2238113 h 2323145"/>
              <a:gd name="connsiteX237" fmla="*/ 791788 w 11269336"/>
              <a:gd name="connsiteY237" fmla="*/ 2293224 h 2323145"/>
              <a:gd name="connsiteX238" fmla="*/ 706914 w 11269336"/>
              <a:gd name="connsiteY238" fmla="*/ 2305046 h 2323145"/>
              <a:gd name="connsiteX239" fmla="*/ 675971 w 11269336"/>
              <a:gd name="connsiteY239" fmla="*/ 2304030 h 2323145"/>
              <a:gd name="connsiteX240" fmla="*/ 624180 w 11269336"/>
              <a:gd name="connsiteY240" fmla="*/ 2302650 h 2323145"/>
              <a:gd name="connsiteX241" fmla="*/ 583453 w 11269336"/>
              <a:gd name="connsiteY241" fmla="*/ 2288788 h 2323145"/>
              <a:gd name="connsiteX242" fmla="*/ 540946 w 11269336"/>
              <a:gd name="connsiteY242" fmla="*/ 2292721 h 2323145"/>
              <a:gd name="connsiteX243" fmla="*/ 533680 w 11269336"/>
              <a:gd name="connsiteY243" fmla="*/ 2310233 h 2323145"/>
              <a:gd name="connsiteX244" fmla="*/ 487366 w 11269336"/>
              <a:gd name="connsiteY244" fmla="*/ 2309053 h 2323145"/>
              <a:gd name="connsiteX245" fmla="*/ 416820 w 11269336"/>
              <a:gd name="connsiteY245" fmla="*/ 2305443 h 2323145"/>
              <a:gd name="connsiteX246" fmla="*/ 376805 w 11269336"/>
              <a:gd name="connsiteY246" fmla="*/ 2307647 h 2323145"/>
              <a:gd name="connsiteX247" fmla="*/ 266777 w 11269336"/>
              <a:gd name="connsiteY247" fmla="*/ 2309012 h 2323145"/>
              <a:gd name="connsiteX248" fmla="*/ 156013 w 11269336"/>
              <a:gd name="connsiteY248" fmla="*/ 2306832 h 2323145"/>
              <a:gd name="connsiteX249" fmla="*/ 87258 w 11269336"/>
              <a:gd name="connsiteY249" fmla="*/ 2285511 h 2323145"/>
              <a:gd name="connsiteX250" fmla="*/ 23798 w 11269336"/>
              <a:gd name="connsiteY250" fmla="*/ 2281822 h 2323145"/>
              <a:gd name="connsiteX251" fmla="*/ 0 w 11269336"/>
              <a:gd name="connsiteY251" fmla="*/ 2285369 h 2323145"/>
              <a:gd name="connsiteX252" fmla="*/ 0 w 11269336"/>
              <a:gd name="connsiteY252" fmla="*/ 0 h 2323145"/>
              <a:gd name="connsiteX0" fmla="*/ 0 w 11269336"/>
              <a:gd name="connsiteY0" fmla="*/ 0 h 2323145"/>
              <a:gd name="connsiteX1" fmla="*/ 11269336 w 11269336"/>
              <a:gd name="connsiteY1" fmla="*/ 0 h 2323145"/>
              <a:gd name="connsiteX2" fmla="*/ 11268645 w 11269336"/>
              <a:gd name="connsiteY2" fmla="*/ 511 h 2323145"/>
              <a:gd name="connsiteX3" fmla="*/ 11230739 w 11269336"/>
              <a:gd name="connsiteY3" fmla="*/ 37096 h 2323145"/>
              <a:gd name="connsiteX4" fmla="*/ 11082485 w 11269336"/>
              <a:gd name="connsiteY4" fmla="*/ 78590 h 2323145"/>
              <a:gd name="connsiteX5" fmla="*/ 11031776 w 11269336"/>
              <a:gd name="connsiteY5" fmla="*/ 79197 h 2323145"/>
              <a:gd name="connsiteX6" fmla="*/ 10995894 w 11269336"/>
              <a:gd name="connsiteY6" fmla="*/ 83459 h 2323145"/>
              <a:gd name="connsiteX7" fmla="*/ 10861177 w 11269336"/>
              <a:gd name="connsiteY7" fmla="*/ 147419 h 2323145"/>
              <a:gd name="connsiteX8" fmla="*/ 10782732 w 11269336"/>
              <a:gd name="connsiteY8" fmla="*/ 135645 h 2323145"/>
              <a:gd name="connsiteX9" fmla="*/ 10660773 w 11269336"/>
              <a:gd name="connsiteY9" fmla="*/ 179312 h 2323145"/>
              <a:gd name="connsiteX10" fmla="*/ 10564442 w 11269336"/>
              <a:gd name="connsiteY10" fmla="*/ 160738 h 2323145"/>
              <a:gd name="connsiteX11" fmla="*/ 10490200 w 11269336"/>
              <a:gd name="connsiteY11" fmla="*/ 183533 h 2323145"/>
              <a:gd name="connsiteX12" fmla="*/ 10271351 w 11269336"/>
              <a:gd name="connsiteY12" fmla="*/ 243104 h 2323145"/>
              <a:gd name="connsiteX13" fmla="*/ 10061033 w 11269336"/>
              <a:gd name="connsiteY13" fmla="*/ 364937 h 2323145"/>
              <a:gd name="connsiteX14" fmla="*/ 9921770 w 11269336"/>
              <a:gd name="connsiteY14" fmla="*/ 406154 h 2323145"/>
              <a:gd name="connsiteX15" fmla="*/ 9858388 w 11269336"/>
              <a:gd name="connsiteY15" fmla="*/ 439489 h 2323145"/>
              <a:gd name="connsiteX16" fmla="*/ 9811914 w 11269336"/>
              <a:gd name="connsiteY16" fmla="*/ 449865 h 2323145"/>
              <a:gd name="connsiteX17" fmla="*/ 9784394 w 11269336"/>
              <a:gd name="connsiteY17" fmla="*/ 457816 h 2323145"/>
              <a:gd name="connsiteX18" fmla="*/ 9656836 w 11269336"/>
              <a:gd name="connsiteY18" fmla="*/ 469967 h 2323145"/>
              <a:gd name="connsiteX19" fmla="*/ 9561575 w 11269336"/>
              <a:gd name="connsiteY19" fmla="*/ 559978 h 2323145"/>
              <a:gd name="connsiteX20" fmla="*/ 9162278 w 11269336"/>
              <a:gd name="connsiteY20" fmla="*/ 704724 h 2323145"/>
              <a:gd name="connsiteX21" fmla="*/ 9062863 w 11269336"/>
              <a:gd name="connsiteY21" fmla="*/ 754656 h 2323145"/>
              <a:gd name="connsiteX22" fmla="*/ 8914746 w 11269336"/>
              <a:gd name="connsiteY22" fmla="*/ 826428 h 2323145"/>
              <a:gd name="connsiteX23" fmla="*/ 8917778 w 11269336"/>
              <a:gd name="connsiteY23" fmla="*/ 835198 h 2323145"/>
              <a:gd name="connsiteX24" fmla="*/ 8905560 w 11269336"/>
              <a:gd name="connsiteY24" fmla="*/ 838358 h 2323145"/>
              <a:gd name="connsiteX25" fmla="*/ 8897564 w 11269336"/>
              <a:gd name="connsiteY25" fmla="*/ 834287 h 2323145"/>
              <a:gd name="connsiteX26" fmla="*/ 8878040 w 11269336"/>
              <a:gd name="connsiteY26" fmla="*/ 844150 h 2323145"/>
              <a:gd name="connsiteX27" fmla="*/ 8795998 w 11269336"/>
              <a:gd name="connsiteY27" fmla="*/ 863337 h 2323145"/>
              <a:gd name="connsiteX28" fmla="*/ 8776970 w 11269336"/>
              <a:gd name="connsiteY28" fmla="*/ 885177 h 2323145"/>
              <a:gd name="connsiteX29" fmla="*/ 8755719 w 11269336"/>
              <a:gd name="connsiteY29" fmla="*/ 889754 h 2323145"/>
              <a:gd name="connsiteX30" fmla="*/ 8743257 w 11269336"/>
              <a:gd name="connsiteY30" fmla="*/ 904723 h 2323145"/>
              <a:gd name="connsiteX31" fmla="*/ 8721366 w 11269336"/>
              <a:gd name="connsiteY31" fmla="*/ 904711 h 2323145"/>
              <a:gd name="connsiteX32" fmla="*/ 8678353 w 11269336"/>
              <a:gd name="connsiteY32" fmla="*/ 926318 h 2323145"/>
              <a:gd name="connsiteX33" fmla="*/ 8636849 w 11269336"/>
              <a:gd name="connsiteY33" fmla="*/ 937900 h 2323145"/>
              <a:gd name="connsiteX34" fmla="*/ 8620213 w 11269336"/>
              <a:gd name="connsiteY34" fmla="*/ 943068 h 2323145"/>
              <a:gd name="connsiteX35" fmla="*/ 8612581 w 11269336"/>
              <a:gd name="connsiteY35" fmla="*/ 952695 h 2323145"/>
              <a:gd name="connsiteX36" fmla="*/ 8589038 w 11269336"/>
              <a:gd name="connsiteY36" fmla="*/ 963892 h 2323145"/>
              <a:gd name="connsiteX37" fmla="*/ 8579950 w 11269336"/>
              <a:gd name="connsiteY37" fmla="*/ 960899 h 2323145"/>
              <a:gd name="connsiteX38" fmla="*/ 8579319 w 11269336"/>
              <a:gd name="connsiteY38" fmla="*/ 965630 h 2323145"/>
              <a:gd name="connsiteX39" fmla="*/ 8547429 w 11269336"/>
              <a:gd name="connsiteY39" fmla="*/ 984506 h 2323145"/>
              <a:gd name="connsiteX40" fmla="*/ 8478704 w 11269336"/>
              <a:gd name="connsiteY40" fmla="*/ 1025490 h 2323145"/>
              <a:gd name="connsiteX41" fmla="*/ 8461421 w 11269336"/>
              <a:gd name="connsiteY41" fmla="*/ 1035512 h 2323145"/>
              <a:gd name="connsiteX42" fmla="*/ 8445003 w 11269336"/>
              <a:gd name="connsiteY42" fmla="*/ 1036851 h 2323145"/>
              <a:gd name="connsiteX43" fmla="*/ 8357350 w 11269336"/>
              <a:gd name="connsiteY43" fmla="*/ 1060213 h 2323145"/>
              <a:gd name="connsiteX44" fmla="*/ 8335565 w 11269336"/>
              <a:gd name="connsiteY44" fmla="*/ 1061151 h 2323145"/>
              <a:gd name="connsiteX45" fmla="*/ 8325267 w 11269336"/>
              <a:gd name="connsiteY45" fmla="*/ 1055919 h 2323145"/>
              <a:gd name="connsiteX46" fmla="*/ 8293586 w 11269336"/>
              <a:gd name="connsiteY46" fmla="*/ 1076144 h 2323145"/>
              <a:gd name="connsiteX47" fmla="*/ 8242405 w 11269336"/>
              <a:gd name="connsiteY47" fmla="*/ 1095960 h 2323145"/>
              <a:gd name="connsiteX48" fmla="*/ 8197391 w 11269336"/>
              <a:gd name="connsiteY48" fmla="*/ 1107746 h 2323145"/>
              <a:gd name="connsiteX49" fmla="*/ 8081474 w 11269336"/>
              <a:gd name="connsiteY49" fmla="*/ 1130125 h 2323145"/>
              <a:gd name="connsiteX50" fmla="*/ 8053585 w 11269336"/>
              <a:gd name="connsiteY50" fmla="*/ 1129169 h 2323145"/>
              <a:gd name="connsiteX51" fmla="*/ 8038422 w 11269336"/>
              <a:gd name="connsiteY51" fmla="*/ 1119092 h 2323145"/>
              <a:gd name="connsiteX52" fmla="*/ 8029450 w 11269336"/>
              <a:gd name="connsiteY52" fmla="*/ 1125592 h 2323145"/>
              <a:gd name="connsiteX53" fmla="*/ 7959552 w 11269336"/>
              <a:gd name="connsiteY53" fmla="*/ 1140188 h 2323145"/>
              <a:gd name="connsiteX54" fmla="*/ 7914188 w 11269336"/>
              <a:gd name="connsiteY54" fmla="*/ 1150862 h 2323145"/>
              <a:gd name="connsiteX55" fmla="*/ 7914918 w 11269336"/>
              <a:gd name="connsiteY55" fmla="*/ 1168758 h 2323145"/>
              <a:gd name="connsiteX56" fmla="*/ 7875510 w 11269336"/>
              <a:gd name="connsiteY56" fmla="*/ 1183153 h 2323145"/>
              <a:gd name="connsiteX57" fmla="*/ 7829932 w 11269336"/>
              <a:gd name="connsiteY57" fmla="*/ 1180782 h 2323145"/>
              <a:gd name="connsiteX58" fmla="*/ 7779182 w 11269336"/>
              <a:gd name="connsiteY58" fmla="*/ 1192665 h 2323145"/>
              <a:gd name="connsiteX59" fmla="*/ 7748774 w 11269336"/>
              <a:gd name="connsiteY59" fmla="*/ 1199586 h 2323145"/>
              <a:gd name="connsiteX60" fmla="*/ 7671846 w 11269336"/>
              <a:gd name="connsiteY60" fmla="*/ 1231966 h 2323145"/>
              <a:gd name="connsiteX61" fmla="*/ 7554146 w 11269336"/>
              <a:gd name="connsiteY61" fmla="*/ 1319748 h 2323145"/>
              <a:gd name="connsiteX62" fmla="*/ 7515052 w 11269336"/>
              <a:gd name="connsiteY62" fmla="*/ 1336718 h 2323145"/>
              <a:gd name="connsiteX63" fmla="*/ 7507193 w 11269336"/>
              <a:gd name="connsiteY63" fmla="*/ 1334617 h 2323145"/>
              <a:gd name="connsiteX64" fmla="*/ 7461694 w 11269336"/>
              <a:gd name="connsiteY64" fmla="*/ 1375866 h 2323145"/>
              <a:gd name="connsiteX65" fmla="*/ 7377571 w 11269336"/>
              <a:gd name="connsiteY65" fmla="*/ 1400128 h 2323145"/>
              <a:gd name="connsiteX66" fmla="*/ 7311261 w 11269336"/>
              <a:gd name="connsiteY66" fmla="*/ 1412652 h 2323145"/>
              <a:gd name="connsiteX67" fmla="*/ 7275307 w 11269336"/>
              <a:gd name="connsiteY67" fmla="*/ 1422171 h 2323145"/>
              <a:gd name="connsiteX68" fmla="*/ 7247783 w 11269336"/>
              <a:gd name="connsiteY68" fmla="*/ 1426330 h 2323145"/>
              <a:gd name="connsiteX69" fmla="*/ 7185047 w 11269336"/>
              <a:gd name="connsiteY69" fmla="*/ 1451812 h 2323145"/>
              <a:gd name="connsiteX70" fmla="*/ 7084117 w 11269336"/>
              <a:gd name="connsiteY70" fmla="*/ 1500281 h 2323145"/>
              <a:gd name="connsiteX71" fmla="*/ 7062011 w 11269336"/>
              <a:gd name="connsiteY71" fmla="*/ 1509183 h 2323145"/>
              <a:gd name="connsiteX72" fmla="*/ 7040555 w 11269336"/>
              <a:gd name="connsiteY72" fmla="*/ 1511207 h 2323145"/>
              <a:gd name="connsiteX73" fmla="*/ 7033438 w 11269336"/>
              <a:gd name="connsiteY73" fmla="*/ 1506772 h 2323145"/>
              <a:gd name="connsiteX74" fmla="*/ 7020886 w 11269336"/>
              <a:gd name="connsiteY74" fmla="*/ 1510764 h 2323145"/>
              <a:gd name="connsiteX75" fmla="*/ 7017033 w 11269336"/>
              <a:gd name="connsiteY75" fmla="*/ 1510650 h 2323145"/>
              <a:gd name="connsiteX76" fmla="*/ 6995460 w 11269336"/>
              <a:gd name="connsiteY76" fmla="*/ 1511173 h 2323145"/>
              <a:gd name="connsiteX77" fmla="*/ 6962144 w 11269336"/>
              <a:gd name="connsiteY77" fmla="*/ 1541508 h 2323145"/>
              <a:gd name="connsiteX78" fmla="*/ 6910674 w 11269336"/>
              <a:gd name="connsiteY78" fmla="*/ 1554793 h 2323145"/>
              <a:gd name="connsiteX79" fmla="*/ 6732152 w 11269336"/>
              <a:gd name="connsiteY79" fmla="*/ 1642538 h 2323145"/>
              <a:gd name="connsiteX80" fmla="*/ 6694106 w 11269336"/>
              <a:gd name="connsiteY80" fmla="*/ 1632377 h 2323145"/>
              <a:gd name="connsiteX81" fmla="*/ 6617223 w 11269336"/>
              <a:gd name="connsiteY81" fmla="*/ 1659889 h 2323145"/>
              <a:gd name="connsiteX82" fmla="*/ 6521138 w 11269336"/>
              <a:gd name="connsiteY82" fmla="*/ 1744340 h 2323145"/>
              <a:gd name="connsiteX83" fmla="*/ 6380677 w 11269336"/>
              <a:gd name="connsiteY83" fmla="*/ 1796883 h 2323145"/>
              <a:gd name="connsiteX84" fmla="*/ 6374897 w 11269336"/>
              <a:gd name="connsiteY84" fmla="*/ 1809910 h 2323145"/>
              <a:gd name="connsiteX85" fmla="*/ 6364545 w 11269336"/>
              <a:gd name="connsiteY85" fmla="*/ 1820090 h 2323145"/>
              <a:gd name="connsiteX86" fmla="*/ 6362126 w 11269336"/>
              <a:gd name="connsiteY86" fmla="*/ 1819991 h 2323145"/>
              <a:gd name="connsiteX87" fmla="*/ 6346673 w 11269336"/>
              <a:gd name="connsiteY87" fmla="*/ 1827824 h 2323145"/>
              <a:gd name="connsiteX88" fmla="*/ 6345588 w 11269336"/>
              <a:gd name="connsiteY88" fmla="*/ 1832232 h 2323145"/>
              <a:gd name="connsiteX89" fmla="*/ 6335708 w 11269336"/>
              <a:gd name="connsiteY89" fmla="*/ 1838451 h 2323145"/>
              <a:gd name="connsiteX90" fmla="*/ 6318182 w 11269336"/>
              <a:gd name="connsiteY90" fmla="*/ 1852975 h 2323145"/>
              <a:gd name="connsiteX91" fmla="*/ 6313084 w 11269336"/>
              <a:gd name="connsiteY91" fmla="*/ 1853561 h 2323145"/>
              <a:gd name="connsiteX92" fmla="*/ 6283816 w 11269336"/>
              <a:gd name="connsiteY92" fmla="*/ 1872148 h 2323145"/>
              <a:gd name="connsiteX93" fmla="*/ 6282550 w 11269336"/>
              <a:gd name="connsiteY93" fmla="*/ 1871392 h 2323145"/>
              <a:gd name="connsiteX94" fmla="*/ 6270527 w 11269336"/>
              <a:gd name="connsiteY94" fmla="*/ 1872208 h 2323145"/>
              <a:gd name="connsiteX95" fmla="*/ 6249518 w 11269336"/>
              <a:gd name="connsiteY95" fmla="*/ 1876079 h 2323145"/>
              <a:gd name="connsiteX96" fmla="*/ 6190386 w 11269336"/>
              <a:gd name="connsiteY96" fmla="*/ 1872478 h 2323145"/>
              <a:gd name="connsiteX97" fmla="*/ 6159777 w 11269336"/>
              <a:gd name="connsiteY97" fmla="*/ 1891745 h 2323145"/>
              <a:gd name="connsiteX98" fmla="*/ 6153131 w 11269336"/>
              <a:gd name="connsiteY98" fmla="*/ 1895079 h 2323145"/>
              <a:gd name="connsiteX99" fmla="*/ 6152798 w 11269336"/>
              <a:gd name="connsiteY99" fmla="*/ 1894920 h 2323145"/>
              <a:gd name="connsiteX100" fmla="*/ 6145388 w 11269336"/>
              <a:gd name="connsiteY100" fmla="*/ 1897990 h 2323145"/>
              <a:gd name="connsiteX101" fmla="*/ 6141014 w 11269336"/>
              <a:gd name="connsiteY101" fmla="*/ 1901155 h 2323145"/>
              <a:gd name="connsiteX102" fmla="*/ 6128122 w 11269336"/>
              <a:gd name="connsiteY102" fmla="*/ 1907623 h 2323145"/>
              <a:gd name="connsiteX103" fmla="*/ 6122351 w 11269336"/>
              <a:gd name="connsiteY103" fmla="*/ 1908359 h 2323145"/>
              <a:gd name="connsiteX104" fmla="*/ 6064750 w 11269336"/>
              <a:gd name="connsiteY104" fmla="*/ 1896394 h 2323145"/>
              <a:gd name="connsiteX105" fmla="*/ 5964230 w 11269336"/>
              <a:gd name="connsiteY105" fmla="*/ 1910038 h 2323145"/>
              <a:gd name="connsiteX106" fmla="*/ 5865399 w 11269336"/>
              <a:gd name="connsiteY106" fmla="*/ 1926966 h 2323145"/>
              <a:gd name="connsiteX107" fmla="*/ 5829951 w 11269336"/>
              <a:gd name="connsiteY107" fmla="*/ 1934755 h 2323145"/>
              <a:gd name="connsiteX108" fmla="*/ 5765285 w 11269336"/>
              <a:gd name="connsiteY108" fmla="*/ 1941322 h 2323145"/>
              <a:gd name="connsiteX109" fmla="*/ 5734750 w 11269336"/>
              <a:gd name="connsiteY109" fmla="*/ 1939793 h 2323145"/>
              <a:gd name="connsiteX110" fmla="*/ 5733569 w 11269336"/>
              <a:gd name="connsiteY110" fmla="*/ 1940505 h 2323145"/>
              <a:gd name="connsiteX111" fmla="*/ 5730329 w 11269336"/>
              <a:gd name="connsiteY111" fmla="*/ 1937845 h 2323145"/>
              <a:gd name="connsiteX112" fmla="*/ 5724661 w 11269336"/>
              <a:gd name="connsiteY112" fmla="*/ 1937455 h 2323145"/>
              <a:gd name="connsiteX113" fmla="*/ 5710186 w 11269336"/>
              <a:gd name="connsiteY113" fmla="*/ 1941370 h 2323145"/>
              <a:gd name="connsiteX114" fmla="*/ 5704910 w 11269336"/>
              <a:gd name="connsiteY114" fmla="*/ 1943663 h 2323145"/>
              <a:gd name="connsiteX115" fmla="*/ 5696836 w 11269336"/>
              <a:gd name="connsiteY115" fmla="*/ 1945271 h 2323145"/>
              <a:gd name="connsiteX116" fmla="*/ 5696583 w 11269336"/>
              <a:gd name="connsiteY116" fmla="*/ 1945050 h 2323145"/>
              <a:gd name="connsiteX117" fmla="*/ 5689123 w 11269336"/>
              <a:gd name="connsiteY117" fmla="*/ 1947067 h 2323145"/>
              <a:gd name="connsiteX118" fmla="*/ 5653291 w 11269336"/>
              <a:gd name="connsiteY118" fmla="*/ 1960245 h 2323145"/>
              <a:gd name="connsiteX119" fmla="*/ 5599385 w 11269336"/>
              <a:gd name="connsiteY119" fmla="*/ 1945198 h 2323145"/>
              <a:gd name="connsiteX120" fmla="*/ 5578300 w 11269336"/>
              <a:gd name="connsiteY120" fmla="*/ 1944963 h 2323145"/>
              <a:gd name="connsiteX121" fmla="*/ 5566758 w 11269336"/>
              <a:gd name="connsiteY121" fmla="*/ 1943441 h 2323145"/>
              <a:gd name="connsiteX122" fmla="*/ 5565857 w 11269336"/>
              <a:gd name="connsiteY122" fmla="*/ 1942445 h 2323145"/>
              <a:gd name="connsiteX123" fmla="*/ 5531534 w 11269336"/>
              <a:gd name="connsiteY123" fmla="*/ 1955208 h 2323145"/>
              <a:gd name="connsiteX124" fmla="*/ 5526552 w 11269336"/>
              <a:gd name="connsiteY124" fmla="*/ 1954799 h 2323145"/>
              <a:gd name="connsiteX125" fmla="*/ 5504723 w 11269336"/>
              <a:gd name="connsiteY125" fmla="*/ 1965811 h 2323145"/>
              <a:gd name="connsiteX126" fmla="*/ 5493156 w 11269336"/>
              <a:gd name="connsiteY126" fmla="*/ 1970063 h 2323145"/>
              <a:gd name="connsiteX127" fmla="*/ 5490486 w 11269336"/>
              <a:gd name="connsiteY127" fmla="*/ 1974227 h 2323145"/>
              <a:gd name="connsiteX128" fmla="*/ 5473107 w 11269336"/>
              <a:gd name="connsiteY128" fmla="*/ 1979001 h 2323145"/>
              <a:gd name="connsiteX129" fmla="*/ 5470885 w 11269336"/>
              <a:gd name="connsiteY129" fmla="*/ 1978432 h 2323145"/>
              <a:gd name="connsiteX130" fmla="*/ 5457393 w 11269336"/>
              <a:gd name="connsiteY130" fmla="*/ 1986525 h 2323145"/>
              <a:gd name="connsiteX131" fmla="*/ 5447102 w 11269336"/>
              <a:gd name="connsiteY131" fmla="*/ 1998329 h 2323145"/>
              <a:gd name="connsiteX132" fmla="*/ 5159151 w 11269336"/>
              <a:gd name="connsiteY132" fmla="*/ 2029640 h 2323145"/>
              <a:gd name="connsiteX133" fmla="*/ 5098838 w 11269336"/>
              <a:gd name="connsiteY133" fmla="*/ 2062961 h 2323145"/>
              <a:gd name="connsiteX134" fmla="*/ 4860988 w 11269336"/>
              <a:gd name="connsiteY134" fmla="*/ 2135698 h 2323145"/>
              <a:gd name="connsiteX135" fmla="*/ 4765388 w 11269336"/>
              <a:gd name="connsiteY135" fmla="*/ 2162525 h 2323145"/>
              <a:gd name="connsiteX136" fmla="*/ 4745033 w 11269336"/>
              <a:gd name="connsiteY136" fmla="*/ 2158859 h 2323145"/>
              <a:gd name="connsiteX137" fmla="*/ 4741475 w 11269336"/>
              <a:gd name="connsiteY137" fmla="*/ 2157998 h 2323145"/>
              <a:gd name="connsiteX138" fmla="*/ 4728247 w 11269336"/>
              <a:gd name="connsiteY138" fmla="*/ 2159526 h 2323145"/>
              <a:gd name="connsiteX139" fmla="*/ 4723263 w 11269336"/>
              <a:gd name="connsiteY139" fmla="*/ 2153742 h 2323145"/>
              <a:gd name="connsiteX140" fmla="*/ 4593061 w 11269336"/>
              <a:gd name="connsiteY140" fmla="*/ 2171597 h 2323145"/>
              <a:gd name="connsiteX141" fmla="*/ 4405765 w 11269336"/>
              <a:gd name="connsiteY141" fmla="*/ 2199902 h 2323145"/>
              <a:gd name="connsiteX142" fmla="*/ 4401354 w 11269336"/>
              <a:gd name="connsiteY142" fmla="*/ 2194745 h 2323145"/>
              <a:gd name="connsiteX143" fmla="*/ 4366646 w 11269336"/>
              <a:gd name="connsiteY143" fmla="*/ 2198564 h 2323145"/>
              <a:gd name="connsiteX144" fmla="*/ 4354009 w 11269336"/>
              <a:gd name="connsiteY144" fmla="*/ 2204984 h 2323145"/>
              <a:gd name="connsiteX145" fmla="*/ 4348284 w 11269336"/>
              <a:gd name="connsiteY145" fmla="*/ 2205270 h 2323145"/>
              <a:gd name="connsiteX146" fmla="*/ 4333906 w 11269336"/>
              <a:gd name="connsiteY146" fmla="*/ 2205251 h 2323145"/>
              <a:gd name="connsiteX147" fmla="*/ 4308819 w 11269336"/>
              <a:gd name="connsiteY147" fmla="*/ 2203822 h 2323145"/>
              <a:gd name="connsiteX148" fmla="*/ 4301210 w 11269336"/>
              <a:gd name="connsiteY148" fmla="*/ 2204456 h 2323145"/>
              <a:gd name="connsiteX149" fmla="*/ 4283095 w 11269336"/>
              <a:gd name="connsiteY149" fmla="*/ 2198177 h 2323145"/>
              <a:gd name="connsiteX150" fmla="*/ 4250119 w 11269336"/>
              <a:gd name="connsiteY150" fmla="*/ 2196342 h 2323145"/>
              <a:gd name="connsiteX151" fmla="*/ 4189203 w 11269336"/>
              <a:gd name="connsiteY151" fmla="*/ 2178994 h 2323145"/>
              <a:gd name="connsiteX152" fmla="*/ 4154035 w 11269336"/>
              <a:gd name="connsiteY152" fmla="*/ 2171950 h 2323145"/>
              <a:gd name="connsiteX153" fmla="*/ 4129569 w 11269336"/>
              <a:gd name="connsiteY153" fmla="*/ 2163850 h 2323145"/>
              <a:gd name="connsiteX154" fmla="*/ 4061250 w 11269336"/>
              <a:gd name="connsiteY154" fmla="*/ 2159236 h 2323145"/>
              <a:gd name="connsiteX155" fmla="*/ 3945480 w 11269336"/>
              <a:gd name="connsiteY155" fmla="*/ 2158279 h 2323145"/>
              <a:gd name="connsiteX156" fmla="*/ 3921468 w 11269336"/>
              <a:gd name="connsiteY156" fmla="*/ 2156588 h 2323145"/>
              <a:gd name="connsiteX157" fmla="*/ 3903348 w 11269336"/>
              <a:gd name="connsiteY157" fmla="*/ 2149220 h 2323145"/>
              <a:gd name="connsiteX158" fmla="*/ 3901342 w 11269336"/>
              <a:gd name="connsiteY158" fmla="*/ 2142355 h 2323145"/>
              <a:gd name="connsiteX159" fmla="*/ 3888539 w 11269336"/>
              <a:gd name="connsiteY159" fmla="*/ 2140476 h 2323145"/>
              <a:gd name="connsiteX160" fmla="*/ 3885662 w 11269336"/>
              <a:gd name="connsiteY160" fmla="*/ 2138740 h 2323145"/>
              <a:gd name="connsiteX161" fmla="*/ 3868627 w 11269336"/>
              <a:gd name="connsiteY161" fmla="*/ 2130023 h 2323145"/>
              <a:gd name="connsiteX162" fmla="*/ 3819177 w 11269336"/>
              <a:gd name="connsiteY162" fmla="*/ 2142111 h 2323145"/>
              <a:gd name="connsiteX163" fmla="*/ 3769100 w 11269336"/>
              <a:gd name="connsiteY163" fmla="*/ 2131731 h 2323145"/>
              <a:gd name="connsiteX164" fmla="*/ 3562752 w 11269336"/>
              <a:gd name="connsiteY164" fmla="*/ 2131785 h 2323145"/>
              <a:gd name="connsiteX165" fmla="*/ 3541402 w 11269336"/>
              <a:gd name="connsiteY165" fmla="*/ 2106821 h 2323145"/>
              <a:gd name="connsiteX166" fmla="*/ 3365341 w 11269336"/>
              <a:gd name="connsiteY166" fmla="*/ 2077638 h 2323145"/>
              <a:gd name="connsiteX167" fmla="*/ 3170922 w 11269336"/>
              <a:gd name="connsiteY167" fmla="*/ 2115957 h 2323145"/>
              <a:gd name="connsiteX168" fmla="*/ 3156256 w 11269336"/>
              <a:gd name="connsiteY168" fmla="*/ 2124773 h 2323145"/>
              <a:gd name="connsiteX169" fmla="*/ 3140298 w 11269336"/>
              <a:gd name="connsiteY169" fmla="*/ 2129182 h 2323145"/>
              <a:gd name="connsiteX170" fmla="*/ 3138514 w 11269336"/>
              <a:gd name="connsiteY170" fmla="*/ 2128069 h 2323145"/>
              <a:gd name="connsiteX171" fmla="*/ 3120467 w 11269336"/>
              <a:gd name="connsiteY171" fmla="*/ 2128281 h 2323145"/>
              <a:gd name="connsiteX172" fmla="*/ 3116175 w 11269336"/>
              <a:gd name="connsiteY172" fmla="*/ 2131633 h 2323145"/>
              <a:gd name="connsiteX173" fmla="*/ 3103685 w 11269336"/>
              <a:gd name="connsiteY173" fmla="*/ 2132814 h 2323145"/>
              <a:gd name="connsiteX174" fmla="*/ 3078794 w 11269336"/>
              <a:gd name="connsiteY174" fmla="*/ 2137935 h 2323145"/>
              <a:gd name="connsiteX175" fmla="*/ 3074407 w 11269336"/>
              <a:gd name="connsiteY175" fmla="*/ 2136274 h 2323145"/>
              <a:gd name="connsiteX176" fmla="*/ 3037285 w 11269336"/>
              <a:gd name="connsiteY176" fmla="*/ 2139919 h 2323145"/>
              <a:gd name="connsiteX177" fmla="*/ 3036901 w 11269336"/>
              <a:gd name="connsiteY177" fmla="*/ 2138726 h 2323145"/>
              <a:gd name="connsiteX178" fmla="*/ 3026996 w 11269336"/>
              <a:gd name="connsiteY178" fmla="*/ 2134322 h 2323145"/>
              <a:gd name="connsiteX179" fmla="*/ 3007772 w 11269336"/>
              <a:gd name="connsiteY179" fmla="*/ 2128742 h 2323145"/>
              <a:gd name="connsiteX180" fmla="*/ 2965030 w 11269336"/>
              <a:gd name="connsiteY180" fmla="*/ 2100494 h 2323145"/>
              <a:gd name="connsiteX181" fmla="*/ 2926342 w 11269336"/>
              <a:gd name="connsiteY181" fmla="*/ 2104155 h 2323145"/>
              <a:gd name="connsiteX182" fmla="*/ 2918608 w 11269336"/>
              <a:gd name="connsiteY182" fmla="*/ 2104215 h 2323145"/>
              <a:gd name="connsiteX183" fmla="*/ 2918475 w 11269336"/>
              <a:gd name="connsiteY183" fmla="*/ 2103937 h 2323145"/>
              <a:gd name="connsiteX184" fmla="*/ 2910360 w 11269336"/>
              <a:gd name="connsiteY184" fmla="*/ 2103444 h 2323145"/>
              <a:gd name="connsiteX185" fmla="*/ 2904507 w 11269336"/>
              <a:gd name="connsiteY185" fmla="*/ 2104326 h 2323145"/>
              <a:gd name="connsiteX186" fmla="*/ 2889503 w 11269336"/>
              <a:gd name="connsiteY186" fmla="*/ 2104443 h 2323145"/>
              <a:gd name="connsiteX187" fmla="*/ 2884480 w 11269336"/>
              <a:gd name="connsiteY187" fmla="*/ 2102626 h 2323145"/>
              <a:gd name="connsiteX188" fmla="*/ 2882689 w 11269336"/>
              <a:gd name="connsiteY188" fmla="*/ 2099228 h 2323145"/>
              <a:gd name="connsiteX189" fmla="*/ 2881291 w 11269336"/>
              <a:gd name="connsiteY189" fmla="*/ 2099618 h 2323145"/>
              <a:gd name="connsiteX190" fmla="*/ 2853979 w 11269336"/>
              <a:gd name="connsiteY190" fmla="*/ 2090388 h 2323145"/>
              <a:gd name="connsiteX191" fmla="*/ 2791790 w 11269336"/>
              <a:gd name="connsiteY191" fmla="*/ 2080332 h 2323145"/>
              <a:gd name="connsiteX192" fmla="*/ 2755844 w 11269336"/>
              <a:gd name="connsiteY192" fmla="*/ 2078874 h 2323145"/>
              <a:gd name="connsiteX193" fmla="*/ 2657742 w 11269336"/>
              <a:gd name="connsiteY193" fmla="*/ 2070179 h 2323145"/>
              <a:gd name="connsiteX194" fmla="*/ 2559549 w 11269336"/>
              <a:gd name="connsiteY194" fmla="*/ 2057873 h 2323145"/>
              <a:gd name="connsiteX195" fmla="*/ 2512054 w 11269336"/>
              <a:gd name="connsiteY195" fmla="*/ 2031671 h 2323145"/>
              <a:gd name="connsiteX196" fmla="*/ 2506437 w 11269336"/>
              <a:gd name="connsiteY196" fmla="*/ 2030918 h 2323145"/>
              <a:gd name="connsiteX197" fmla="*/ 2491752 w 11269336"/>
              <a:gd name="connsiteY197" fmla="*/ 2033906 h 2323145"/>
              <a:gd name="connsiteX198" fmla="*/ 2486338 w 11269336"/>
              <a:gd name="connsiteY198" fmla="*/ 2035862 h 2323145"/>
              <a:gd name="connsiteX199" fmla="*/ 2478186 w 11269336"/>
              <a:gd name="connsiteY199" fmla="*/ 2036953 h 2323145"/>
              <a:gd name="connsiteX200" fmla="*/ 2477950 w 11269336"/>
              <a:gd name="connsiteY200" fmla="*/ 2036715 h 2323145"/>
              <a:gd name="connsiteX201" fmla="*/ 2470381 w 11269336"/>
              <a:gd name="connsiteY201" fmla="*/ 2038256 h 2323145"/>
              <a:gd name="connsiteX202" fmla="*/ 2433781 w 11269336"/>
              <a:gd name="connsiteY202" fmla="*/ 2049140 h 2323145"/>
              <a:gd name="connsiteX203" fmla="*/ 2381172 w 11269336"/>
              <a:gd name="connsiteY203" fmla="*/ 2030645 h 2323145"/>
              <a:gd name="connsiteX204" fmla="*/ 2360198 w 11269336"/>
              <a:gd name="connsiteY204" fmla="*/ 2029059 h 2323145"/>
              <a:gd name="connsiteX205" fmla="*/ 2348815 w 11269336"/>
              <a:gd name="connsiteY205" fmla="*/ 2026798 h 2323145"/>
              <a:gd name="connsiteX206" fmla="*/ 2347988 w 11269336"/>
              <a:gd name="connsiteY206" fmla="*/ 2025745 h 2323145"/>
              <a:gd name="connsiteX207" fmla="*/ 2312920 w 11269336"/>
              <a:gd name="connsiteY207" fmla="*/ 2036311 h 2323145"/>
              <a:gd name="connsiteX208" fmla="*/ 2307986 w 11269336"/>
              <a:gd name="connsiteY208" fmla="*/ 2035583 h 2323145"/>
              <a:gd name="connsiteX209" fmla="*/ 2285481 w 11269336"/>
              <a:gd name="connsiteY209" fmla="*/ 2045197 h 2323145"/>
              <a:gd name="connsiteX210" fmla="*/ 2273666 w 11269336"/>
              <a:gd name="connsiteY210" fmla="*/ 2048710 h 2323145"/>
              <a:gd name="connsiteX211" fmla="*/ 2270719 w 11269336"/>
              <a:gd name="connsiteY211" fmla="*/ 2052702 h 2323145"/>
              <a:gd name="connsiteX212" fmla="*/ 2253080 w 11269336"/>
              <a:gd name="connsiteY212" fmla="*/ 2056363 h 2323145"/>
              <a:gd name="connsiteX213" fmla="*/ 2250906 w 11269336"/>
              <a:gd name="connsiteY213" fmla="*/ 2055654 h 2323145"/>
              <a:gd name="connsiteX214" fmla="*/ 2236905 w 11269336"/>
              <a:gd name="connsiteY214" fmla="*/ 2062882 h 2323145"/>
              <a:gd name="connsiteX215" fmla="*/ 2225830 w 11269336"/>
              <a:gd name="connsiteY215" fmla="*/ 2074027 h 2323145"/>
              <a:gd name="connsiteX216" fmla="*/ 2073776 w 11269336"/>
              <a:gd name="connsiteY216" fmla="*/ 2089244 h 2323145"/>
              <a:gd name="connsiteX217" fmla="*/ 1948256 w 11269336"/>
              <a:gd name="connsiteY217" fmla="*/ 2146616 h 2323145"/>
              <a:gd name="connsiteX218" fmla="*/ 1865582 w 11269336"/>
              <a:gd name="connsiteY218" fmla="*/ 2153738 h 2323145"/>
              <a:gd name="connsiteX219" fmla="*/ 1835210 w 11269336"/>
              <a:gd name="connsiteY219" fmla="*/ 2134244 h 2323145"/>
              <a:gd name="connsiteX220" fmla="*/ 1632661 w 11269336"/>
              <a:gd name="connsiteY220" fmla="*/ 2173882 h 2323145"/>
              <a:gd name="connsiteX221" fmla="*/ 1579590 w 11269336"/>
              <a:gd name="connsiteY221" fmla="*/ 2173680 h 2323145"/>
              <a:gd name="connsiteX222" fmla="*/ 1535601 w 11269336"/>
              <a:gd name="connsiteY222" fmla="*/ 2194590 h 2323145"/>
              <a:gd name="connsiteX223" fmla="*/ 1515594 w 11269336"/>
              <a:gd name="connsiteY223" fmla="*/ 2189622 h 2323145"/>
              <a:gd name="connsiteX224" fmla="*/ 1512113 w 11269336"/>
              <a:gd name="connsiteY224" fmla="*/ 2188534 h 2323145"/>
              <a:gd name="connsiteX225" fmla="*/ 1498838 w 11269336"/>
              <a:gd name="connsiteY225" fmla="*/ 2189213 h 2323145"/>
              <a:gd name="connsiteX226" fmla="*/ 1494279 w 11269336"/>
              <a:gd name="connsiteY226" fmla="*/ 2183112 h 2323145"/>
              <a:gd name="connsiteX227" fmla="*/ 1473714 w 11269336"/>
              <a:gd name="connsiteY227" fmla="*/ 2179625 h 2323145"/>
              <a:gd name="connsiteX228" fmla="*/ 1449503 w 11269336"/>
              <a:gd name="connsiteY228" fmla="*/ 2182633 h 2323145"/>
              <a:gd name="connsiteX229" fmla="*/ 1266687 w 11269336"/>
              <a:gd name="connsiteY229" fmla="*/ 2212688 h 2323145"/>
              <a:gd name="connsiteX230" fmla="*/ 1239614 w 11269336"/>
              <a:gd name="connsiteY230" fmla="*/ 2209727 h 2323145"/>
              <a:gd name="connsiteX231" fmla="*/ 1202436 w 11269336"/>
              <a:gd name="connsiteY231" fmla="*/ 2209817 h 2323145"/>
              <a:gd name="connsiteX232" fmla="*/ 1136097 w 11269336"/>
              <a:gd name="connsiteY232" fmla="*/ 2205112 h 2323145"/>
              <a:gd name="connsiteX233" fmla="*/ 988232 w 11269336"/>
              <a:gd name="connsiteY233" fmla="*/ 2235635 h 2323145"/>
              <a:gd name="connsiteX234" fmla="*/ 981959 w 11269336"/>
              <a:gd name="connsiteY234" fmla="*/ 2231607 h 2323145"/>
              <a:gd name="connsiteX235" fmla="*/ 938600 w 11269336"/>
              <a:gd name="connsiteY235" fmla="*/ 2238113 h 2323145"/>
              <a:gd name="connsiteX236" fmla="*/ 791788 w 11269336"/>
              <a:gd name="connsiteY236" fmla="*/ 2293224 h 2323145"/>
              <a:gd name="connsiteX237" fmla="*/ 706914 w 11269336"/>
              <a:gd name="connsiteY237" fmla="*/ 2305046 h 2323145"/>
              <a:gd name="connsiteX238" fmla="*/ 675971 w 11269336"/>
              <a:gd name="connsiteY238" fmla="*/ 2304030 h 2323145"/>
              <a:gd name="connsiteX239" fmla="*/ 624180 w 11269336"/>
              <a:gd name="connsiteY239" fmla="*/ 2302650 h 2323145"/>
              <a:gd name="connsiteX240" fmla="*/ 583453 w 11269336"/>
              <a:gd name="connsiteY240" fmla="*/ 2288788 h 2323145"/>
              <a:gd name="connsiteX241" fmla="*/ 540946 w 11269336"/>
              <a:gd name="connsiteY241" fmla="*/ 2292721 h 2323145"/>
              <a:gd name="connsiteX242" fmla="*/ 533680 w 11269336"/>
              <a:gd name="connsiteY242" fmla="*/ 2310233 h 2323145"/>
              <a:gd name="connsiteX243" fmla="*/ 487366 w 11269336"/>
              <a:gd name="connsiteY243" fmla="*/ 2309053 h 2323145"/>
              <a:gd name="connsiteX244" fmla="*/ 416820 w 11269336"/>
              <a:gd name="connsiteY244" fmla="*/ 2305443 h 2323145"/>
              <a:gd name="connsiteX245" fmla="*/ 376805 w 11269336"/>
              <a:gd name="connsiteY245" fmla="*/ 2307647 h 2323145"/>
              <a:gd name="connsiteX246" fmla="*/ 266777 w 11269336"/>
              <a:gd name="connsiteY246" fmla="*/ 2309012 h 2323145"/>
              <a:gd name="connsiteX247" fmla="*/ 156013 w 11269336"/>
              <a:gd name="connsiteY247" fmla="*/ 2306832 h 2323145"/>
              <a:gd name="connsiteX248" fmla="*/ 87258 w 11269336"/>
              <a:gd name="connsiteY248" fmla="*/ 2285511 h 2323145"/>
              <a:gd name="connsiteX249" fmla="*/ 23798 w 11269336"/>
              <a:gd name="connsiteY249" fmla="*/ 2281822 h 2323145"/>
              <a:gd name="connsiteX250" fmla="*/ 0 w 11269336"/>
              <a:gd name="connsiteY250" fmla="*/ 2285369 h 2323145"/>
              <a:gd name="connsiteX251" fmla="*/ 0 w 11269336"/>
              <a:gd name="connsiteY251" fmla="*/ 0 h 2323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Lst>
            <a:rect l="l" t="t" r="r" b="b"/>
            <a:pathLst>
              <a:path w="11269336" h="2323145">
                <a:moveTo>
                  <a:pt x="0" y="0"/>
                </a:moveTo>
                <a:lnTo>
                  <a:pt x="11269336" y="0"/>
                </a:lnTo>
                <a:lnTo>
                  <a:pt x="11268645" y="511"/>
                </a:lnTo>
                <a:cubicBezTo>
                  <a:pt x="11257520" y="14091"/>
                  <a:pt x="11248967" y="32073"/>
                  <a:pt x="11230739" y="37096"/>
                </a:cubicBezTo>
                <a:cubicBezTo>
                  <a:pt x="11194283" y="47141"/>
                  <a:pt x="11124351" y="55013"/>
                  <a:pt x="11082485" y="78590"/>
                </a:cubicBezTo>
                <a:cubicBezTo>
                  <a:pt x="11064655" y="69818"/>
                  <a:pt x="11049588" y="97621"/>
                  <a:pt x="11031776" y="79197"/>
                </a:cubicBezTo>
                <a:cubicBezTo>
                  <a:pt x="11016683" y="85023"/>
                  <a:pt x="11009945" y="92832"/>
                  <a:pt x="10995894" y="83459"/>
                </a:cubicBezTo>
                <a:cubicBezTo>
                  <a:pt x="10971843" y="134740"/>
                  <a:pt x="10888992" y="106042"/>
                  <a:pt x="10861177" y="147419"/>
                </a:cubicBezTo>
                <a:cubicBezTo>
                  <a:pt x="10850370" y="129415"/>
                  <a:pt x="10807086" y="138624"/>
                  <a:pt x="10782732" y="135645"/>
                </a:cubicBezTo>
                <a:cubicBezTo>
                  <a:pt x="10869014" y="196205"/>
                  <a:pt x="10693356" y="147304"/>
                  <a:pt x="10660773" y="179312"/>
                </a:cubicBezTo>
                <a:cubicBezTo>
                  <a:pt x="10667385" y="121467"/>
                  <a:pt x="10595265" y="182241"/>
                  <a:pt x="10564442" y="160738"/>
                </a:cubicBezTo>
                <a:cubicBezTo>
                  <a:pt x="10544419" y="190949"/>
                  <a:pt x="10518436" y="167191"/>
                  <a:pt x="10490200" y="183533"/>
                </a:cubicBezTo>
                <a:cubicBezTo>
                  <a:pt x="10423905" y="202688"/>
                  <a:pt x="10362764" y="244779"/>
                  <a:pt x="10271351" y="243104"/>
                </a:cubicBezTo>
                <a:cubicBezTo>
                  <a:pt x="10247818" y="329775"/>
                  <a:pt x="10135674" y="303068"/>
                  <a:pt x="10061033" y="364937"/>
                </a:cubicBezTo>
                <a:cubicBezTo>
                  <a:pt x="10014289" y="383940"/>
                  <a:pt x="9930032" y="360289"/>
                  <a:pt x="9921770" y="406154"/>
                </a:cubicBezTo>
                <a:cubicBezTo>
                  <a:pt x="9894276" y="384665"/>
                  <a:pt x="9881945" y="430851"/>
                  <a:pt x="9858388" y="439489"/>
                </a:cubicBezTo>
                <a:cubicBezTo>
                  <a:pt x="9835642" y="426888"/>
                  <a:pt x="9828901" y="443125"/>
                  <a:pt x="9811914" y="449865"/>
                </a:cubicBezTo>
                <a:cubicBezTo>
                  <a:pt x="9801869" y="441287"/>
                  <a:pt x="9787055" y="444835"/>
                  <a:pt x="9784394" y="457816"/>
                </a:cubicBezTo>
                <a:cubicBezTo>
                  <a:pt x="9797169" y="483924"/>
                  <a:pt x="9656844" y="450179"/>
                  <a:pt x="9656836" y="469967"/>
                </a:cubicBezTo>
                <a:cubicBezTo>
                  <a:pt x="9589537" y="485301"/>
                  <a:pt x="9662097" y="527310"/>
                  <a:pt x="9561575" y="559978"/>
                </a:cubicBezTo>
                <a:cubicBezTo>
                  <a:pt x="9479149" y="599104"/>
                  <a:pt x="9215234" y="670585"/>
                  <a:pt x="9162278" y="704724"/>
                </a:cubicBezTo>
                <a:cubicBezTo>
                  <a:pt x="9173017" y="730567"/>
                  <a:pt x="9063215" y="727685"/>
                  <a:pt x="9062863" y="754656"/>
                </a:cubicBezTo>
                <a:cubicBezTo>
                  <a:pt x="9021608" y="774940"/>
                  <a:pt x="8924639" y="816390"/>
                  <a:pt x="8914746" y="826428"/>
                </a:cubicBezTo>
                <a:lnTo>
                  <a:pt x="8917778" y="835198"/>
                </a:lnTo>
                <a:lnTo>
                  <a:pt x="8905560" y="838358"/>
                </a:lnTo>
                <a:lnTo>
                  <a:pt x="8897564" y="834287"/>
                </a:lnTo>
                <a:lnTo>
                  <a:pt x="8878040" y="844150"/>
                </a:lnTo>
                <a:cubicBezTo>
                  <a:pt x="8861112" y="848992"/>
                  <a:pt x="8812843" y="856499"/>
                  <a:pt x="8795998" y="863337"/>
                </a:cubicBezTo>
                <a:cubicBezTo>
                  <a:pt x="8792888" y="873975"/>
                  <a:pt x="8786153" y="880792"/>
                  <a:pt x="8776970" y="885177"/>
                </a:cubicBezTo>
                <a:lnTo>
                  <a:pt x="8755719" y="889754"/>
                </a:lnTo>
                <a:lnTo>
                  <a:pt x="8743257" y="904723"/>
                </a:lnTo>
                <a:cubicBezTo>
                  <a:pt x="8737642" y="908108"/>
                  <a:pt x="8730651" y="908759"/>
                  <a:pt x="8721366" y="904711"/>
                </a:cubicBezTo>
                <a:cubicBezTo>
                  <a:pt x="8711895" y="915873"/>
                  <a:pt x="8676250" y="900745"/>
                  <a:pt x="8678353" y="926318"/>
                </a:cubicBezTo>
                <a:cubicBezTo>
                  <a:pt x="8658506" y="928813"/>
                  <a:pt x="8647569" y="933735"/>
                  <a:pt x="8636849" y="937900"/>
                </a:cubicBezTo>
                <a:lnTo>
                  <a:pt x="8620213" y="943068"/>
                </a:lnTo>
                <a:lnTo>
                  <a:pt x="8612581" y="952695"/>
                </a:lnTo>
                <a:cubicBezTo>
                  <a:pt x="8605836" y="959769"/>
                  <a:pt x="8598255" y="964412"/>
                  <a:pt x="8589038" y="963892"/>
                </a:cubicBezTo>
                <a:lnTo>
                  <a:pt x="8579950" y="960899"/>
                </a:lnTo>
                <a:cubicBezTo>
                  <a:pt x="8579740" y="962476"/>
                  <a:pt x="8579529" y="964053"/>
                  <a:pt x="8579319" y="965630"/>
                </a:cubicBezTo>
                <a:cubicBezTo>
                  <a:pt x="8579138" y="972972"/>
                  <a:pt x="8576531" y="980010"/>
                  <a:pt x="8547429" y="984506"/>
                </a:cubicBezTo>
                <a:cubicBezTo>
                  <a:pt x="8529238" y="1001725"/>
                  <a:pt x="8505565" y="1015840"/>
                  <a:pt x="8478704" y="1025490"/>
                </a:cubicBezTo>
                <a:cubicBezTo>
                  <a:pt x="8473109" y="1019545"/>
                  <a:pt x="8465819" y="1032194"/>
                  <a:pt x="8461421" y="1035512"/>
                </a:cubicBezTo>
                <a:cubicBezTo>
                  <a:pt x="8459739" y="1031087"/>
                  <a:pt x="8447663" y="1032074"/>
                  <a:pt x="8445003" y="1036851"/>
                </a:cubicBezTo>
                <a:cubicBezTo>
                  <a:pt x="8366593" y="1075951"/>
                  <a:pt x="8398773" y="1021402"/>
                  <a:pt x="8357350" y="1060213"/>
                </a:cubicBezTo>
                <a:cubicBezTo>
                  <a:pt x="8349366" y="1063843"/>
                  <a:pt x="8342208" y="1063367"/>
                  <a:pt x="8335565" y="1061151"/>
                </a:cubicBezTo>
                <a:lnTo>
                  <a:pt x="8325267" y="1055919"/>
                </a:lnTo>
                <a:lnTo>
                  <a:pt x="8293586" y="1076144"/>
                </a:lnTo>
                <a:cubicBezTo>
                  <a:pt x="8277595" y="1084193"/>
                  <a:pt x="8260401" y="1090863"/>
                  <a:pt x="8242405" y="1095960"/>
                </a:cubicBezTo>
                <a:cubicBezTo>
                  <a:pt x="8226373" y="1101227"/>
                  <a:pt x="8224213" y="1102052"/>
                  <a:pt x="8197391" y="1107746"/>
                </a:cubicBezTo>
                <a:cubicBezTo>
                  <a:pt x="8090266" y="1152133"/>
                  <a:pt x="8141491" y="1082372"/>
                  <a:pt x="8081474" y="1130125"/>
                </a:cubicBezTo>
                <a:cubicBezTo>
                  <a:pt x="8070634" y="1134173"/>
                  <a:pt x="8061619" y="1132810"/>
                  <a:pt x="8053585" y="1129169"/>
                </a:cubicBezTo>
                <a:lnTo>
                  <a:pt x="8038422" y="1119092"/>
                </a:lnTo>
                <a:lnTo>
                  <a:pt x="8029450" y="1125592"/>
                </a:lnTo>
                <a:cubicBezTo>
                  <a:pt x="7992226" y="1133484"/>
                  <a:pt x="7978616" y="1122765"/>
                  <a:pt x="7959552" y="1140188"/>
                </a:cubicBezTo>
                <a:cubicBezTo>
                  <a:pt x="7922008" y="1119572"/>
                  <a:pt x="7937737" y="1141786"/>
                  <a:pt x="7914188" y="1150862"/>
                </a:cubicBezTo>
                <a:cubicBezTo>
                  <a:pt x="7896037" y="1160155"/>
                  <a:pt x="7933463" y="1163411"/>
                  <a:pt x="7914918" y="1168758"/>
                </a:cubicBezTo>
                <a:cubicBezTo>
                  <a:pt x="7893102" y="1165887"/>
                  <a:pt x="7898453" y="1187420"/>
                  <a:pt x="7875510" y="1183153"/>
                </a:cubicBezTo>
                <a:cubicBezTo>
                  <a:pt x="7877354" y="1165743"/>
                  <a:pt x="7834286" y="1194789"/>
                  <a:pt x="7829932" y="1180782"/>
                </a:cubicBezTo>
                <a:cubicBezTo>
                  <a:pt x="7816047" y="1204874"/>
                  <a:pt x="7801901" y="1181513"/>
                  <a:pt x="7779182" y="1192665"/>
                </a:cubicBezTo>
                <a:cubicBezTo>
                  <a:pt x="7769446" y="1202686"/>
                  <a:pt x="7761564" y="1205661"/>
                  <a:pt x="7748774" y="1199586"/>
                </a:cubicBezTo>
                <a:cubicBezTo>
                  <a:pt x="7704339" y="1247771"/>
                  <a:pt x="7717626" y="1207638"/>
                  <a:pt x="7671846" y="1231966"/>
                </a:cubicBezTo>
                <a:cubicBezTo>
                  <a:pt x="7632956" y="1255682"/>
                  <a:pt x="7587383" y="1275180"/>
                  <a:pt x="7554146" y="1319748"/>
                </a:cubicBezTo>
                <a:cubicBezTo>
                  <a:pt x="7548775" y="1331557"/>
                  <a:pt x="7531272" y="1339155"/>
                  <a:pt x="7515052" y="1336718"/>
                </a:cubicBezTo>
                <a:cubicBezTo>
                  <a:pt x="7512260" y="1336298"/>
                  <a:pt x="7509613" y="1335590"/>
                  <a:pt x="7507193" y="1334617"/>
                </a:cubicBezTo>
                <a:cubicBezTo>
                  <a:pt x="7488273" y="1365207"/>
                  <a:pt x="7468925" y="1356298"/>
                  <a:pt x="7461694" y="1375866"/>
                </a:cubicBezTo>
                <a:cubicBezTo>
                  <a:pt x="7422434" y="1391917"/>
                  <a:pt x="7384603" y="1382819"/>
                  <a:pt x="7377571" y="1400128"/>
                </a:cubicBezTo>
                <a:cubicBezTo>
                  <a:pt x="7356236" y="1403926"/>
                  <a:pt x="7322509" y="1393138"/>
                  <a:pt x="7311261" y="1412652"/>
                </a:cubicBezTo>
                <a:cubicBezTo>
                  <a:pt x="7305349" y="1400071"/>
                  <a:pt x="7289966" y="1428039"/>
                  <a:pt x="7275307" y="1422171"/>
                </a:cubicBezTo>
                <a:cubicBezTo>
                  <a:pt x="7264529" y="1416601"/>
                  <a:pt x="7257348" y="1423786"/>
                  <a:pt x="7247783" y="1426330"/>
                </a:cubicBezTo>
                <a:cubicBezTo>
                  <a:pt x="7233839" y="1423056"/>
                  <a:pt x="7194363" y="1442037"/>
                  <a:pt x="7185047" y="1451812"/>
                </a:cubicBezTo>
                <a:cubicBezTo>
                  <a:pt x="7164447" y="1483396"/>
                  <a:pt x="7101577" y="1475742"/>
                  <a:pt x="7084117" y="1500281"/>
                </a:cubicBezTo>
                <a:cubicBezTo>
                  <a:pt x="7076899" y="1504821"/>
                  <a:pt x="7069494" y="1507565"/>
                  <a:pt x="7062011" y="1509183"/>
                </a:cubicBezTo>
                <a:lnTo>
                  <a:pt x="7040555" y="1511207"/>
                </a:lnTo>
                <a:lnTo>
                  <a:pt x="7033438" y="1506772"/>
                </a:lnTo>
                <a:lnTo>
                  <a:pt x="7020886" y="1510764"/>
                </a:lnTo>
                <a:lnTo>
                  <a:pt x="7017033" y="1510650"/>
                </a:lnTo>
                <a:lnTo>
                  <a:pt x="6995460" y="1511173"/>
                </a:lnTo>
                <a:cubicBezTo>
                  <a:pt x="7010208" y="1537643"/>
                  <a:pt x="6938512" y="1522467"/>
                  <a:pt x="6962144" y="1541508"/>
                </a:cubicBezTo>
                <a:cubicBezTo>
                  <a:pt x="6926351" y="1550586"/>
                  <a:pt x="6958236" y="1566326"/>
                  <a:pt x="6910674" y="1554793"/>
                </a:cubicBezTo>
                <a:cubicBezTo>
                  <a:pt x="6859225" y="1589274"/>
                  <a:pt x="6769015" y="1598548"/>
                  <a:pt x="6732152" y="1642538"/>
                </a:cubicBezTo>
                <a:cubicBezTo>
                  <a:pt x="6734901" y="1628031"/>
                  <a:pt x="6709146" y="1622413"/>
                  <a:pt x="6694106" y="1632377"/>
                </a:cubicBezTo>
                <a:cubicBezTo>
                  <a:pt x="6702628" y="1575914"/>
                  <a:pt x="6638899" y="1692862"/>
                  <a:pt x="6617223" y="1659889"/>
                </a:cubicBezTo>
                <a:cubicBezTo>
                  <a:pt x="6623246" y="1693349"/>
                  <a:pt x="6561228" y="1764690"/>
                  <a:pt x="6521138" y="1744340"/>
                </a:cubicBezTo>
                <a:cubicBezTo>
                  <a:pt x="6469831" y="1761656"/>
                  <a:pt x="6438109" y="1796731"/>
                  <a:pt x="6380677" y="1796883"/>
                </a:cubicBezTo>
                <a:cubicBezTo>
                  <a:pt x="6379865" y="1801686"/>
                  <a:pt x="6377810" y="1805986"/>
                  <a:pt x="6374897" y="1809910"/>
                </a:cubicBezTo>
                <a:lnTo>
                  <a:pt x="6364545" y="1820090"/>
                </a:lnTo>
                <a:lnTo>
                  <a:pt x="6362126" y="1819991"/>
                </a:lnTo>
                <a:cubicBezTo>
                  <a:pt x="6353055" y="1821720"/>
                  <a:pt x="6348796" y="1824537"/>
                  <a:pt x="6346673" y="1827824"/>
                </a:cubicBezTo>
                <a:lnTo>
                  <a:pt x="6345588" y="1832232"/>
                </a:lnTo>
                <a:lnTo>
                  <a:pt x="6335708" y="1838451"/>
                </a:lnTo>
                <a:lnTo>
                  <a:pt x="6318182" y="1852975"/>
                </a:lnTo>
                <a:lnTo>
                  <a:pt x="6313084" y="1853561"/>
                </a:lnTo>
                <a:lnTo>
                  <a:pt x="6283816" y="1872148"/>
                </a:lnTo>
                <a:lnTo>
                  <a:pt x="6282550" y="1871392"/>
                </a:lnTo>
                <a:cubicBezTo>
                  <a:pt x="6279041" y="1870121"/>
                  <a:pt x="6275192" y="1869982"/>
                  <a:pt x="6270527" y="1872208"/>
                </a:cubicBezTo>
                <a:cubicBezTo>
                  <a:pt x="6265029" y="1853962"/>
                  <a:pt x="6262790" y="1867903"/>
                  <a:pt x="6249518" y="1876079"/>
                </a:cubicBezTo>
                <a:cubicBezTo>
                  <a:pt x="6238019" y="1849564"/>
                  <a:pt x="6207959" y="1881750"/>
                  <a:pt x="6190386" y="1872478"/>
                </a:cubicBezTo>
                <a:cubicBezTo>
                  <a:pt x="6180893" y="1879083"/>
                  <a:pt x="6170646" y="1885584"/>
                  <a:pt x="6159777" y="1891745"/>
                </a:cubicBezTo>
                <a:lnTo>
                  <a:pt x="6153131" y="1895079"/>
                </a:lnTo>
                <a:lnTo>
                  <a:pt x="6152798" y="1894920"/>
                </a:lnTo>
                <a:cubicBezTo>
                  <a:pt x="6150925" y="1895166"/>
                  <a:pt x="6148578" y="1896082"/>
                  <a:pt x="6145388" y="1897990"/>
                </a:cubicBezTo>
                <a:lnTo>
                  <a:pt x="6141014" y="1901155"/>
                </a:lnTo>
                <a:lnTo>
                  <a:pt x="6128122" y="1907623"/>
                </a:lnTo>
                <a:lnTo>
                  <a:pt x="6122351" y="1908359"/>
                </a:lnTo>
                <a:cubicBezTo>
                  <a:pt x="6099508" y="1905910"/>
                  <a:pt x="6088334" y="1869006"/>
                  <a:pt x="6064750" y="1896394"/>
                </a:cubicBezTo>
                <a:cubicBezTo>
                  <a:pt x="6025977" y="1903785"/>
                  <a:pt x="5997095" y="1889190"/>
                  <a:pt x="5964230" y="1910038"/>
                </a:cubicBezTo>
                <a:cubicBezTo>
                  <a:pt x="5927910" y="1916874"/>
                  <a:pt x="5894873" y="1914928"/>
                  <a:pt x="5865399" y="1926966"/>
                </a:cubicBezTo>
                <a:cubicBezTo>
                  <a:pt x="5851644" y="1923038"/>
                  <a:pt x="5839380" y="1922808"/>
                  <a:pt x="5829951" y="1934755"/>
                </a:cubicBezTo>
                <a:cubicBezTo>
                  <a:pt x="5795498" y="1938369"/>
                  <a:pt x="5784532" y="1926246"/>
                  <a:pt x="5765285" y="1941322"/>
                </a:cubicBezTo>
                <a:cubicBezTo>
                  <a:pt x="5741789" y="1922874"/>
                  <a:pt x="5742385" y="1931607"/>
                  <a:pt x="5734750" y="1939793"/>
                </a:cubicBezTo>
                <a:lnTo>
                  <a:pt x="5733569" y="1940505"/>
                </a:lnTo>
                <a:lnTo>
                  <a:pt x="5730329" y="1937845"/>
                </a:lnTo>
                <a:lnTo>
                  <a:pt x="5724661" y="1937455"/>
                </a:lnTo>
                <a:lnTo>
                  <a:pt x="5710186" y="1941370"/>
                </a:lnTo>
                <a:lnTo>
                  <a:pt x="5704910" y="1943663"/>
                </a:lnTo>
                <a:cubicBezTo>
                  <a:pt x="5701213" y="1944937"/>
                  <a:pt x="5698678" y="1945391"/>
                  <a:pt x="5696836" y="1945271"/>
                </a:cubicBezTo>
                <a:lnTo>
                  <a:pt x="5696583" y="1945050"/>
                </a:lnTo>
                <a:lnTo>
                  <a:pt x="5689123" y="1947067"/>
                </a:lnTo>
                <a:cubicBezTo>
                  <a:pt x="5676655" y="1951072"/>
                  <a:pt x="5664639" y="1955533"/>
                  <a:pt x="5653291" y="1960245"/>
                </a:cubicBezTo>
                <a:cubicBezTo>
                  <a:pt x="5640346" y="1947636"/>
                  <a:pt x="5600180" y="1973739"/>
                  <a:pt x="5599385" y="1945198"/>
                </a:cubicBezTo>
                <a:cubicBezTo>
                  <a:pt x="5583913" y="1950736"/>
                  <a:pt x="5576590" y="1964134"/>
                  <a:pt x="5578300" y="1944963"/>
                </a:cubicBezTo>
                <a:cubicBezTo>
                  <a:pt x="5573104" y="1946266"/>
                  <a:pt x="5569560" y="1945382"/>
                  <a:pt x="5566758" y="1943441"/>
                </a:cubicBezTo>
                <a:lnTo>
                  <a:pt x="5565857" y="1942445"/>
                </a:lnTo>
                <a:lnTo>
                  <a:pt x="5531534" y="1955208"/>
                </a:lnTo>
                <a:lnTo>
                  <a:pt x="5526552" y="1954799"/>
                </a:lnTo>
                <a:lnTo>
                  <a:pt x="5504723" y="1965811"/>
                </a:lnTo>
                <a:lnTo>
                  <a:pt x="5493156" y="1970063"/>
                </a:lnTo>
                <a:lnTo>
                  <a:pt x="5490486" y="1974227"/>
                </a:lnTo>
                <a:cubicBezTo>
                  <a:pt x="5487271" y="1977077"/>
                  <a:pt x="5482233" y="1979045"/>
                  <a:pt x="5473107" y="1979001"/>
                </a:cubicBezTo>
                <a:lnTo>
                  <a:pt x="5470885" y="1978432"/>
                </a:lnTo>
                <a:lnTo>
                  <a:pt x="5457393" y="1986525"/>
                </a:lnTo>
                <a:cubicBezTo>
                  <a:pt x="5453194" y="1989853"/>
                  <a:pt x="5449663" y="1993721"/>
                  <a:pt x="5447102" y="1998329"/>
                </a:cubicBezTo>
                <a:cubicBezTo>
                  <a:pt x="5386283" y="2017364"/>
                  <a:pt x="5223545" y="2015483"/>
                  <a:pt x="5159151" y="2029640"/>
                </a:cubicBezTo>
                <a:cubicBezTo>
                  <a:pt x="5141359" y="2036610"/>
                  <a:pt x="5090827" y="2076822"/>
                  <a:pt x="5098838" y="2062961"/>
                </a:cubicBezTo>
                <a:cubicBezTo>
                  <a:pt x="5047883" y="2099457"/>
                  <a:pt x="4922007" y="2111466"/>
                  <a:pt x="4860988" y="2135698"/>
                </a:cubicBezTo>
                <a:cubicBezTo>
                  <a:pt x="4805413" y="2152292"/>
                  <a:pt x="4784714" y="2158665"/>
                  <a:pt x="4765388" y="2162525"/>
                </a:cubicBezTo>
                <a:cubicBezTo>
                  <a:pt x="4758560" y="2161978"/>
                  <a:pt x="4751823" y="2160531"/>
                  <a:pt x="4745033" y="2158859"/>
                </a:cubicBezTo>
                <a:lnTo>
                  <a:pt x="4741475" y="2157998"/>
                </a:lnTo>
                <a:lnTo>
                  <a:pt x="4728247" y="2159526"/>
                </a:lnTo>
                <a:lnTo>
                  <a:pt x="4723263" y="2153742"/>
                </a:lnTo>
                <a:lnTo>
                  <a:pt x="4593061" y="2171597"/>
                </a:lnTo>
                <a:lnTo>
                  <a:pt x="4405765" y="2199902"/>
                </a:lnTo>
                <a:cubicBezTo>
                  <a:pt x="4403942" y="2198353"/>
                  <a:pt x="4402457" y="2196614"/>
                  <a:pt x="4401354" y="2194745"/>
                </a:cubicBezTo>
                <a:lnTo>
                  <a:pt x="4366646" y="2198564"/>
                </a:lnTo>
                <a:lnTo>
                  <a:pt x="4354009" y="2204984"/>
                </a:lnTo>
                <a:lnTo>
                  <a:pt x="4348284" y="2205270"/>
                </a:lnTo>
                <a:lnTo>
                  <a:pt x="4333906" y="2205251"/>
                </a:lnTo>
                <a:cubicBezTo>
                  <a:pt x="4326429" y="2204713"/>
                  <a:pt x="4318024" y="2203940"/>
                  <a:pt x="4308819" y="2203822"/>
                </a:cubicBezTo>
                <a:lnTo>
                  <a:pt x="4301210" y="2204456"/>
                </a:lnTo>
                <a:lnTo>
                  <a:pt x="4283095" y="2198177"/>
                </a:lnTo>
                <a:cubicBezTo>
                  <a:pt x="4269863" y="2193337"/>
                  <a:pt x="4259612" y="2190345"/>
                  <a:pt x="4250119" y="2196342"/>
                </a:cubicBezTo>
                <a:cubicBezTo>
                  <a:pt x="4230702" y="2190559"/>
                  <a:pt x="4213171" y="2166890"/>
                  <a:pt x="4189203" y="2178994"/>
                </a:cubicBezTo>
                <a:cubicBezTo>
                  <a:pt x="4194512" y="2165594"/>
                  <a:pt x="4160734" y="2183257"/>
                  <a:pt x="4154035" y="2171950"/>
                </a:cubicBezTo>
                <a:cubicBezTo>
                  <a:pt x="4150098" y="2162547"/>
                  <a:pt x="4138934" y="2165714"/>
                  <a:pt x="4129569" y="2163850"/>
                </a:cubicBezTo>
                <a:cubicBezTo>
                  <a:pt x="4121391" y="2155090"/>
                  <a:pt x="4076089" y="2154737"/>
                  <a:pt x="4061250" y="2159236"/>
                </a:cubicBezTo>
                <a:cubicBezTo>
                  <a:pt x="4020618" y="2177811"/>
                  <a:pt x="3978175" y="2144465"/>
                  <a:pt x="3945480" y="2158279"/>
                </a:cubicBezTo>
                <a:cubicBezTo>
                  <a:pt x="3936362" y="2159139"/>
                  <a:pt x="3928502" y="2158369"/>
                  <a:pt x="3921468" y="2156588"/>
                </a:cubicBezTo>
                <a:lnTo>
                  <a:pt x="3903348" y="2149220"/>
                </a:lnTo>
                <a:lnTo>
                  <a:pt x="3901342" y="2142355"/>
                </a:lnTo>
                <a:lnTo>
                  <a:pt x="3888539" y="2140476"/>
                </a:lnTo>
                <a:lnTo>
                  <a:pt x="3885662" y="2138740"/>
                </a:lnTo>
                <a:cubicBezTo>
                  <a:pt x="3880178" y="2135398"/>
                  <a:pt x="3874645" y="2132286"/>
                  <a:pt x="3868627" y="2130023"/>
                </a:cubicBezTo>
                <a:cubicBezTo>
                  <a:pt x="3859240" y="2159198"/>
                  <a:pt x="3815892" y="2115590"/>
                  <a:pt x="3819177" y="2142111"/>
                </a:cubicBezTo>
                <a:cubicBezTo>
                  <a:pt x="3784478" y="2134756"/>
                  <a:pt x="3796708" y="2161930"/>
                  <a:pt x="3769100" y="2131731"/>
                </a:cubicBezTo>
                <a:cubicBezTo>
                  <a:pt x="3702423" y="2139704"/>
                  <a:pt x="3625642" y="2109386"/>
                  <a:pt x="3562752" y="2131785"/>
                </a:cubicBezTo>
                <a:cubicBezTo>
                  <a:pt x="3576244" y="2120400"/>
                  <a:pt x="3560801" y="2104591"/>
                  <a:pt x="3541402" y="2106821"/>
                </a:cubicBezTo>
                <a:cubicBezTo>
                  <a:pt x="3592232" y="2061584"/>
                  <a:pt x="3356194" y="2115384"/>
                  <a:pt x="3365341" y="2077638"/>
                </a:cubicBezTo>
                <a:cubicBezTo>
                  <a:pt x="3303594" y="2079161"/>
                  <a:pt x="3221644" y="2111487"/>
                  <a:pt x="3170922" y="2115957"/>
                </a:cubicBezTo>
                <a:cubicBezTo>
                  <a:pt x="3166532" y="2119769"/>
                  <a:pt x="3161579" y="2122617"/>
                  <a:pt x="3156256" y="2124773"/>
                </a:cubicBezTo>
                <a:lnTo>
                  <a:pt x="3140298" y="2129182"/>
                </a:lnTo>
                <a:lnTo>
                  <a:pt x="3138514" y="2128069"/>
                </a:lnTo>
                <a:cubicBezTo>
                  <a:pt x="3130169" y="2125710"/>
                  <a:pt x="3124679" y="2126336"/>
                  <a:pt x="3120467" y="2128281"/>
                </a:cubicBezTo>
                <a:lnTo>
                  <a:pt x="3116175" y="2131633"/>
                </a:lnTo>
                <a:lnTo>
                  <a:pt x="3103685" y="2132814"/>
                </a:lnTo>
                <a:lnTo>
                  <a:pt x="3078794" y="2137935"/>
                </a:lnTo>
                <a:lnTo>
                  <a:pt x="3074407" y="2136274"/>
                </a:lnTo>
                <a:lnTo>
                  <a:pt x="3037285" y="2139919"/>
                </a:lnTo>
                <a:lnTo>
                  <a:pt x="3036901" y="2138726"/>
                </a:lnTo>
                <a:cubicBezTo>
                  <a:pt x="3035193" y="2136135"/>
                  <a:pt x="3032337" y="2134379"/>
                  <a:pt x="3026996" y="2134322"/>
                </a:cubicBezTo>
                <a:cubicBezTo>
                  <a:pt x="3037063" y="2116196"/>
                  <a:pt x="3024412" y="2127308"/>
                  <a:pt x="3007772" y="2128742"/>
                </a:cubicBezTo>
                <a:cubicBezTo>
                  <a:pt x="3019697" y="2100910"/>
                  <a:pt x="2971305" y="2115987"/>
                  <a:pt x="2965030" y="2100494"/>
                </a:cubicBezTo>
                <a:cubicBezTo>
                  <a:pt x="2952539" y="2102174"/>
                  <a:pt x="2939545" y="2103445"/>
                  <a:pt x="2926342" y="2104155"/>
                </a:cubicBezTo>
                <a:lnTo>
                  <a:pt x="2918608" y="2104215"/>
                </a:lnTo>
                <a:cubicBezTo>
                  <a:pt x="2918564" y="2104122"/>
                  <a:pt x="2918519" y="2104030"/>
                  <a:pt x="2918475" y="2103937"/>
                </a:cubicBezTo>
                <a:cubicBezTo>
                  <a:pt x="2916840" y="2103354"/>
                  <a:pt x="2914314" y="2103149"/>
                  <a:pt x="2910360" y="2103444"/>
                </a:cubicBezTo>
                <a:lnTo>
                  <a:pt x="2904507" y="2104326"/>
                </a:lnTo>
                <a:lnTo>
                  <a:pt x="2889503" y="2104443"/>
                </a:lnTo>
                <a:lnTo>
                  <a:pt x="2884480" y="2102626"/>
                </a:lnTo>
                <a:lnTo>
                  <a:pt x="2882689" y="2099228"/>
                </a:lnTo>
                <a:lnTo>
                  <a:pt x="2881291" y="2099618"/>
                </a:lnTo>
                <a:cubicBezTo>
                  <a:pt x="2870663" y="2105606"/>
                  <a:pt x="2867338" y="2114210"/>
                  <a:pt x="2853979" y="2090388"/>
                </a:cubicBezTo>
                <a:cubicBezTo>
                  <a:pt x="2829652" y="2100099"/>
                  <a:pt x="2824975" y="2085577"/>
                  <a:pt x="2791790" y="2080332"/>
                </a:cubicBezTo>
                <a:cubicBezTo>
                  <a:pt x="2777850" y="2089504"/>
                  <a:pt x="2766709" y="2086170"/>
                  <a:pt x="2755844" y="2078874"/>
                </a:cubicBezTo>
                <a:cubicBezTo>
                  <a:pt x="2723488" y="2083049"/>
                  <a:pt x="2694065" y="2072780"/>
                  <a:pt x="2657742" y="2070179"/>
                </a:cubicBezTo>
                <a:cubicBezTo>
                  <a:pt x="2618372" y="2082020"/>
                  <a:pt x="2598368" y="2060559"/>
                  <a:pt x="2559549" y="2057873"/>
                </a:cubicBezTo>
                <a:cubicBezTo>
                  <a:pt x="2525789" y="2078403"/>
                  <a:pt x="2531908" y="2039838"/>
                  <a:pt x="2512054" y="2031671"/>
                </a:cubicBezTo>
                <a:lnTo>
                  <a:pt x="2506437" y="2030918"/>
                </a:lnTo>
                <a:lnTo>
                  <a:pt x="2491752" y="2033906"/>
                </a:lnTo>
                <a:lnTo>
                  <a:pt x="2486338" y="2035862"/>
                </a:lnTo>
                <a:cubicBezTo>
                  <a:pt x="2482568" y="2036899"/>
                  <a:pt x="2480011" y="2037191"/>
                  <a:pt x="2478186" y="2036953"/>
                </a:cubicBezTo>
                <a:lnTo>
                  <a:pt x="2477950" y="2036715"/>
                </a:lnTo>
                <a:lnTo>
                  <a:pt x="2470381" y="2038256"/>
                </a:lnTo>
                <a:cubicBezTo>
                  <a:pt x="2457686" y="2041461"/>
                  <a:pt x="2445410" y="2045155"/>
                  <a:pt x="2433781" y="2049140"/>
                </a:cubicBezTo>
                <a:cubicBezTo>
                  <a:pt x="2421781" y="2035703"/>
                  <a:pt x="2379959" y="2059234"/>
                  <a:pt x="2381172" y="2030645"/>
                </a:cubicBezTo>
                <a:cubicBezTo>
                  <a:pt x="2365380" y="2035192"/>
                  <a:pt x="2357148" y="2048120"/>
                  <a:pt x="2360198" y="2029059"/>
                </a:cubicBezTo>
                <a:cubicBezTo>
                  <a:pt x="2354933" y="2030031"/>
                  <a:pt x="2351467" y="2028919"/>
                  <a:pt x="2348815" y="2026798"/>
                </a:cubicBezTo>
                <a:lnTo>
                  <a:pt x="2347988" y="2025745"/>
                </a:lnTo>
                <a:lnTo>
                  <a:pt x="2312920" y="2036311"/>
                </a:lnTo>
                <a:lnTo>
                  <a:pt x="2307986" y="2035583"/>
                </a:lnTo>
                <a:lnTo>
                  <a:pt x="2285481" y="2045197"/>
                </a:lnTo>
                <a:lnTo>
                  <a:pt x="2273666" y="2048710"/>
                </a:lnTo>
                <a:lnTo>
                  <a:pt x="2270719" y="2052702"/>
                </a:lnTo>
                <a:cubicBezTo>
                  <a:pt x="2267315" y="2055347"/>
                  <a:pt x="2262161" y="2056992"/>
                  <a:pt x="2253080" y="2056363"/>
                </a:cubicBezTo>
                <a:lnTo>
                  <a:pt x="2250906" y="2055654"/>
                </a:lnTo>
                <a:lnTo>
                  <a:pt x="2236905" y="2062882"/>
                </a:lnTo>
                <a:cubicBezTo>
                  <a:pt x="2232493" y="2065942"/>
                  <a:pt x="2228705" y="2069583"/>
                  <a:pt x="2225830" y="2074027"/>
                </a:cubicBezTo>
                <a:cubicBezTo>
                  <a:pt x="2173117" y="2059597"/>
                  <a:pt x="2128486" y="2085502"/>
                  <a:pt x="2073776" y="2089244"/>
                </a:cubicBezTo>
                <a:cubicBezTo>
                  <a:pt x="2046050" y="2059365"/>
                  <a:pt x="1957570" y="2112693"/>
                  <a:pt x="1948256" y="2146616"/>
                </a:cubicBezTo>
                <a:cubicBezTo>
                  <a:pt x="1943005" y="2109192"/>
                  <a:pt x="1832736" y="2206239"/>
                  <a:pt x="1865582" y="2153738"/>
                </a:cubicBezTo>
                <a:cubicBezTo>
                  <a:pt x="1847376" y="2159567"/>
                  <a:pt x="1826258" y="2147592"/>
                  <a:pt x="1835210" y="2134244"/>
                </a:cubicBezTo>
                <a:cubicBezTo>
                  <a:pt x="1781916" y="2167476"/>
                  <a:pt x="1695112" y="2153556"/>
                  <a:pt x="1632661" y="2173882"/>
                </a:cubicBezTo>
                <a:cubicBezTo>
                  <a:pt x="1594177" y="2150642"/>
                  <a:pt x="1616426" y="2173975"/>
                  <a:pt x="1579590" y="2173680"/>
                </a:cubicBezTo>
                <a:cubicBezTo>
                  <a:pt x="1592812" y="2198112"/>
                  <a:pt x="1533818" y="2165220"/>
                  <a:pt x="1535601" y="2194590"/>
                </a:cubicBezTo>
                <a:cubicBezTo>
                  <a:pt x="1528840" y="2193608"/>
                  <a:pt x="1522236" y="2191728"/>
                  <a:pt x="1515594" y="2189622"/>
                </a:cubicBezTo>
                <a:lnTo>
                  <a:pt x="1512113" y="2188534"/>
                </a:lnTo>
                <a:lnTo>
                  <a:pt x="1498838" y="2189213"/>
                </a:lnTo>
                <a:lnTo>
                  <a:pt x="1494279" y="2183112"/>
                </a:lnTo>
                <a:lnTo>
                  <a:pt x="1473714" y="2179625"/>
                </a:lnTo>
                <a:cubicBezTo>
                  <a:pt x="1466138" y="2179292"/>
                  <a:pt x="1458132" y="2180071"/>
                  <a:pt x="1449503" y="2182633"/>
                </a:cubicBezTo>
                <a:lnTo>
                  <a:pt x="1266687" y="2212688"/>
                </a:lnTo>
                <a:cubicBezTo>
                  <a:pt x="1256792" y="2212722"/>
                  <a:pt x="1247024" y="2217857"/>
                  <a:pt x="1239614" y="2209727"/>
                </a:cubicBezTo>
                <a:cubicBezTo>
                  <a:pt x="1228778" y="2200326"/>
                  <a:pt x="1202276" y="2223497"/>
                  <a:pt x="1202436" y="2209817"/>
                </a:cubicBezTo>
                <a:cubicBezTo>
                  <a:pt x="1183471" y="2225854"/>
                  <a:pt x="1157340" y="2206849"/>
                  <a:pt x="1136097" y="2205112"/>
                </a:cubicBezTo>
                <a:cubicBezTo>
                  <a:pt x="1100396" y="2209415"/>
                  <a:pt x="1013922" y="2231219"/>
                  <a:pt x="988232" y="2235635"/>
                </a:cubicBezTo>
                <a:cubicBezTo>
                  <a:pt x="986445" y="2234079"/>
                  <a:pt x="984332" y="2232722"/>
                  <a:pt x="981959" y="2231607"/>
                </a:cubicBezTo>
                <a:cubicBezTo>
                  <a:pt x="968170" y="2225130"/>
                  <a:pt x="948759" y="2228043"/>
                  <a:pt x="938600" y="2238113"/>
                </a:cubicBezTo>
                <a:cubicBezTo>
                  <a:pt x="888371" y="2272824"/>
                  <a:pt x="837950" y="2280135"/>
                  <a:pt x="791788" y="2293224"/>
                </a:cubicBezTo>
                <a:cubicBezTo>
                  <a:pt x="739035" y="2305159"/>
                  <a:pt x="769009" y="2269676"/>
                  <a:pt x="706914" y="2305046"/>
                </a:cubicBezTo>
                <a:cubicBezTo>
                  <a:pt x="697882" y="2295919"/>
                  <a:pt x="689339" y="2296797"/>
                  <a:pt x="675971" y="2304030"/>
                </a:cubicBezTo>
                <a:cubicBezTo>
                  <a:pt x="650201" y="2309060"/>
                  <a:pt x="647591" y="2282853"/>
                  <a:pt x="624180" y="2302650"/>
                </a:cubicBezTo>
                <a:cubicBezTo>
                  <a:pt x="626400" y="2287987"/>
                  <a:pt x="574045" y="2305175"/>
                  <a:pt x="583453" y="2288788"/>
                </a:cubicBezTo>
                <a:cubicBezTo>
                  <a:pt x="564313" y="2278832"/>
                  <a:pt x="559671" y="2301039"/>
                  <a:pt x="540946" y="2292721"/>
                </a:cubicBezTo>
                <a:cubicBezTo>
                  <a:pt x="521576" y="2293191"/>
                  <a:pt x="554439" y="2305843"/>
                  <a:pt x="533680" y="2310233"/>
                </a:cubicBezTo>
                <a:cubicBezTo>
                  <a:pt x="508069" y="2313043"/>
                  <a:pt x="512638" y="2338541"/>
                  <a:pt x="487366" y="2309053"/>
                </a:cubicBezTo>
                <a:cubicBezTo>
                  <a:pt x="462164" y="2321083"/>
                  <a:pt x="454441" y="2307251"/>
                  <a:pt x="416820" y="2305443"/>
                </a:cubicBezTo>
                <a:cubicBezTo>
                  <a:pt x="403012" y="2315890"/>
                  <a:pt x="390105" y="2313733"/>
                  <a:pt x="376805" y="2307647"/>
                </a:cubicBezTo>
                <a:cubicBezTo>
                  <a:pt x="341751" y="2315035"/>
                  <a:pt x="307408" y="2307897"/>
                  <a:pt x="266777" y="2309012"/>
                </a:cubicBezTo>
                <a:cubicBezTo>
                  <a:pt x="225310" y="2324664"/>
                  <a:pt x="199419" y="2305548"/>
                  <a:pt x="156013" y="2306832"/>
                </a:cubicBezTo>
                <a:cubicBezTo>
                  <a:pt x="117457" y="2333851"/>
                  <a:pt x="122965" y="2279562"/>
                  <a:pt x="87258" y="2285511"/>
                </a:cubicBezTo>
                <a:cubicBezTo>
                  <a:pt x="38977" y="2309189"/>
                  <a:pt x="74043" y="2277969"/>
                  <a:pt x="23798" y="2281822"/>
                </a:cubicBezTo>
                <a:lnTo>
                  <a:pt x="0" y="2285369"/>
                </a:lnTo>
                <a:lnTo>
                  <a:pt x="0" y="0"/>
                </a:lnTo>
                <a:close/>
              </a:path>
            </a:pathLst>
          </a:custGeom>
          <a:solidFill>
            <a:srgbClr val="82766A">
              <a:alpha val="15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a:solidFill>
                <a:schemeClr val="bg2"/>
              </a:solidFill>
            </a:endParaRPr>
          </a:p>
        </p:txBody>
      </p:sp>
      <p:sp>
        <p:nvSpPr>
          <p:cNvPr id="5" name="Turton | Placeholder | SlideID: 1936 | ID: 8">
            <a:extLst>
              <a:ext uri="{FF2B5EF4-FFF2-40B4-BE49-F238E27FC236}">
                <a16:creationId xmlns:a16="http://schemas.microsoft.com/office/drawing/2014/main" id="{19FF3EA2-44AF-4D34-4EEE-7F75ACBD7298}"/>
              </a:ext>
            </a:extLst>
          </p:cNvPr>
          <p:cNvSpPr>
            <a:spLocks noGrp="1"/>
          </p:cNvSpPr>
          <p:nvPr>
            <p:ph type="title"/>
          </p:nvPr>
        </p:nvSpPr>
        <p:spPr>
          <a:xfrm>
            <a:off x="723901" y="509587"/>
            <a:ext cx="7649239" cy="742951"/>
          </a:xfrm>
        </p:spPr>
        <p:txBody>
          <a:bodyPr vert="horz" lIns="91440" tIns="45720" rIns="91440" bIns="45720" rtlCol="0" anchor="ctr">
            <a:normAutofit/>
          </a:bodyPr>
          <a:lstStyle/>
          <a:p>
            <a:r>
              <a:rPr lang="en-US" sz="3600" kern="1200">
                <a:solidFill>
                  <a:schemeClr val="tx1"/>
                </a:solidFill>
                <a:latin typeface="+mj-lt"/>
                <a:ea typeface="+mj-ea"/>
                <a:cs typeface="+mj-cs"/>
              </a:rPr>
              <a:t>3. Parameter redundancy Part I</a:t>
            </a:r>
          </a:p>
        </p:txBody>
      </p:sp>
      <p:sp>
        <p:nvSpPr>
          <p:cNvPr id="26" name="Freeform: Shape 18">
            <a:extLst>
              <a:ext uri="{FF2B5EF4-FFF2-40B4-BE49-F238E27FC236}">
                <a16:creationId xmlns:a16="http://schemas.microsoft.com/office/drawing/2014/main" id="{DEB62645-D4DA-4E99-8344-B1536F63D10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307088" y="6277971"/>
            <a:ext cx="6884912" cy="580030"/>
          </a:xfrm>
          <a:custGeom>
            <a:avLst/>
            <a:gdLst>
              <a:gd name="connsiteX0" fmla="*/ 6884912 w 6884912"/>
              <a:gd name="connsiteY0" fmla="*/ 0 h 1161397"/>
              <a:gd name="connsiteX1" fmla="*/ 6884912 w 6884912"/>
              <a:gd name="connsiteY1" fmla="*/ 1161397 h 1161397"/>
              <a:gd name="connsiteX2" fmla="*/ 0 w 6884912"/>
              <a:gd name="connsiteY2" fmla="*/ 1161397 h 1161397"/>
              <a:gd name="connsiteX3" fmla="*/ 27135 w 6884912"/>
              <a:gd name="connsiteY3" fmla="*/ 1147460 h 1161397"/>
              <a:gd name="connsiteX4" fmla="*/ 115388 w 6884912"/>
              <a:gd name="connsiteY4" fmla="*/ 1159043 h 1161397"/>
              <a:gd name="connsiteX5" fmla="*/ 119094 w 6884912"/>
              <a:gd name="connsiteY5" fmla="*/ 1148463 h 1161397"/>
              <a:gd name="connsiteX6" fmla="*/ 171824 w 6884912"/>
              <a:gd name="connsiteY6" fmla="*/ 1133224 h 1161397"/>
              <a:gd name="connsiteX7" fmla="*/ 376455 w 6884912"/>
              <a:gd name="connsiteY7" fmla="*/ 1137381 h 1161397"/>
              <a:gd name="connsiteX8" fmla="*/ 478946 w 6884912"/>
              <a:gd name="connsiteY8" fmla="*/ 1106011 h 1161397"/>
              <a:gd name="connsiteX9" fmla="*/ 512111 w 6884912"/>
              <a:gd name="connsiteY9" fmla="*/ 1085599 h 1161397"/>
              <a:gd name="connsiteX10" fmla="*/ 567875 w 6884912"/>
              <a:gd name="connsiteY10" fmla="*/ 1051976 h 1161397"/>
              <a:gd name="connsiteX11" fmla="*/ 601644 w 6884912"/>
              <a:gd name="connsiteY11" fmla="*/ 1003997 h 1161397"/>
              <a:gd name="connsiteX12" fmla="*/ 651408 w 6884912"/>
              <a:gd name="connsiteY12" fmla="*/ 984938 h 1161397"/>
              <a:gd name="connsiteX13" fmla="*/ 673197 w 6884912"/>
              <a:gd name="connsiteY13" fmla="*/ 1010060 h 1161397"/>
              <a:gd name="connsiteX14" fmla="*/ 723108 w 6884912"/>
              <a:gd name="connsiteY14" fmla="*/ 980081 h 1161397"/>
              <a:gd name="connsiteX15" fmla="*/ 797699 w 6884912"/>
              <a:gd name="connsiteY15" fmla="*/ 931362 h 1161397"/>
              <a:gd name="connsiteX16" fmla="*/ 843359 w 6884912"/>
              <a:gd name="connsiteY16" fmla="*/ 910894 h 1161397"/>
              <a:gd name="connsiteX17" fmla="*/ 965215 w 6884912"/>
              <a:gd name="connsiteY17" fmla="*/ 846701 h 1161397"/>
              <a:gd name="connsiteX18" fmla="*/ 1085080 w 6884912"/>
              <a:gd name="connsiteY18" fmla="*/ 776086 h 1161397"/>
              <a:gd name="connsiteX19" fmla="*/ 1131224 w 6884912"/>
              <a:gd name="connsiteY19" fmla="*/ 706160 h 1161397"/>
              <a:gd name="connsiteX20" fmla="*/ 1138051 w 6884912"/>
              <a:gd name="connsiteY20" fmla="*/ 702034 h 1161397"/>
              <a:gd name="connsiteX21" fmla="*/ 1158800 w 6884912"/>
              <a:gd name="connsiteY21" fmla="*/ 700004 h 1161397"/>
              <a:gd name="connsiteX22" fmla="*/ 1166947 w 6884912"/>
              <a:gd name="connsiteY22" fmla="*/ 700762 h 1161397"/>
              <a:gd name="connsiteX23" fmla="*/ 1178135 w 6884912"/>
              <a:gd name="connsiteY23" fmla="*/ 698631 h 1161397"/>
              <a:gd name="connsiteX24" fmla="*/ 1178301 w 6884912"/>
              <a:gd name="connsiteY24" fmla="*/ 698094 h 1161397"/>
              <a:gd name="connsiteX25" fmla="*/ 1188995 w 6884912"/>
              <a:gd name="connsiteY25" fmla="*/ 697048 h 1161397"/>
              <a:gd name="connsiteX26" fmla="*/ 1242716 w 6884912"/>
              <a:gd name="connsiteY26" fmla="*/ 698052 h 1161397"/>
              <a:gd name="connsiteX27" fmla="*/ 1299977 w 6884912"/>
              <a:gd name="connsiteY27" fmla="*/ 639196 h 1161397"/>
              <a:gd name="connsiteX28" fmla="*/ 1326190 w 6884912"/>
              <a:gd name="connsiteY28" fmla="*/ 625955 h 1161397"/>
              <a:gd name="connsiteX29" fmla="*/ 1339600 w 6884912"/>
              <a:gd name="connsiteY29" fmla="*/ 616295 h 1161397"/>
              <a:gd name="connsiteX30" fmla="*/ 1340054 w 6884912"/>
              <a:gd name="connsiteY30" fmla="*/ 614022 h 1161397"/>
              <a:gd name="connsiteX31" fmla="*/ 1391606 w 6884912"/>
              <a:gd name="connsiteY31" fmla="*/ 615229 h 1161397"/>
              <a:gd name="connsiteX32" fmla="*/ 1397565 w 6884912"/>
              <a:gd name="connsiteY32" fmla="*/ 611490 h 1161397"/>
              <a:gd name="connsiteX33" fmla="*/ 1432302 w 6884912"/>
              <a:gd name="connsiteY33" fmla="*/ 617267 h 1161397"/>
              <a:gd name="connsiteX34" fmla="*/ 1449644 w 6884912"/>
              <a:gd name="connsiteY34" fmla="*/ 617591 h 1161397"/>
              <a:gd name="connsiteX35" fmla="*/ 1455793 w 6884912"/>
              <a:gd name="connsiteY35" fmla="*/ 623174 h 1161397"/>
              <a:gd name="connsiteX36" fmla="*/ 1480758 w 6884912"/>
              <a:gd name="connsiteY36" fmla="*/ 620863 h 1161397"/>
              <a:gd name="connsiteX37" fmla="*/ 1483154 w 6884912"/>
              <a:gd name="connsiteY37" fmla="*/ 618527 h 1161397"/>
              <a:gd name="connsiteX38" fmla="*/ 1505495 w 6884912"/>
              <a:gd name="connsiteY38" fmla="*/ 624325 h 1161397"/>
              <a:gd name="connsiteX39" fmla="*/ 1526340 w 6884912"/>
              <a:gd name="connsiteY39" fmla="*/ 638496 h 1161397"/>
              <a:gd name="connsiteX40" fmla="*/ 1731986 w 6884912"/>
              <a:gd name="connsiteY40" fmla="*/ 589682 h 1161397"/>
              <a:gd name="connsiteX41" fmla="*/ 1927935 w 6884912"/>
              <a:gd name="connsiteY41" fmla="*/ 628540 h 1161397"/>
              <a:gd name="connsiteX42" fmla="*/ 2039075 w 6884912"/>
              <a:gd name="connsiteY42" fmla="*/ 599964 h 1161397"/>
              <a:gd name="connsiteX43" fmla="*/ 2066980 w 6884912"/>
              <a:gd name="connsiteY43" fmla="*/ 550413 h 1161397"/>
              <a:gd name="connsiteX44" fmla="*/ 2352236 w 6884912"/>
              <a:gd name="connsiteY44" fmla="*/ 519602 h 1161397"/>
              <a:gd name="connsiteX45" fmla="*/ 2420791 w 6884912"/>
              <a:gd name="connsiteY45" fmla="*/ 492826 h 1161397"/>
              <a:gd name="connsiteX46" fmla="*/ 2489932 w 6884912"/>
              <a:gd name="connsiteY46" fmla="*/ 507864 h 1161397"/>
              <a:gd name="connsiteX47" fmla="*/ 2512917 w 6884912"/>
              <a:gd name="connsiteY47" fmla="*/ 489127 h 1161397"/>
              <a:gd name="connsiteX48" fmla="*/ 2516783 w 6884912"/>
              <a:gd name="connsiteY48" fmla="*/ 485473 h 1161397"/>
              <a:gd name="connsiteX49" fmla="*/ 2534360 w 6884912"/>
              <a:gd name="connsiteY49" fmla="*/ 480064 h 1161397"/>
              <a:gd name="connsiteX50" fmla="*/ 2536691 w 6884912"/>
              <a:gd name="connsiteY50" fmla="*/ 467018 h 1161397"/>
              <a:gd name="connsiteX51" fmla="*/ 2561265 w 6884912"/>
              <a:gd name="connsiteY51" fmla="*/ 450623 h 1161397"/>
              <a:gd name="connsiteX52" fmla="*/ 2594349 w 6884912"/>
              <a:gd name="connsiteY52" fmla="*/ 443884 h 1161397"/>
              <a:gd name="connsiteX53" fmla="*/ 2754324 w 6884912"/>
              <a:gd name="connsiteY53" fmla="*/ 424766 h 1161397"/>
              <a:gd name="connsiteX54" fmla="*/ 2848470 w 6884912"/>
              <a:gd name="connsiteY54" fmla="*/ 405966 h 1161397"/>
              <a:gd name="connsiteX55" fmla="*/ 2881772 w 6884912"/>
              <a:gd name="connsiteY55" fmla="*/ 387260 h 1161397"/>
              <a:gd name="connsiteX56" fmla="*/ 2929932 w 6884912"/>
              <a:gd name="connsiteY56" fmla="*/ 368912 h 1161397"/>
              <a:gd name="connsiteX57" fmla="*/ 3013020 w 6884912"/>
              <a:gd name="connsiteY57" fmla="*/ 327578 h 1161397"/>
              <a:gd name="connsiteX58" fmla="*/ 3127968 w 6884912"/>
              <a:gd name="connsiteY58" fmla="*/ 287613 h 1161397"/>
              <a:gd name="connsiteX59" fmla="*/ 3222191 w 6884912"/>
              <a:gd name="connsiteY59" fmla="*/ 307887 h 1161397"/>
              <a:gd name="connsiteX60" fmla="*/ 3227953 w 6884912"/>
              <a:gd name="connsiteY60" fmla="*/ 297650 h 1161397"/>
              <a:gd name="connsiteX61" fmla="*/ 3287859 w 6884912"/>
              <a:gd name="connsiteY61" fmla="*/ 287558 h 1161397"/>
              <a:gd name="connsiteX62" fmla="*/ 3510042 w 6884912"/>
              <a:gd name="connsiteY62" fmla="*/ 311820 h 1161397"/>
              <a:gd name="connsiteX63" fmla="*/ 3626773 w 6884912"/>
              <a:gd name="connsiteY63" fmla="*/ 290452 h 1161397"/>
              <a:gd name="connsiteX64" fmla="*/ 3666217 w 6884912"/>
              <a:gd name="connsiteY64" fmla="*/ 273255 h 1161397"/>
              <a:gd name="connsiteX65" fmla="*/ 3732427 w 6884912"/>
              <a:gd name="connsiteY65" fmla="*/ 245039 h 1161397"/>
              <a:gd name="connsiteX66" fmla="*/ 3777022 w 6884912"/>
              <a:gd name="connsiteY66" fmla="*/ 200276 h 1161397"/>
              <a:gd name="connsiteX67" fmla="*/ 3791246 w 6884912"/>
              <a:gd name="connsiteY67" fmla="*/ 189996 h 1161397"/>
              <a:gd name="connsiteX68" fmla="*/ 3819864 w 6884912"/>
              <a:gd name="connsiteY68" fmla="*/ 194605 h 1161397"/>
              <a:gd name="connsiteX69" fmla="*/ 3830398 w 6884912"/>
              <a:gd name="connsiteY69" fmla="*/ 188383 h 1161397"/>
              <a:gd name="connsiteX70" fmla="*/ 3834360 w 6884912"/>
              <a:gd name="connsiteY70" fmla="*/ 188992 h 1161397"/>
              <a:gd name="connsiteX71" fmla="*/ 3843715 w 6884912"/>
              <a:gd name="connsiteY71" fmla="*/ 188752 h 1161397"/>
              <a:gd name="connsiteX72" fmla="*/ 3842609 w 6884912"/>
              <a:gd name="connsiteY72" fmla="*/ 197386 h 1161397"/>
              <a:gd name="connsiteX73" fmla="*/ 3853961 w 6884912"/>
              <a:gd name="connsiteY73" fmla="*/ 213380 h 1161397"/>
              <a:gd name="connsiteX74" fmla="*/ 3907640 w 6884912"/>
              <a:gd name="connsiteY74" fmla="*/ 207568 h 1161397"/>
              <a:gd name="connsiteX75" fmla="*/ 3910449 w 6884912"/>
              <a:gd name="connsiteY75" fmla="*/ 197808 h 1161397"/>
              <a:gd name="connsiteX76" fmla="*/ 3917197 w 6884912"/>
              <a:gd name="connsiteY76" fmla="*/ 196121 h 1161397"/>
              <a:gd name="connsiteX77" fmla="*/ 3922400 w 6884912"/>
              <a:gd name="connsiteY77" fmla="*/ 205056 h 1161397"/>
              <a:gd name="connsiteX78" fmla="*/ 4013061 w 6884912"/>
              <a:gd name="connsiteY78" fmla="*/ 224874 h 1161397"/>
              <a:gd name="connsiteX79" fmla="*/ 4134285 w 6884912"/>
              <a:gd name="connsiteY79" fmla="*/ 235592 h 1161397"/>
              <a:gd name="connsiteX80" fmla="*/ 4220717 w 6884912"/>
              <a:gd name="connsiteY80" fmla="*/ 192946 h 1161397"/>
              <a:gd name="connsiteX81" fmla="*/ 4228802 w 6884912"/>
              <a:gd name="connsiteY81" fmla="*/ 201468 h 1161397"/>
              <a:gd name="connsiteX82" fmla="*/ 4289361 w 6884912"/>
              <a:gd name="connsiteY82" fmla="*/ 196642 h 1161397"/>
              <a:gd name="connsiteX83" fmla="*/ 4498913 w 6884912"/>
              <a:gd name="connsiteY83" fmla="*/ 118915 h 1161397"/>
              <a:gd name="connsiteX84" fmla="*/ 4617330 w 6884912"/>
              <a:gd name="connsiteY84" fmla="*/ 111163 h 1161397"/>
              <a:gd name="connsiteX85" fmla="*/ 4659778 w 6884912"/>
              <a:gd name="connsiteY85" fmla="*/ 118219 h 1161397"/>
              <a:gd name="connsiteX86" fmla="*/ 4730870 w 6884912"/>
              <a:gd name="connsiteY86" fmla="*/ 129432 h 1161397"/>
              <a:gd name="connsiteX87" fmla="*/ 4785037 w 6884912"/>
              <a:gd name="connsiteY87" fmla="*/ 161964 h 1161397"/>
              <a:gd name="connsiteX88" fmla="*/ 4844073 w 6884912"/>
              <a:gd name="connsiteY88" fmla="*/ 161768 h 1161397"/>
              <a:gd name="connsiteX89" fmla="*/ 4856454 w 6884912"/>
              <a:gd name="connsiteY89" fmla="*/ 130488 h 1161397"/>
              <a:gd name="connsiteX90" fmla="*/ 4920038 w 6884912"/>
              <a:gd name="connsiteY90" fmla="*/ 140418 h 1161397"/>
              <a:gd name="connsiteX91" fmla="*/ 5016639 w 6884912"/>
              <a:gd name="connsiteY91" fmla="*/ 158905 h 1161397"/>
              <a:gd name="connsiteX92" fmla="*/ 5072009 w 6884912"/>
              <a:gd name="connsiteY92" fmla="*/ 161502 h 1161397"/>
              <a:gd name="connsiteX93" fmla="*/ 5223626 w 6884912"/>
              <a:gd name="connsiteY93" fmla="*/ 177356 h 1161397"/>
              <a:gd name="connsiteX94" fmla="*/ 5375773 w 6884912"/>
              <a:gd name="connsiteY94" fmla="*/ 199913 h 1161397"/>
              <a:gd name="connsiteX95" fmla="*/ 5467502 w 6884912"/>
              <a:gd name="connsiteY95" fmla="*/ 250963 h 1161397"/>
              <a:gd name="connsiteX96" fmla="*/ 5592395 w 6884912"/>
              <a:gd name="connsiteY96" fmla="*/ 265434 h 1161397"/>
              <a:gd name="connsiteX97" fmla="*/ 5613532 w 6884912"/>
              <a:gd name="connsiteY97" fmla="*/ 273379 h 1161397"/>
              <a:gd name="connsiteX98" fmla="*/ 5642173 w 6884912"/>
              <a:gd name="connsiteY98" fmla="*/ 266904 h 1161397"/>
              <a:gd name="connsiteX99" fmla="*/ 5756910 w 6884912"/>
              <a:gd name="connsiteY99" fmla="*/ 239211 h 1161397"/>
              <a:gd name="connsiteX100" fmla="*/ 5846667 w 6884912"/>
              <a:gd name="connsiteY100" fmla="*/ 201786 h 1161397"/>
              <a:gd name="connsiteX101" fmla="*/ 5960732 w 6884912"/>
              <a:gd name="connsiteY101" fmla="*/ 220708 h 1161397"/>
              <a:gd name="connsiteX102" fmla="*/ 6029542 w 6884912"/>
              <a:gd name="connsiteY102" fmla="*/ 210339 h 1161397"/>
              <a:gd name="connsiteX103" fmla="*/ 6141123 w 6884912"/>
              <a:gd name="connsiteY103" fmla="*/ 159923 h 1161397"/>
              <a:gd name="connsiteX104" fmla="*/ 6290640 w 6884912"/>
              <a:gd name="connsiteY104" fmla="*/ 167441 h 1161397"/>
              <a:gd name="connsiteX105" fmla="*/ 6322806 w 6884912"/>
              <a:gd name="connsiteY105" fmla="*/ 213293 h 1161397"/>
              <a:gd name="connsiteX106" fmla="*/ 6364914 w 6884912"/>
              <a:gd name="connsiteY106" fmla="*/ 240140 h 1161397"/>
              <a:gd name="connsiteX107" fmla="*/ 6380420 w 6884912"/>
              <a:gd name="connsiteY107" fmla="*/ 173195 h 1161397"/>
              <a:gd name="connsiteX108" fmla="*/ 6507891 w 6884912"/>
              <a:gd name="connsiteY108" fmla="*/ 118474 h 1161397"/>
              <a:gd name="connsiteX109" fmla="*/ 6571807 w 6884912"/>
              <a:gd name="connsiteY109" fmla="*/ 98636 h 1161397"/>
              <a:gd name="connsiteX110" fmla="*/ 6671880 w 6884912"/>
              <a:gd name="connsiteY110" fmla="*/ 82931 h 1161397"/>
              <a:gd name="connsiteX111" fmla="*/ 6702266 w 6884912"/>
              <a:gd name="connsiteY111" fmla="*/ 75470 h 1161397"/>
              <a:gd name="connsiteX112" fmla="*/ 6845802 w 6884912"/>
              <a:gd name="connsiteY112" fmla="*/ 24496 h 11613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Lst>
            <a:rect l="l" t="t" r="r" b="b"/>
            <a:pathLst>
              <a:path w="6884912" h="1161397">
                <a:moveTo>
                  <a:pt x="6884912" y="0"/>
                </a:moveTo>
                <a:lnTo>
                  <a:pt x="6884912" y="1161397"/>
                </a:lnTo>
                <a:lnTo>
                  <a:pt x="0" y="1161397"/>
                </a:lnTo>
                <a:lnTo>
                  <a:pt x="27135" y="1147460"/>
                </a:lnTo>
                <a:cubicBezTo>
                  <a:pt x="57431" y="1167048"/>
                  <a:pt x="61886" y="1135904"/>
                  <a:pt x="115388" y="1159043"/>
                </a:cubicBezTo>
                <a:cubicBezTo>
                  <a:pt x="116121" y="1155340"/>
                  <a:pt x="117370" y="1151777"/>
                  <a:pt x="119094" y="1148463"/>
                </a:cubicBezTo>
                <a:cubicBezTo>
                  <a:pt x="129121" y="1129214"/>
                  <a:pt x="152727" y="1122391"/>
                  <a:pt x="171824" y="1133224"/>
                </a:cubicBezTo>
                <a:cubicBezTo>
                  <a:pt x="254344" y="1161369"/>
                  <a:pt x="315458" y="1143220"/>
                  <a:pt x="376455" y="1137381"/>
                </a:cubicBezTo>
                <a:cubicBezTo>
                  <a:pt x="443775" y="1125614"/>
                  <a:pt x="382885" y="1083927"/>
                  <a:pt x="478946" y="1106011"/>
                </a:cubicBezTo>
                <a:cubicBezTo>
                  <a:pt x="481662" y="1085172"/>
                  <a:pt x="491731" y="1081489"/>
                  <a:pt x="512111" y="1085599"/>
                </a:cubicBezTo>
                <a:cubicBezTo>
                  <a:pt x="544368" y="1078502"/>
                  <a:pt x="526559" y="1032754"/>
                  <a:pt x="567875" y="1051976"/>
                </a:cubicBezTo>
                <a:cubicBezTo>
                  <a:pt x="553871" y="1028602"/>
                  <a:pt x="624901" y="1025930"/>
                  <a:pt x="601644" y="1003997"/>
                </a:cubicBezTo>
                <a:cubicBezTo>
                  <a:pt x="614803" y="975652"/>
                  <a:pt x="637415" y="1010272"/>
                  <a:pt x="651408" y="984938"/>
                </a:cubicBezTo>
                <a:cubicBezTo>
                  <a:pt x="673042" y="974024"/>
                  <a:pt x="646948" y="1015207"/>
                  <a:pt x="673197" y="1010060"/>
                </a:cubicBezTo>
                <a:cubicBezTo>
                  <a:pt x="703527" y="999318"/>
                  <a:pt x="718626" y="1045053"/>
                  <a:pt x="723108" y="980081"/>
                </a:cubicBezTo>
                <a:cubicBezTo>
                  <a:pt x="760262" y="985126"/>
                  <a:pt x="757827" y="957145"/>
                  <a:pt x="797699" y="931362"/>
                </a:cubicBezTo>
                <a:cubicBezTo>
                  <a:pt x="821097" y="940623"/>
                  <a:pt x="833565" y="929189"/>
                  <a:pt x="843359" y="910894"/>
                </a:cubicBezTo>
                <a:cubicBezTo>
                  <a:pt x="887668" y="902160"/>
                  <a:pt x="919738" y="869376"/>
                  <a:pt x="965215" y="846701"/>
                </a:cubicBezTo>
                <a:cubicBezTo>
                  <a:pt x="1023081" y="848019"/>
                  <a:pt x="1036422" y="800154"/>
                  <a:pt x="1085080" y="776086"/>
                </a:cubicBezTo>
                <a:cubicBezTo>
                  <a:pt x="1140763" y="795544"/>
                  <a:pt x="1110309" y="730471"/>
                  <a:pt x="1131224" y="706160"/>
                </a:cubicBezTo>
                <a:lnTo>
                  <a:pt x="1138051" y="702034"/>
                </a:lnTo>
                <a:lnTo>
                  <a:pt x="1158800" y="700004"/>
                </a:lnTo>
                <a:lnTo>
                  <a:pt x="1166947" y="700762"/>
                </a:lnTo>
                <a:cubicBezTo>
                  <a:pt x="1172432" y="700717"/>
                  <a:pt x="1175913" y="699961"/>
                  <a:pt x="1178135" y="698631"/>
                </a:cubicBezTo>
                <a:lnTo>
                  <a:pt x="1178301" y="698094"/>
                </a:lnTo>
                <a:lnTo>
                  <a:pt x="1188995" y="697048"/>
                </a:lnTo>
                <a:cubicBezTo>
                  <a:pt x="1207294" y="696390"/>
                  <a:pt x="1225337" y="696802"/>
                  <a:pt x="1242716" y="698052"/>
                </a:cubicBezTo>
                <a:cubicBezTo>
                  <a:pt x="1250387" y="668345"/>
                  <a:pt x="1318259" y="689091"/>
                  <a:pt x="1299977" y="639196"/>
                </a:cubicBezTo>
                <a:cubicBezTo>
                  <a:pt x="1323072" y="639367"/>
                  <a:pt x="1341279" y="658105"/>
                  <a:pt x="1326190" y="625955"/>
                </a:cubicBezTo>
                <a:cubicBezTo>
                  <a:pt x="1333572" y="625050"/>
                  <a:pt x="1337406" y="621362"/>
                  <a:pt x="1339600" y="616295"/>
                </a:cubicBezTo>
                <a:lnTo>
                  <a:pt x="1340054" y="614022"/>
                </a:lnTo>
                <a:lnTo>
                  <a:pt x="1391606" y="615229"/>
                </a:lnTo>
                <a:lnTo>
                  <a:pt x="1397565" y="611490"/>
                </a:lnTo>
                <a:lnTo>
                  <a:pt x="1432302" y="617267"/>
                </a:lnTo>
                <a:lnTo>
                  <a:pt x="1449644" y="617591"/>
                </a:lnTo>
                <a:lnTo>
                  <a:pt x="1455793" y="623174"/>
                </a:lnTo>
                <a:cubicBezTo>
                  <a:pt x="1461744" y="626151"/>
                  <a:pt x="1469373" y="626493"/>
                  <a:pt x="1480758" y="620863"/>
                </a:cubicBezTo>
                <a:lnTo>
                  <a:pt x="1483154" y="618527"/>
                </a:lnTo>
                <a:lnTo>
                  <a:pt x="1505495" y="624325"/>
                </a:lnTo>
                <a:cubicBezTo>
                  <a:pt x="1512992" y="627532"/>
                  <a:pt x="1520025" y="632078"/>
                  <a:pt x="1526340" y="638496"/>
                </a:cubicBezTo>
                <a:cubicBezTo>
                  <a:pt x="1586113" y="586768"/>
                  <a:pt x="1659006" y="610309"/>
                  <a:pt x="1731986" y="589682"/>
                </a:cubicBezTo>
                <a:cubicBezTo>
                  <a:pt x="1750397" y="523106"/>
                  <a:pt x="1896056" y="573257"/>
                  <a:pt x="1927935" y="628540"/>
                </a:cubicBezTo>
                <a:cubicBezTo>
                  <a:pt x="1912854" y="559823"/>
                  <a:pt x="2112261" y="676347"/>
                  <a:pt x="2039075" y="599964"/>
                </a:cubicBezTo>
                <a:cubicBezTo>
                  <a:pt x="2066036" y="601198"/>
                  <a:pt x="2086366" y="569532"/>
                  <a:pt x="2066980" y="550413"/>
                </a:cubicBezTo>
                <a:cubicBezTo>
                  <a:pt x="2155364" y="582582"/>
                  <a:pt x="2259548" y="514786"/>
                  <a:pt x="2352236" y="519602"/>
                </a:cubicBezTo>
                <a:cubicBezTo>
                  <a:pt x="2388450" y="459394"/>
                  <a:pt x="2373298" y="511682"/>
                  <a:pt x="2420791" y="492826"/>
                </a:cubicBezTo>
                <a:cubicBezTo>
                  <a:pt x="2417962" y="542563"/>
                  <a:pt x="2475071" y="455098"/>
                  <a:pt x="2489932" y="507864"/>
                </a:cubicBezTo>
                <a:cubicBezTo>
                  <a:pt x="2498105" y="502761"/>
                  <a:pt x="2505553" y="496153"/>
                  <a:pt x="2512917" y="489127"/>
                </a:cubicBezTo>
                <a:lnTo>
                  <a:pt x="2516783" y="485473"/>
                </a:lnTo>
                <a:lnTo>
                  <a:pt x="2534360" y="480064"/>
                </a:lnTo>
                <a:lnTo>
                  <a:pt x="2536691" y="467018"/>
                </a:lnTo>
                <a:lnTo>
                  <a:pt x="2561265" y="450623"/>
                </a:lnTo>
                <a:cubicBezTo>
                  <a:pt x="2570872" y="446262"/>
                  <a:pt x="2581686" y="443655"/>
                  <a:pt x="2594349" y="443884"/>
                </a:cubicBezTo>
                <a:cubicBezTo>
                  <a:pt x="2640435" y="464638"/>
                  <a:pt x="2696955" y="396361"/>
                  <a:pt x="2754324" y="424766"/>
                </a:cubicBezTo>
                <a:cubicBezTo>
                  <a:pt x="2775130" y="430896"/>
                  <a:pt x="2837731" y="423458"/>
                  <a:pt x="2848470" y="405966"/>
                </a:cubicBezTo>
                <a:cubicBezTo>
                  <a:pt x="2861295" y="401100"/>
                  <a:pt x="2876936" y="405309"/>
                  <a:pt x="2881772" y="387260"/>
                </a:cubicBezTo>
                <a:cubicBezTo>
                  <a:pt x="2890299" y="365261"/>
                  <a:pt x="2938134" y="392997"/>
                  <a:pt x="2929932" y="368912"/>
                </a:cubicBezTo>
                <a:cubicBezTo>
                  <a:pt x="2963844" y="387799"/>
                  <a:pt x="2986550" y="341223"/>
                  <a:pt x="3013020" y="327578"/>
                </a:cubicBezTo>
                <a:cubicBezTo>
                  <a:pt x="3040041" y="346996"/>
                  <a:pt x="3068934" y="299222"/>
                  <a:pt x="3127968" y="287613"/>
                </a:cubicBezTo>
                <a:cubicBezTo>
                  <a:pt x="3157770" y="310215"/>
                  <a:pt x="3167695" y="279445"/>
                  <a:pt x="3222191" y="307887"/>
                </a:cubicBezTo>
                <a:cubicBezTo>
                  <a:pt x="3223593" y="304249"/>
                  <a:pt x="3225533" y="300801"/>
                  <a:pt x="3227953" y="297650"/>
                </a:cubicBezTo>
                <a:cubicBezTo>
                  <a:pt x="3242008" y="279345"/>
                  <a:pt x="3268831" y="274825"/>
                  <a:pt x="3287859" y="287558"/>
                </a:cubicBezTo>
                <a:cubicBezTo>
                  <a:pt x="3373144" y="323866"/>
                  <a:pt x="3442657" y="311681"/>
                  <a:pt x="3510042" y="311820"/>
                </a:cubicBezTo>
                <a:cubicBezTo>
                  <a:pt x="3585274" y="306641"/>
                  <a:pt x="3525753" y="258887"/>
                  <a:pt x="3626773" y="290452"/>
                </a:cubicBezTo>
                <a:cubicBezTo>
                  <a:pt x="3633124" y="269835"/>
                  <a:pt x="3644693" y="267134"/>
                  <a:pt x="3666217" y="273255"/>
                </a:cubicBezTo>
                <a:cubicBezTo>
                  <a:pt x="3702502" y="269310"/>
                  <a:pt x="3690563" y="221720"/>
                  <a:pt x="3732427" y="245039"/>
                </a:cubicBezTo>
                <a:cubicBezTo>
                  <a:pt x="3720985" y="220241"/>
                  <a:pt x="3798776" y="224539"/>
                  <a:pt x="3777022" y="200276"/>
                </a:cubicBezTo>
                <a:cubicBezTo>
                  <a:pt x="3781759" y="193499"/>
                  <a:pt x="3786499" y="190723"/>
                  <a:pt x="3791246" y="189996"/>
                </a:cubicBezTo>
                <a:cubicBezTo>
                  <a:pt x="3800740" y="188542"/>
                  <a:pt x="3810265" y="195284"/>
                  <a:pt x="3819864" y="194605"/>
                </a:cubicBezTo>
                <a:lnTo>
                  <a:pt x="3830398" y="188383"/>
                </a:lnTo>
                <a:lnTo>
                  <a:pt x="3834360" y="188992"/>
                </a:lnTo>
                <a:lnTo>
                  <a:pt x="3843715" y="188752"/>
                </a:lnTo>
                <a:lnTo>
                  <a:pt x="3842609" y="197386"/>
                </a:lnTo>
                <a:cubicBezTo>
                  <a:pt x="3840673" y="205638"/>
                  <a:pt x="3839248" y="214671"/>
                  <a:pt x="3853961" y="213380"/>
                </a:cubicBezTo>
                <a:cubicBezTo>
                  <a:pt x="3884396" y="206569"/>
                  <a:pt x="3895082" y="241941"/>
                  <a:pt x="3907640" y="207568"/>
                </a:cubicBezTo>
                <a:lnTo>
                  <a:pt x="3910449" y="197808"/>
                </a:lnTo>
                <a:lnTo>
                  <a:pt x="3917197" y="196121"/>
                </a:lnTo>
                <a:cubicBezTo>
                  <a:pt x="3920833" y="196372"/>
                  <a:pt x="3922919" y="198717"/>
                  <a:pt x="3922400" y="205056"/>
                </a:cubicBezTo>
                <a:cubicBezTo>
                  <a:pt x="3950680" y="178467"/>
                  <a:pt x="3984062" y="218098"/>
                  <a:pt x="4013061" y="224874"/>
                </a:cubicBezTo>
                <a:cubicBezTo>
                  <a:pt x="4034530" y="199451"/>
                  <a:pt x="4074202" y="238734"/>
                  <a:pt x="4134285" y="235592"/>
                </a:cubicBezTo>
                <a:cubicBezTo>
                  <a:pt x="4157674" y="206403"/>
                  <a:pt x="4174806" y="233822"/>
                  <a:pt x="4220717" y="192946"/>
                </a:cubicBezTo>
                <a:cubicBezTo>
                  <a:pt x="4222964" y="196132"/>
                  <a:pt x="4225687" y="199002"/>
                  <a:pt x="4228802" y="201468"/>
                </a:cubicBezTo>
                <a:cubicBezTo>
                  <a:pt x="4246898" y="215792"/>
                  <a:pt x="4274013" y="213632"/>
                  <a:pt x="4289361" y="196642"/>
                </a:cubicBezTo>
                <a:cubicBezTo>
                  <a:pt x="4363212" y="140627"/>
                  <a:pt x="4433598" y="135488"/>
                  <a:pt x="4498913" y="118915"/>
                </a:cubicBezTo>
                <a:cubicBezTo>
                  <a:pt x="4573135" y="105586"/>
                  <a:pt x="4527062" y="166416"/>
                  <a:pt x="4617330" y="111163"/>
                </a:cubicBezTo>
                <a:cubicBezTo>
                  <a:pt x="4628518" y="129608"/>
                  <a:pt x="4640397" y="129405"/>
                  <a:pt x="4659778" y="118219"/>
                </a:cubicBezTo>
                <a:cubicBezTo>
                  <a:pt x="4695929" y="113193"/>
                  <a:pt x="4695958" y="162259"/>
                  <a:pt x="4730870" y="129432"/>
                </a:cubicBezTo>
                <a:cubicBezTo>
                  <a:pt x="4725822" y="156271"/>
                  <a:pt x="4800214" y="133127"/>
                  <a:pt x="4785037" y="161964"/>
                </a:cubicBezTo>
                <a:cubicBezTo>
                  <a:pt x="4810025" y="183633"/>
                  <a:pt x="4819434" y="143205"/>
                  <a:pt x="4844073" y="161768"/>
                </a:cubicBezTo>
                <a:cubicBezTo>
                  <a:pt x="4870797" y="164132"/>
                  <a:pt x="4827288" y="135164"/>
                  <a:pt x="4856454" y="130488"/>
                </a:cubicBezTo>
                <a:cubicBezTo>
                  <a:pt x="4892086" y="129553"/>
                  <a:pt x="4889263" y="81477"/>
                  <a:pt x="4920038" y="140418"/>
                </a:cubicBezTo>
                <a:cubicBezTo>
                  <a:pt x="4956358" y="122308"/>
                  <a:pt x="4965108" y="149263"/>
                  <a:pt x="5016639" y="158905"/>
                </a:cubicBezTo>
                <a:cubicBezTo>
                  <a:pt x="5037063" y="141828"/>
                  <a:pt x="5054534" y="147986"/>
                  <a:pt x="5072009" y="161502"/>
                </a:cubicBezTo>
                <a:cubicBezTo>
                  <a:pt x="5121260" y="153653"/>
                  <a:pt x="5167555" y="172635"/>
                  <a:pt x="5223626" y="177356"/>
                </a:cubicBezTo>
                <a:cubicBezTo>
                  <a:pt x="5282824" y="155243"/>
                  <a:pt x="5315859" y="195041"/>
                  <a:pt x="5375773" y="199913"/>
                </a:cubicBezTo>
                <a:cubicBezTo>
                  <a:pt x="5432511" y="156218"/>
                  <a:pt x="5417550" y="256036"/>
                  <a:pt x="5467502" y="250963"/>
                </a:cubicBezTo>
                <a:cubicBezTo>
                  <a:pt x="5547124" y="209975"/>
                  <a:pt x="5467171" y="283839"/>
                  <a:pt x="5592395" y="265434"/>
                </a:cubicBezTo>
                <a:cubicBezTo>
                  <a:pt x="5599201" y="258867"/>
                  <a:pt x="5614752" y="264706"/>
                  <a:pt x="5613532" y="273379"/>
                </a:cubicBezTo>
                <a:cubicBezTo>
                  <a:pt x="5621390" y="270408"/>
                  <a:pt x="5639720" y="253173"/>
                  <a:pt x="5642173" y="266904"/>
                </a:cubicBezTo>
                <a:cubicBezTo>
                  <a:pt x="5682296" y="267049"/>
                  <a:pt x="5721812" y="257513"/>
                  <a:pt x="5756910" y="239211"/>
                </a:cubicBezTo>
                <a:cubicBezTo>
                  <a:pt x="5834998" y="260050"/>
                  <a:pt x="5790596" y="197229"/>
                  <a:pt x="5846667" y="201786"/>
                </a:cubicBezTo>
                <a:cubicBezTo>
                  <a:pt x="5892444" y="227312"/>
                  <a:pt x="5908324" y="204527"/>
                  <a:pt x="5960732" y="220708"/>
                </a:cubicBezTo>
                <a:cubicBezTo>
                  <a:pt x="5977124" y="175349"/>
                  <a:pt x="6009640" y="223654"/>
                  <a:pt x="6029542" y="210339"/>
                </a:cubicBezTo>
                <a:cubicBezTo>
                  <a:pt x="6063108" y="261420"/>
                  <a:pt x="6107411" y="160034"/>
                  <a:pt x="6141123" y="159923"/>
                </a:cubicBezTo>
                <a:cubicBezTo>
                  <a:pt x="6198068" y="167749"/>
                  <a:pt x="6260628" y="219715"/>
                  <a:pt x="6290640" y="167441"/>
                </a:cubicBezTo>
                <a:cubicBezTo>
                  <a:pt x="6295193" y="188689"/>
                  <a:pt x="6290494" y="217816"/>
                  <a:pt x="6322806" y="213293"/>
                </a:cubicBezTo>
                <a:cubicBezTo>
                  <a:pt x="6335911" y="223881"/>
                  <a:pt x="6338726" y="256581"/>
                  <a:pt x="6364914" y="240140"/>
                </a:cubicBezTo>
                <a:cubicBezTo>
                  <a:pt x="6331888" y="211628"/>
                  <a:pt x="6385856" y="207033"/>
                  <a:pt x="6380420" y="173195"/>
                </a:cubicBezTo>
                <a:cubicBezTo>
                  <a:pt x="6420580" y="151473"/>
                  <a:pt x="6513519" y="179296"/>
                  <a:pt x="6507891" y="118474"/>
                </a:cubicBezTo>
                <a:cubicBezTo>
                  <a:pt x="6519398" y="82452"/>
                  <a:pt x="6571830" y="137398"/>
                  <a:pt x="6571807" y="98636"/>
                </a:cubicBezTo>
                <a:cubicBezTo>
                  <a:pt x="6594702" y="123421"/>
                  <a:pt x="6634676" y="82071"/>
                  <a:pt x="6671880" y="82931"/>
                </a:cubicBezTo>
                <a:cubicBezTo>
                  <a:pt x="6678855" y="65407"/>
                  <a:pt x="6687415" y="66196"/>
                  <a:pt x="6702266" y="75470"/>
                </a:cubicBezTo>
                <a:cubicBezTo>
                  <a:pt x="6747004" y="78450"/>
                  <a:pt x="6798307" y="53072"/>
                  <a:pt x="6845802" y="24496"/>
                </a:cubicBezTo>
                <a:close/>
              </a:path>
            </a:pathLst>
          </a:custGeom>
          <a:solidFill>
            <a:srgbClr val="82766A">
              <a:alpha val="15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a:extLst>
              <a:ext uri="{FF2B5EF4-FFF2-40B4-BE49-F238E27FC236}">
                <a16:creationId xmlns:a16="http://schemas.microsoft.com/office/drawing/2014/main" id="{66A0D2AD-542C-673B-C6CF-1E12E53F87B0}"/>
              </a:ext>
            </a:extLst>
          </p:cNvPr>
          <p:cNvSpPr txBox="1"/>
          <p:nvPr/>
        </p:nvSpPr>
        <p:spPr>
          <a:xfrm>
            <a:off x="705972" y="2456995"/>
            <a:ext cx="10768181" cy="365103"/>
          </a:xfrm>
          <a:prstGeom prst="rect">
            <a:avLst/>
          </a:prstGeom>
          <a:noFill/>
        </p:spPr>
        <p:txBody>
          <a:bodyPr wrap="square">
            <a:spAutoFit/>
          </a:bodyPr>
          <a:lstStyle/>
          <a:p>
            <a:pPr marL="336042" indent="-336042" defTabSz="896112">
              <a:spcAft>
                <a:spcPts val="600"/>
              </a:spcAft>
              <a:buFontTx/>
              <a:buChar char="-"/>
            </a:pPr>
            <a:r>
              <a:rPr lang="en-GB" sz="1764" kern="1200">
                <a:solidFill>
                  <a:schemeClr val="tx1"/>
                </a:solidFill>
                <a:latin typeface="+mn-lt"/>
                <a:ea typeface="+mn-ea"/>
                <a:cs typeface="+mn-cs"/>
              </a:rPr>
              <a:t>Sensitivity check: Difference between ▲ Max and ▲ Median, and difference ▲ Median and ▲ Min. </a:t>
            </a:r>
            <a:endParaRPr lang="en-GB" sz="1800"/>
          </a:p>
        </p:txBody>
      </p:sp>
      <p:sp>
        <p:nvSpPr>
          <p:cNvPr id="8" name="TextBox 7">
            <a:extLst>
              <a:ext uri="{FF2B5EF4-FFF2-40B4-BE49-F238E27FC236}">
                <a16:creationId xmlns:a16="http://schemas.microsoft.com/office/drawing/2014/main" id="{DD86999B-4DCF-D0B3-BE07-468DD003CAF1}"/>
              </a:ext>
            </a:extLst>
          </p:cNvPr>
          <p:cNvSpPr txBox="1"/>
          <p:nvPr/>
        </p:nvSpPr>
        <p:spPr>
          <a:xfrm>
            <a:off x="705972" y="3484396"/>
            <a:ext cx="6024739" cy="369332"/>
          </a:xfrm>
          <a:prstGeom prst="rect">
            <a:avLst/>
          </a:prstGeom>
          <a:noFill/>
        </p:spPr>
        <p:txBody>
          <a:bodyPr wrap="square">
            <a:spAutoFit/>
          </a:bodyPr>
          <a:lstStyle/>
          <a:p>
            <a:pPr marL="336042" indent="-336042" defTabSz="896112">
              <a:spcAft>
                <a:spcPts val="600"/>
              </a:spcAft>
              <a:buFontTx/>
              <a:buChar char="-"/>
            </a:pPr>
            <a:r>
              <a:rPr lang="en-GB" b="1" kern="1200" dirty="0">
                <a:solidFill>
                  <a:schemeClr val="tx1"/>
                </a:solidFill>
                <a:latin typeface="+mn-lt"/>
                <a:ea typeface="+mn-ea"/>
                <a:cs typeface="+mn-cs"/>
              </a:rPr>
              <a:t>Data normalisation:</a:t>
            </a:r>
            <a:endParaRPr lang="en-GB" sz="2000" b="1" dirty="0"/>
          </a:p>
        </p:txBody>
      </p:sp>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2ACD3E5C-80BC-D36E-A6B8-4C3F289A2935}"/>
                  </a:ext>
                </a:extLst>
              </p:cNvPr>
              <p:cNvSpPr txBox="1"/>
              <p:nvPr/>
            </p:nvSpPr>
            <p:spPr>
              <a:xfrm>
                <a:off x="2253089" y="3995158"/>
                <a:ext cx="6763157" cy="719492"/>
              </a:xfrm>
              <a:prstGeom prst="rect">
                <a:avLst/>
              </a:prstGeom>
              <a:noFill/>
            </p:spPr>
            <p:txBody>
              <a:bodyPr wrap="square" lIns="0" tIns="0" rIns="0" bIns="0" rtlCol="0">
                <a:spAutoFit/>
              </a:bodyPr>
              <a:lstStyle/>
              <a:p>
                <a:pPr defTabSz="896112">
                  <a:spcAft>
                    <a:spcPts val="600"/>
                  </a:spcAft>
                </a:pPr>
                <a14:m>
                  <m:oMathPara xmlns:m="http://schemas.openxmlformats.org/officeDocument/2006/math">
                    <m:oMathParaPr>
                      <m:jc m:val="centerGroup"/>
                    </m:oMathParaPr>
                    <m:oMath xmlns:m="http://schemas.openxmlformats.org/officeDocument/2006/math">
                      <m:sSub>
                        <m:sSubPr>
                          <m:ctrlPr>
                            <a:rPr lang="en-GB" sz="1764" i="1" kern="1200" smtClean="0">
                              <a:solidFill>
                                <a:schemeClr val="tx1"/>
                              </a:solidFill>
                              <a:latin typeface="Cambria Math" panose="02040503050406030204" pitchFamily="18" charset="0"/>
                              <a:ea typeface="+mn-ea"/>
                              <a:cs typeface="+mn-cs"/>
                            </a:rPr>
                          </m:ctrlPr>
                        </m:sSubPr>
                        <m:e>
                          <m:r>
                            <m:rPr>
                              <m:sty m:val="p"/>
                            </m:rPr>
                            <a:rPr lang="en-GB" sz="1764" b="0" i="0" kern="1200" smtClean="0">
                              <a:solidFill>
                                <a:schemeClr val="tx1"/>
                              </a:solidFill>
                              <a:latin typeface="Cambria Math" panose="02040503050406030204" pitchFamily="18" charset="0"/>
                              <a:ea typeface="+mn-ea"/>
                              <a:cs typeface="+mn-cs"/>
                            </a:rPr>
                            <m:t>Sensitivity</m:t>
                          </m:r>
                          <m:r>
                            <a:rPr lang="en-GB" sz="1764" b="0" i="0" kern="1200" smtClean="0">
                              <a:solidFill>
                                <a:schemeClr val="tx1"/>
                              </a:solidFill>
                              <a:latin typeface="Cambria Math" panose="02040503050406030204" pitchFamily="18" charset="0"/>
                              <a:ea typeface="+mn-ea"/>
                              <a:cs typeface="+mn-cs"/>
                            </a:rPr>
                            <m:t>=</m:t>
                          </m:r>
                          <m:r>
                            <m:rPr>
                              <m:sty m:val="p"/>
                            </m:rPr>
                            <a:rPr lang="en-GB" sz="1764" kern="1200">
                              <a:solidFill>
                                <a:schemeClr val="tx1"/>
                              </a:solidFill>
                              <a:latin typeface="Cambria Math" panose="02040503050406030204" pitchFamily="18" charset="0"/>
                              <a:ea typeface="+mn-ea"/>
                              <a:cs typeface="+mn-cs"/>
                            </a:rPr>
                            <m:t>Δ</m:t>
                          </m:r>
                        </m:e>
                        <m:sub>
                          <m:r>
                            <m:rPr>
                              <m:nor/>
                            </m:rPr>
                            <a:rPr lang="en-GB" sz="1764" kern="1200" dirty="0">
                              <a:solidFill>
                                <a:schemeClr val="tx1"/>
                              </a:solidFill>
                              <a:latin typeface="+mn-lt"/>
                              <a:ea typeface="+mn-ea"/>
                              <a:cs typeface="+mn-cs"/>
                            </a:rPr>
                            <m:t>▲</m:t>
                          </m:r>
                          <m:r>
                            <a:rPr lang="en-GB" sz="1764" i="1" kern="1200">
                              <a:solidFill>
                                <a:schemeClr val="tx1"/>
                              </a:solidFill>
                              <a:latin typeface="Cambria Math" panose="02040503050406030204" pitchFamily="18" charset="0"/>
                              <a:ea typeface="+mn-ea"/>
                              <a:cs typeface="+mn-cs"/>
                            </a:rPr>
                            <m:t>𝑀𝑎𝑥</m:t>
                          </m:r>
                          <m:r>
                            <a:rPr lang="en-GB" sz="1764" i="1" kern="1200">
                              <a:solidFill>
                                <a:schemeClr val="tx1"/>
                              </a:solidFill>
                              <a:latin typeface="Cambria Math" panose="02040503050406030204" pitchFamily="18" charset="0"/>
                              <a:ea typeface="+mn-ea"/>
                              <a:cs typeface="+mn-cs"/>
                            </a:rPr>
                            <m:t>−</m:t>
                          </m:r>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𝑒𝑑𝑖𝑎𝑛</m:t>
                          </m:r>
                        </m:sub>
                      </m:sSub>
                      <m:r>
                        <a:rPr lang="en-GB" sz="1764" kern="1200">
                          <a:solidFill>
                            <a:schemeClr val="tx1"/>
                          </a:solidFill>
                          <a:latin typeface="Cambria Math" panose="02040503050406030204" pitchFamily="18" charset="0"/>
                          <a:ea typeface="+mn-ea"/>
                          <a:cs typeface="+mn-cs"/>
                        </a:rPr>
                        <m:t>=</m:t>
                      </m:r>
                      <m:f>
                        <m:fPr>
                          <m:ctrlPr>
                            <a:rPr lang="en-GB" sz="1764" i="1" kern="1200">
                              <a:solidFill>
                                <a:schemeClr val="tx1"/>
                              </a:solidFill>
                              <a:latin typeface="Cambria Math" panose="02040503050406030204" pitchFamily="18" charset="0"/>
                              <a:ea typeface="+mn-ea"/>
                              <a:cs typeface="+mn-cs"/>
                            </a:rPr>
                          </m:ctrlPr>
                        </m:fPr>
                        <m:num>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𝑎𝑥</m:t>
                          </m:r>
                          <m:r>
                            <a:rPr lang="en-GB" sz="1764" i="1" kern="1200" dirty="0">
                              <a:solidFill>
                                <a:schemeClr val="tx1"/>
                              </a:solidFill>
                              <a:latin typeface="Cambria Math" panose="02040503050406030204" pitchFamily="18" charset="0"/>
                              <a:ea typeface="+mn-ea"/>
                              <a:cs typeface="+mn-cs"/>
                            </a:rPr>
                            <m:t> −</m:t>
                          </m:r>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𝑒𝑑𝑖𝑎𝑛</m:t>
                          </m:r>
                        </m:num>
                        <m:den>
                          <m:sSub>
                            <m:sSubPr>
                              <m:ctrlPr>
                                <a:rPr lang="en-GB" sz="1764" i="1" kern="1200">
                                  <a:solidFill>
                                    <a:schemeClr val="tx1"/>
                                  </a:solidFill>
                                  <a:latin typeface="Cambria Math" panose="02040503050406030204" pitchFamily="18" charset="0"/>
                                  <a:ea typeface="+mn-ea"/>
                                  <a:cs typeface="+mn-cs"/>
                                </a:rPr>
                              </m:ctrlPr>
                            </m:sSubPr>
                            <m:e>
                              <m:d>
                                <m:dPr>
                                  <m:begChr m:val="|"/>
                                  <m:endChr m:val="|"/>
                                  <m:ctrlPr>
                                    <a:rPr lang="en-GB" sz="1764" i="1" kern="1200">
                                      <a:solidFill>
                                        <a:schemeClr val="tx1"/>
                                      </a:solidFill>
                                      <a:latin typeface="Cambria Math" panose="02040503050406030204" pitchFamily="18" charset="0"/>
                                      <a:ea typeface="+mn-ea"/>
                                      <a:cs typeface="+mn-cs"/>
                                    </a:rPr>
                                  </m:ctrlPr>
                                </m:dPr>
                                <m:e>
                                  <m:d>
                                    <m:dPr>
                                      <m:begChr m:val="|"/>
                                      <m:endChr m:val="|"/>
                                      <m:ctrlPr>
                                        <a:rPr lang="en-GB" sz="1764" i="1" kern="1200">
                                          <a:solidFill>
                                            <a:schemeClr val="tx1"/>
                                          </a:solidFill>
                                          <a:latin typeface="Cambria Math" panose="02040503050406030204" pitchFamily="18" charset="0"/>
                                          <a:ea typeface="+mn-ea"/>
                                          <a:cs typeface="+mn-cs"/>
                                        </a:rPr>
                                      </m:ctrlPr>
                                    </m:dPr>
                                    <m:e>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𝑎𝑥</m:t>
                                      </m:r>
                                      <m:r>
                                        <a:rPr lang="en-GB" sz="1764" i="1" kern="1200" dirty="0">
                                          <a:solidFill>
                                            <a:schemeClr val="tx1"/>
                                          </a:solidFill>
                                          <a:latin typeface="Cambria Math" panose="02040503050406030204" pitchFamily="18" charset="0"/>
                                          <a:ea typeface="+mn-ea"/>
                                          <a:cs typeface="+mn-cs"/>
                                        </a:rPr>
                                        <m:t> −</m:t>
                                      </m:r>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𝑒𝑑𝑖𝑎𝑛</m:t>
                                      </m:r>
                                    </m:e>
                                  </m:d>
                                </m:e>
                              </m:d>
                            </m:e>
                            <m:sub>
                              <m:r>
                                <a:rPr lang="en-GB" sz="1764" i="1" kern="1200">
                                  <a:solidFill>
                                    <a:schemeClr val="tx1"/>
                                  </a:solidFill>
                                  <a:latin typeface="Cambria Math" panose="02040503050406030204" pitchFamily="18" charset="0"/>
                                  <a:ea typeface="+mn-ea"/>
                                  <a:cs typeface="+mn-cs"/>
                                </a:rPr>
                                <m:t>2</m:t>
                              </m:r>
                            </m:sub>
                          </m:sSub>
                        </m:den>
                      </m:f>
                      <m:r>
                        <a:rPr lang="en-GB" sz="1764" kern="1200">
                          <a:solidFill>
                            <a:schemeClr val="tx1"/>
                          </a:solidFill>
                          <a:latin typeface="Cambria Math" panose="02040503050406030204" pitchFamily="18" charset="0"/>
                          <a:ea typeface="+mn-ea"/>
                          <a:cs typeface="+mn-cs"/>
                        </a:rPr>
                        <m:t>,</m:t>
                      </m:r>
                    </m:oMath>
                  </m:oMathPara>
                </a14:m>
                <a:endParaRPr lang="en-GB" dirty="0"/>
              </a:p>
            </p:txBody>
          </p:sp>
        </mc:Choice>
        <mc:Fallback xmlns="">
          <p:sp>
            <p:nvSpPr>
              <p:cNvPr id="9" name="TextBox 8">
                <a:extLst>
                  <a:ext uri="{FF2B5EF4-FFF2-40B4-BE49-F238E27FC236}">
                    <a16:creationId xmlns:a16="http://schemas.microsoft.com/office/drawing/2014/main" id="{2ACD3E5C-80BC-D36E-A6B8-4C3F289A2935}"/>
                  </a:ext>
                </a:extLst>
              </p:cNvPr>
              <p:cNvSpPr txBox="1">
                <a:spLocks noRot="1" noChangeAspect="1" noMove="1" noResize="1" noEditPoints="1" noAdjustHandles="1" noChangeArrowheads="1" noChangeShapeType="1" noTextEdit="1"/>
              </p:cNvSpPr>
              <p:nvPr/>
            </p:nvSpPr>
            <p:spPr>
              <a:xfrm>
                <a:off x="2253089" y="3995158"/>
                <a:ext cx="6763157" cy="719492"/>
              </a:xfrm>
              <a:prstGeom prst="rect">
                <a:avLst/>
              </a:prstGeom>
              <a:blipFill>
                <a:blip r:embed="rId4"/>
                <a:stretch>
                  <a:fillRect/>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020CE43C-11C1-5D0E-DD0B-B96435AA9356}"/>
                  </a:ext>
                </a:extLst>
              </p:cNvPr>
              <p:cNvSpPr txBox="1"/>
              <p:nvPr/>
            </p:nvSpPr>
            <p:spPr>
              <a:xfrm>
                <a:off x="2416673" y="5168218"/>
                <a:ext cx="6435987" cy="719492"/>
              </a:xfrm>
              <a:prstGeom prst="rect">
                <a:avLst/>
              </a:prstGeom>
              <a:noFill/>
            </p:spPr>
            <p:txBody>
              <a:bodyPr wrap="square" lIns="0" tIns="0" rIns="0" bIns="0" rtlCol="0">
                <a:spAutoFit/>
              </a:bodyPr>
              <a:lstStyle/>
              <a:p>
                <a:pPr defTabSz="896112">
                  <a:spcAft>
                    <a:spcPts val="600"/>
                  </a:spcAft>
                </a:pPr>
                <a14:m>
                  <m:oMathPara xmlns:m="http://schemas.openxmlformats.org/officeDocument/2006/math">
                    <m:oMathParaPr>
                      <m:jc m:val="centerGroup"/>
                    </m:oMathParaPr>
                    <m:oMath xmlns:m="http://schemas.openxmlformats.org/officeDocument/2006/math">
                      <m:sSub>
                        <m:sSubPr>
                          <m:ctrlPr>
                            <a:rPr lang="en-GB" sz="1764" i="1" kern="1200" smtClean="0">
                              <a:solidFill>
                                <a:schemeClr val="tx1"/>
                              </a:solidFill>
                              <a:latin typeface="Cambria Math" panose="02040503050406030204" pitchFamily="18" charset="0"/>
                              <a:ea typeface="+mn-ea"/>
                              <a:cs typeface="+mn-cs"/>
                            </a:rPr>
                          </m:ctrlPr>
                        </m:sSubPr>
                        <m:e>
                          <m:r>
                            <m:rPr>
                              <m:sty m:val="p"/>
                            </m:rPr>
                            <a:rPr lang="en-GB" sz="1764" b="0" i="0" kern="1200" smtClean="0">
                              <a:solidFill>
                                <a:schemeClr val="tx1"/>
                              </a:solidFill>
                              <a:latin typeface="Cambria Math" panose="02040503050406030204" pitchFamily="18" charset="0"/>
                              <a:ea typeface="+mn-ea"/>
                              <a:cs typeface="+mn-cs"/>
                            </a:rPr>
                            <m:t>Sensitivity</m:t>
                          </m:r>
                          <m:r>
                            <a:rPr lang="en-GB" sz="1764" b="0" i="0" kern="1200" smtClean="0">
                              <a:solidFill>
                                <a:schemeClr val="tx1"/>
                              </a:solidFill>
                              <a:latin typeface="Cambria Math" panose="02040503050406030204" pitchFamily="18" charset="0"/>
                              <a:ea typeface="+mn-ea"/>
                              <a:cs typeface="+mn-cs"/>
                            </a:rPr>
                            <m:t>=</m:t>
                          </m:r>
                          <m:r>
                            <m:rPr>
                              <m:sty m:val="p"/>
                            </m:rPr>
                            <a:rPr lang="en-GB" sz="1764" kern="1200">
                              <a:solidFill>
                                <a:schemeClr val="tx1"/>
                              </a:solidFill>
                              <a:latin typeface="Cambria Math" panose="02040503050406030204" pitchFamily="18" charset="0"/>
                              <a:ea typeface="+mn-ea"/>
                              <a:cs typeface="+mn-cs"/>
                            </a:rPr>
                            <m:t>Δ</m:t>
                          </m:r>
                        </m:e>
                        <m:sub>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𝑒𝑑𝑖𝑎𝑛</m:t>
                          </m:r>
                          <m:r>
                            <a:rPr lang="en-GB" sz="1764" i="1" kern="1200">
                              <a:solidFill>
                                <a:schemeClr val="tx1"/>
                              </a:solidFill>
                              <a:latin typeface="Cambria Math" panose="02040503050406030204" pitchFamily="18" charset="0"/>
                              <a:ea typeface="+mn-ea"/>
                              <a:cs typeface="+mn-cs"/>
                            </a:rPr>
                            <m:t>−</m:t>
                          </m:r>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𝑖𝑛</m:t>
                          </m:r>
                        </m:sub>
                      </m:sSub>
                      <m:r>
                        <a:rPr lang="en-GB" sz="1764" kern="1200">
                          <a:solidFill>
                            <a:schemeClr val="tx1"/>
                          </a:solidFill>
                          <a:latin typeface="Cambria Math" panose="02040503050406030204" pitchFamily="18" charset="0"/>
                          <a:ea typeface="+mn-ea"/>
                          <a:cs typeface="+mn-cs"/>
                        </a:rPr>
                        <m:t>=</m:t>
                      </m:r>
                      <m:f>
                        <m:fPr>
                          <m:ctrlPr>
                            <a:rPr lang="en-GB" sz="1764" i="1" kern="1200">
                              <a:solidFill>
                                <a:schemeClr val="tx1"/>
                              </a:solidFill>
                              <a:latin typeface="Cambria Math" panose="02040503050406030204" pitchFamily="18" charset="0"/>
                              <a:ea typeface="+mn-ea"/>
                              <a:cs typeface="+mn-cs"/>
                            </a:rPr>
                          </m:ctrlPr>
                        </m:fPr>
                        <m:num>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𝑒𝑑𝑖𝑎𝑛</m:t>
                          </m:r>
                          <m:r>
                            <a:rPr lang="en-GB" sz="1764" i="1" kern="1200" dirty="0">
                              <a:solidFill>
                                <a:schemeClr val="tx1"/>
                              </a:solidFill>
                              <a:latin typeface="Cambria Math" panose="02040503050406030204" pitchFamily="18" charset="0"/>
                              <a:ea typeface="+mn-ea"/>
                              <a:cs typeface="+mn-cs"/>
                            </a:rPr>
                            <m:t> −</m:t>
                          </m:r>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𝑖𝑛</m:t>
                          </m:r>
                        </m:num>
                        <m:den>
                          <m:sSub>
                            <m:sSubPr>
                              <m:ctrlPr>
                                <a:rPr lang="en-GB" sz="1764" i="1" kern="1200">
                                  <a:solidFill>
                                    <a:schemeClr val="tx1"/>
                                  </a:solidFill>
                                  <a:latin typeface="Cambria Math" panose="02040503050406030204" pitchFamily="18" charset="0"/>
                                  <a:ea typeface="+mn-ea"/>
                                  <a:cs typeface="+mn-cs"/>
                                </a:rPr>
                              </m:ctrlPr>
                            </m:sSubPr>
                            <m:e>
                              <m:d>
                                <m:dPr>
                                  <m:begChr m:val="|"/>
                                  <m:endChr m:val="|"/>
                                  <m:ctrlPr>
                                    <a:rPr lang="en-GB" sz="1764" i="1" kern="1200">
                                      <a:solidFill>
                                        <a:schemeClr val="tx1"/>
                                      </a:solidFill>
                                      <a:latin typeface="Cambria Math" panose="02040503050406030204" pitchFamily="18" charset="0"/>
                                      <a:ea typeface="+mn-ea"/>
                                      <a:cs typeface="+mn-cs"/>
                                    </a:rPr>
                                  </m:ctrlPr>
                                </m:dPr>
                                <m:e>
                                  <m:d>
                                    <m:dPr>
                                      <m:begChr m:val="|"/>
                                      <m:endChr m:val="|"/>
                                      <m:ctrlPr>
                                        <a:rPr lang="en-GB" sz="1764" i="1" kern="1200">
                                          <a:solidFill>
                                            <a:schemeClr val="tx1"/>
                                          </a:solidFill>
                                          <a:latin typeface="Cambria Math" panose="02040503050406030204" pitchFamily="18" charset="0"/>
                                          <a:ea typeface="+mn-ea"/>
                                          <a:cs typeface="+mn-cs"/>
                                        </a:rPr>
                                      </m:ctrlPr>
                                    </m:dPr>
                                    <m:e>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𝑒𝑑𝑖𝑎𝑛</m:t>
                                      </m:r>
                                      <m:r>
                                        <a:rPr lang="en-GB" sz="1764" i="1" kern="1200" dirty="0">
                                          <a:solidFill>
                                            <a:schemeClr val="tx1"/>
                                          </a:solidFill>
                                          <a:latin typeface="Cambria Math" panose="02040503050406030204" pitchFamily="18" charset="0"/>
                                          <a:ea typeface="+mn-ea"/>
                                          <a:cs typeface="+mn-cs"/>
                                        </a:rPr>
                                        <m:t> −</m:t>
                                      </m:r>
                                      <m:r>
                                        <m:rPr>
                                          <m:nor/>
                                        </m:rPr>
                                        <a:rPr lang="en-GB" sz="1764" kern="1200" dirty="0">
                                          <a:solidFill>
                                            <a:schemeClr val="tx1"/>
                                          </a:solidFill>
                                          <a:latin typeface="+mn-lt"/>
                                          <a:ea typeface="+mn-ea"/>
                                          <a:cs typeface="+mn-cs"/>
                                        </a:rPr>
                                        <m:t>▲</m:t>
                                      </m:r>
                                      <m:r>
                                        <a:rPr lang="en-GB" sz="1764" i="1" kern="1200" dirty="0">
                                          <a:solidFill>
                                            <a:schemeClr val="tx1"/>
                                          </a:solidFill>
                                          <a:latin typeface="Cambria Math" panose="02040503050406030204" pitchFamily="18" charset="0"/>
                                          <a:ea typeface="+mn-ea"/>
                                          <a:cs typeface="+mn-cs"/>
                                        </a:rPr>
                                        <m:t>𝑀𝑖𝑛</m:t>
                                      </m:r>
                                    </m:e>
                                  </m:d>
                                </m:e>
                              </m:d>
                            </m:e>
                            <m:sub>
                              <m:r>
                                <a:rPr lang="en-GB" sz="1764" i="1" kern="1200">
                                  <a:solidFill>
                                    <a:schemeClr val="tx1"/>
                                  </a:solidFill>
                                  <a:latin typeface="Cambria Math" panose="02040503050406030204" pitchFamily="18" charset="0"/>
                                  <a:ea typeface="+mn-ea"/>
                                  <a:cs typeface="+mn-cs"/>
                                </a:rPr>
                                <m:t>2</m:t>
                              </m:r>
                            </m:sub>
                          </m:sSub>
                        </m:den>
                      </m:f>
                      <m:r>
                        <a:rPr lang="en-GB" sz="1764" kern="1200">
                          <a:solidFill>
                            <a:schemeClr val="tx1"/>
                          </a:solidFill>
                          <a:latin typeface="Cambria Math" panose="02040503050406030204" pitchFamily="18" charset="0"/>
                          <a:ea typeface="+mn-ea"/>
                          <a:cs typeface="+mn-cs"/>
                        </a:rPr>
                        <m:t>.</m:t>
                      </m:r>
                    </m:oMath>
                  </m:oMathPara>
                </a14:m>
                <a:endParaRPr lang="en-GB" dirty="0"/>
              </a:p>
            </p:txBody>
          </p:sp>
        </mc:Choice>
        <mc:Fallback xmlns="">
          <p:sp>
            <p:nvSpPr>
              <p:cNvPr id="10" name="TextBox 9">
                <a:extLst>
                  <a:ext uri="{FF2B5EF4-FFF2-40B4-BE49-F238E27FC236}">
                    <a16:creationId xmlns:a16="http://schemas.microsoft.com/office/drawing/2014/main" id="{020CE43C-11C1-5D0E-DD0B-B96435AA9356}"/>
                  </a:ext>
                </a:extLst>
              </p:cNvPr>
              <p:cNvSpPr txBox="1">
                <a:spLocks noRot="1" noChangeAspect="1" noMove="1" noResize="1" noEditPoints="1" noAdjustHandles="1" noChangeArrowheads="1" noChangeShapeType="1" noTextEdit="1"/>
              </p:cNvSpPr>
              <p:nvPr/>
            </p:nvSpPr>
            <p:spPr>
              <a:xfrm>
                <a:off x="2416673" y="5168218"/>
                <a:ext cx="6435987" cy="719492"/>
              </a:xfrm>
              <a:prstGeom prst="rect">
                <a:avLst/>
              </a:prstGeom>
              <a:blipFill>
                <a:blip r:embed="rId5"/>
                <a:stretch>
                  <a:fillRect/>
                </a:stretch>
              </a:blipFill>
            </p:spPr>
            <p:txBody>
              <a:bodyPr/>
              <a:lstStyle/>
              <a:p>
                <a:r>
                  <a:rPr lang="en-GB">
                    <a:noFill/>
                  </a:rPr>
                  <a:t> </a:t>
                </a:r>
              </a:p>
            </p:txBody>
          </p:sp>
        </mc:Fallback>
      </mc:AlternateContent>
    </p:spTree>
    <p:custDataLst>
      <p:tags r:id="rId1"/>
    </p:custDataLst>
    <p:extLst>
      <p:ext uri="{BB962C8B-B14F-4D97-AF65-F5344CB8AC3E}">
        <p14:creationId xmlns:p14="http://schemas.microsoft.com/office/powerpoint/2010/main" val="320408787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urton | Placeholder | SlideID: 695 | ID: 2">
            <a:extLst>
              <a:ext uri="{FF2B5EF4-FFF2-40B4-BE49-F238E27FC236}">
                <a16:creationId xmlns:a16="http://schemas.microsoft.com/office/drawing/2014/main" id="{CBA7B5B9-95EE-401F-8F3E-07F15AA82ACE}"/>
              </a:ext>
            </a:extLst>
          </p:cNvPr>
          <p:cNvSpPr>
            <a:spLocks noGrp="1"/>
          </p:cNvSpPr>
          <p:nvPr>
            <p:ph type="body" sz="quarter" idx="13"/>
          </p:nvPr>
        </p:nvSpPr>
        <p:spPr/>
        <p:txBody>
          <a:bodyPr>
            <a:normAutofit/>
          </a:bodyPr>
          <a:lstStyle/>
          <a:p>
            <a:r>
              <a:rPr lang="en-GB" sz="4000" dirty="0"/>
              <a:t>Background</a:t>
            </a:r>
          </a:p>
        </p:txBody>
      </p:sp>
      <p:cxnSp>
        <p:nvCxnSpPr>
          <p:cNvPr id="5" name="Turton | Line | SlideID: 695 | ID: 3"/>
          <p:cNvCxnSpPr>
            <a:cxnSpLocks/>
          </p:cNvCxnSpPr>
          <p:nvPr/>
        </p:nvCxnSpPr>
        <p:spPr>
          <a:xfrm flipV="1">
            <a:off x="3551934" y="3509895"/>
            <a:ext cx="1686735" cy="0"/>
          </a:xfrm>
          <a:prstGeom prst="line">
            <a:avLst/>
          </a:prstGeom>
          <a:ln w="38100" cap="rnd">
            <a:solidFill>
              <a:schemeClr val="bg2"/>
            </a:solidFill>
            <a:headEnd type="oval"/>
          </a:ln>
        </p:spPr>
        <p:style>
          <a:lnRef idx="1">
            <a:schemeClr val="accent1"/>
          </a:lnRef>
          <a:fillRef idx="0">
            <a:schemeClr val="accent1"/>
          </a:fillRef>
          <a:effectRef idx="0">
            <a:schemeClr val="accent1"/>
          </a:effectRef>
          <a:fontRef idx="minor">
            <a:schemeClr val="tx1"/>
          </a:fontRef>
        </p:style>
      </p:cxnSp>
      <p:cxnSp>
        <p:nvCxnSpPr>
          <p:cNvPr id="6" name="Turton | Line | SlideID: 695 | ID: 4"/>
          <p:cNvCxnSpPr>
            <a:cxnSpLocks/>
          </p:cNvCxnSpPr>
          <p:nvPr/>
        </p:nvCxnSpPr>
        <p:spPr>
          <a:xfrm flipV="1">
            <a:off x="5238669" y="3509895"/>
            <a:ext cx="1686735" cy="0"/>
          </a:xfrm>
          <a:prstGeom prst="line">
            <a:avLst/>
          </a:prstGeom>
          <a:ln w="38100" cap="rnd">
            <a:solidFill>
              <a:schemeClr val="bg2"/>
            </a:solidFill>
            <a:headEnd type="oval"/>
          </a:ln>
        </p:spPr>
        <p:style>
          <a:lnRef idx="1">
            <a:schemeClr val="accent1"/>
          </a:lnRef>
          <a:fillRef idx="0">
            <a:schemeClr val="accent1"/>
          </a:fillRef>
          <a:effectRef idx="0">
            <a:schemeClr val="accent1"/>
          </a:effectRef>
          <a:fontRef idx="minor">
            <a:schemeClr val="tx1"/>
          </a:fontRef>
        </p:style>
      </p:cxnSp>
      <p:cxnSp>
        <p:nvCxnSpPr>
          <p:cNvPr id="7" name="Turton | Line | SlideID: 695 | ID: 5"/>
          <p:cNvCxnSpPr>
            <a:cxnSpLocks/>
          </p:cNvCxnSpPr>
          <p:nvPr/>
        </p:nvCxnSpPr>
        <p:spPr>
          <a:xfrm flipV="1">
            <a:off x="6927693" y="3509895"/>
            <a:ext cx="1686735" cy="0"/>
          </a:xfrm>
          <a:prstGeom prst="line">
            <a:avLst/>
          </a:prstGeom>
          <a:ln w="38100" cap="rnd">
            <a:solidFill>
              <a:schemeClr val="bg2"/>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8" name="Turton | Autoshape | SlideID: 695 | ID: 6"/>
          <p:cNvSpPr>
            <a:spLocks/>
          </p:cNvSpPr>
          <p:nvPr/>
        </p:nvSpPr>
        <p:spPr>
          <a:xfrm>
            <a:off x="3107243" y="2115901"/>
            <a:ext cx="940664" cy="940664"/>
          </a:xfrm>
          <a:prstGeom prst="ellipse">
            <a:avLst/>
          </a:prstGeom>
          <a:solidFill>
            <a:schemeClr val="accent4"/>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a:solidFill>
                  <a:srgbClr val="FFFFFF"/>
                </a:solidFill>
                <a:latin typeface="Arial" panose="020B0604020202020204" pitchFamily="34" charset="0"/>
              </a:rPr>
              <a:t>1</a:t>
            </a:r>
            <a:endParaRPr lang="en-GB" sz="3629" dirty="0">
              <a:solidFill>
                <a:srgbClr val="FFFFFF"/>
              </a:solidFill>
              <a:latin typeface="Arial" panose="020B0604020202020204" pitchFamily="34" charset="0"/>
            </a:endParaRPr>
          </a:p>
        </p:txBody>
      </p:sp>
      <p:sp>
        <p:nvSpPr>
          <p:cNvPr id="9" name="Turton | Autoshape | SlideID: 695 | ID: 7"/>
          <p:cNvSpPr>
            <a:spLocks/>
          </p:cNvSpPr>
          <p:nvPr/>
        </p:nvSpPr>
        <p:spPr>
          <a:xfrm>
            <a:off x="4768336" y="2115901"/>
            <a:ext cx="940664" cy="940664"/>
          </a:xfrm>
          <a:prstGeom prst="ellipse">
            <a:avLst/>
          </a:prstGeom>
          <a:solidFill>
            <a:schemeClr val="bg1"/>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a:solidFill>
                  <a:srgbClr val="C9CAC8"/>
                </a:solidFill>
                <a:latin typeface="Arial" panose="020B0604020202020204" pitchFamily="34" charset="0"/>
              </a:rPr>
              <a:t>2</a:t>
            </a:r>
            <a:endParaRPr lang="en-GB" sz="3629" dirty="0">
              <a:solidFill>
                <a:srgbClr val="C9CAC8"/>
              </a:solidFill>
              <a:latin typeface="Arial" panose="020B0604020202020204" pitchFamily="34" charset="0"/>
            </a:endParaRPr>
          </a:p>
        </p:txBody>
      </p:sp>
      <p:sp>
        <p:nvSpPr>
          <p:cNvPr id="10" name="Turton | Autoshape | SlideID: 695 | ID: 8"/>
          <p:cNvSpPr>
            <a:spLocks/>
          </p:cNvSpPr>
          <p:nvPr/>
        </p:nvSpPr>
        <p:spPr>
          <a:xfrm>
            <a:off x="6429429" y="2115901"/>
            <a:ext cx="940664" cy="940664"/>
          </a:xfrm>
          <a:prstGeom prst="ellipse">
            <a:avLst/>
          </a:prstGeom>
          <a:solidFill>
            <a:schemeClr val="bg1"/>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dirty="0">
                <a:solidFill>
                  <a:srgbClr val="C9CAC8"/>
                </a:solidFill>
                <a:latin typeface="Arial" panose="020B0604020202020204" pitchFamily="34" charset="0"/>
              </a:rPr>
              <a:t>3</a:t>
            </a:r>
          </a:p>
        </p:txBody>
      </p:sp>
      <p:sp>
        <p:nvSpPr>
          <p:cNvPr id="3" name="Turton | Autoshape | SlideID: 695 | ID: 8">
            <a:extLst>
              <a:ext uri="{FF2B5EF4-FFF2-40B4-BE49-F238E27FC236}">
                <a16:creationId xmlns:a16="http://schemas.microsoft.com/office/drawing/2014/main" id="{9A015661-163A-81FF-606F-8D144053169E}"/>
              </a:ext>
            </a:extLst>
          </p:cNvPr>
          <p:cNvSpPr>
            <a:spLocks/>
          </p:cNvSpPr>
          <p:nvPr/>
        </p:nvSpPr>
        <p:spPr>
          <a:xfrm>
            <a:off x="8181674" y="2115901"/>
            <a:ext cx="940664" cy="940664"/>
          </a:xfrm>
          <a:prstGeom prst="ellipse">
            <a:avLst/>
          </a:prstGeom>
          <a:solidFill>
            <a:schemeClr val="bg1"/>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dirty="0">
                <a:solidFill>
                  <a:srgbClr val="C9CAC8"/>
                </a:solidFill>
                <a:latin typeface="Arial" panose="020B0604020202020204" pitchFamily="34" charset="0"/>
              </a:rPr>
              <a:t>4</a:t>
            </a:r>
          </a:p>
        </p:txBody>
      </p:sp>
    </p:spTree>
    <p:custDataLst>
      <p:tags r:id="rId1"/>
    </p:custDataLst>
    <p:extLst>
      <p:ext uri="{BB962C8B-B14F-4D97-AF65-F5344CB8AC3E}">
        <p14:creationId xmlns:p14="http://schemas.microsoft.com/office/powerpoint/2010/main" val="181671702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1" name="Rectangle 30">
            <a:extLst>
              <a:ext uri="{FF2B5EF4-FFF2-40B4-BE49-F238E27FC236}">
                <a16:creationId xmlns:a16="http://schemas.microsoft.com/office/drawing/2014/main" id="{6F79B0DD-2C63-4EE5-804F-B8E391FC1E4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137" y="0"/>
            <a:ext cx="12192000" cy="6858000"/>
          </a:xfrm>
          <a:prstGeom prst="rect">
            <a:avLst/>
          </a:prstGeom>
          <a:solidFill>
            <a:schemeClr val="bg1">
              <a:lumMod val="75000"/>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32">
            <a:extLst>
              <a:ext uri="{FF2B5EF4-FFF2-40B4-BE49-F238E27FC236}">
                <a16:creationId xmlns:a16="http://schemas.microsoft.com/office/drawing/2014/main" id="{627DB8AB-CD55-4C8F-9043-52652B89231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43466" y="643466"/>
            <a:ext cx="5364255" cy="2706794"/>
          </a:xfrm>
          <a:prstGeom prst="rect">
            <a:avLst/>
          </a:prstGeom>
          <a:solidFill>
            <a:srgbClr val="FFFFFF"/>
          </a:solidFill>
          <a:ln w="9525">
            <a:noFill/>
          </a:ln>
          <a:effectLst>
            <a:outerShdw blurRad="63500" dist="17780" dir="5400000" algn="t" rotWithShape="0">
              <a:prstClr val="black">
                <a:alpha val="4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Picture 6">
            <a:extLst>
              <a:ext uri="{FF2B5EF4-FFF2-40B4-BE49-F238E27FC236}">
                <a16:creationId xmlns:a16="http://schemas.microsoft.com/office/drawing/2014/main" id="{7A18B6F8-543E-EF6A-5234-B3165055FCDC}"/>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965201" y="1128568"/>
            <a:ext cx="4720150" cy="1733560"/>
          </a:xfrm>
          <a:prstGeom prst="rect">
            <a:avLst/>
          </a:prstGeom>
        </p:spPr>
      </p:pic>
      <p:sp>
        <p:nvSpPr>
          <p:cNvPr id="35" name="Rectangle 34">
            <a:extLst>
              <a:ext uri="{FF2B5EF4-FFF2-40B4-BE49-F238E27FC236}">
                <a16:creationId xmlns:a16="http://schemas.microsoft.com/office/drawing/2014/main" id="{53059C5A-91CB-4024-9B4E-20082E25C7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168589" y="643466"/>
            <a:ext cx="5376806" cy="2706794"/>
          </a:xfrm>
          <a:prstGeom prst="rect">
            <a:avLst/>
          </a:prstGeom>
          <a:solidFill>
            <a:srgbClr val="FFFFFF"/>
          </a:solidFill>
          <a:ln w="9525">
            <a:noFill/>
          </a:ln>
          <a:effectLst>
            <a:outerShdw blurRad="63500" dist="17780" dir="5400000" algn="t" rotWithShape="0">
              <a:prstClr val="black">
                <a:alpha val="4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descr="A graph showing different colored lines&#10;&#10;Description automatically generated with medium confidence">
            <a:extLst>
              <a:ext uri="{FF2B5EF4-FFF2-40B4-BE49-F238E27FC236}">
                <a16:creationId xmlns:a16="http://schemas.microsoft.com/office/drawing/2014/main" id="{DBCC0082-516D-4655-5B0C-A563AB38FC9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489680" y="1113645"/>
            <a:ext cx="4733982" cy="1763407"/>
          </a:xfrm>
          <a:prstGeom prst="rect">
            <a:avLst/>
          </a:prstGeom>
        </p:spPr>
      </p:pic>
      <p:sp>
        <p:nvSpPr>
          <p:cNvPr id="37" name="Rectangle 36">
            <a:extLst>
              <a:ext uri="{FF2B5EF4-FFF2-40B4-BE49-F238E27FC236}">
                <a16:creationId xmlns:a16="http://schemas.microsoft.com/office/drawing/2014/main" id="{184884BF-A898-4EFF-9504-E13EBE3FF62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43466" y="3514513"/>
            <a:ext cx="5364255" cy="2703406"/>
          </a:xfrm>
          <a:prstGeom prst="rect">
            <a:avLst/>
          </a:prstGeom>
          <a:solidFill>
            <a:srgbClr val="FFFFFF"/>
          </a:solidFill>
          <a:ln w="9525">
            <a:noFill/>
          </a:ln>
          <a:effectLst>
            <a:outerShdw blurRad="63500" dist="17780" dir="5400000" algn="t" rotWithShape="0">
              <a:prstClr val="black">
                <a:alpha val="4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descr="A graph showing a graph showing a graph showing a graph showing a graph showing a graph showing a graph showing a graph showing a graph showing a graph showing a graph showing a graph showing a graph showing&#10;&#10;Description automatically generated">
            <a:extLst>
              <a:ext uri="{FF2B5EF4-FFF2-40B4-BE49-F238E27FC236}">
                <a16:creationId xmlns:a16="http://schemas.microsoft.com/office/drawing/2014/main" id="{DB1E8CF0-B5B2-5625-AEC7-11DDD0A3AA47}"/>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65201" y="3996527"/>
            <a:ext cx="4733982" cy="1739737"/>
          </a:xfrm>
          <a:prstGeom prst="rect">
            <a:avLst/>
          </a:prstGeom>
        </p:spPr>
      </p:pic>
      <p:sp>
        <p:nvSpPr>
          <p:cNvPr id="39" name="Rectangle 38">
            <a:extLst>
              <a:ext uri="{FF2B5EF4-FFF2-40B4-BE49-F238E27FC236}">
                <a16:creationId xmlns:a16="http://schemas.microsoft.com/office/drawing/2014/main" id="{7B32D337-FDA6-4468-ADB1-7038E5FC0BA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168589" y="3514513"/>
            <a:ext cx="5376806" cy="2706794"/>
          </a:xfrm>
          <a:prstGeom prst="rect">
            <a:avLst/>
          </a:prstGeom>
          <a:solidFill>
            <a:srgbClr val="FFFFFF"/>
          </a:solidFill>
          <a:ln w="9525">
            <a:noFill/>
          </a:ln>
          <a:effectLst>
            <a:outerShdw blurRad="63500" dist="17780" dir="5400000" algn="t" rotWithShape="0">
              <a:prstClr val="black">
                <a:alpha val="4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Box 16">
            <a:extLst>
              <a:ext uri="{FF2B5EF4-FFF2-40B4-BE49-F238E27FC236}">
                <a16:creationId xmlns:a16="http://schemas.microsoft.com/office/drawing/2014/main" id="{DB1473BB-ED3D-5B19-2B54-D5CF62D47672}"/>
              </a:ext>
            </a:extLst>
          </p:cNvPr>
          <p:cNvSpPr txBox="1"/>
          <p:nvPr/>
        </p:nvSpPr>
        <p:spPr>
          <a:xfrm>
            <a:off x="162152" y="172901"/>
            <a:ext cx="2931444"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solidFill>
                  <a:prstClr val="black"/>
                </a:solidFill>
                <a:effectLst/>
                <a:uLnTx/>
                <a:uFillTx/>
                <a:latin typeface="Arial" panose="020B0604020202020204"/>
                <a:ea typeface="+mn-ea"/>
                <a:cs typeface="+mn-cs"/>
              </a:rPr>
              <a:t>Data Visualisation:</a:t>
            </a:r>
          </a:p>
        </p:txBody>
      </p:sp>
      <p:pic>
        <p:nvPicPr>
          <p:cNvPr id="18" name="Picture 17" descr="A graph of a graph showing a line&#10;&#10;Description automatically generated with medium confidence">
            <a:extLst>
              <a:ext uri="{FF2B5EF4-FFF2-40B4-BE49-F238E27FC236}">
                <a16:creationId xmlns:a16="http://schemas.microsoft.com/office/drawing/2014/main" id="{8E9011C6-5A05-1C4D-AEC9-A8A07130118F}"/>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489680" y="3978009"/>
            <a:ext cx="4720150" cy="1758255"/>
          </a:xfrm>
          <a:prstGeom prst="rect">
            <a:avLst/>
          </a:prstGeom>
        </p:spPr>
      </p:pic>
    </p:spTree>
    <p:custDataLst>
      <p:tags r:id="rId1"/>
    </p:custDataLst>
    <p:extLst>
      <p:ext uri="{BB962C8B-B14F-4D97-AF65-F5344CB8AC3E}">
        <p14:creationId xmlns:p14="http://schemas.microsoft.com/office/powerpoint/2010/main" val="366695868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4" name="Rectangle 43">
            <a:extLst>
              <a:ext uri="{FF2B5EF4-FFF2-40B4-BE49-F238E27FC236}">
                <a16:creationId xmlns:a16="http://schemas.microsoft.com/office/drawing/2014/main" id="{6F79B0DD-2C63-4EE5-804F-B8E391FC1E4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137" y="0"/>
            <a:ext cx="12192000" cy="6858000"/>
          </a:xfrm>
          <a:prstGeom prst="rect">
            <a:avLst/>
          </a:prstGeom>
          <a:solidFill>
            <a:schemeClr val="bg1">
              <a:lumMod val="75000"/>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Rectangle 45">
            <a:extLst>
              <a:ext uri="{FF2B5EF4-FFF2-40B4-BE49-F238E27FC236}">
                <a16:creationId xmlns:a16="http://schemas.microsoft.com/office/drawing/2014/main" id="{627DB8AB-CD55-4C8F-9043-52652B89231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43466" y="643466"/>
            <a:ext cx="5364255" cy="2706794"/>
          </a:xfrm>
          <a:prstGeom prst="rect">
            <a:avLst/>
          </a:prstGeom>
          <a:solidFill>
            <a:srgbClr val="FFFFFF"/>
          </a:solidFill>
          <a:ln w="9525">
            <a:noFill/>
          </a:ln>
          <a:effectLst>
            <a:outerShdw blurRad="63500" dist="17780" dir="5400000" algn="t" rotWithShape="0">
              <a:prstClr val="black">
                <a:alpha val="4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descr="A close-up of several lines&#10;&#10;Description automatically generated">
            <a:extLst>
              <a:ext uri="{FF2B5EF4-FFF2-40B4-BE49-F238E27FC236}">
                <a16:creationId xmlns:a16="http://schemas.microsoft.com/office/drawing/2014/main" id="{1D343501-BAA2-9357-32A7-16C107F3190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65201" y="1116221"/>
            <a:ext cx="4720150" cy="1758255"/>
          </a:xfrm>
          <a:prstGeom prst="rect">
            <a:avLst/>
          </a:prstGeom>
        </p:spPr>
      </p:pic>
      <p:sp>
        <p:nvSpPr>
          <p:cNvPr id="48" name="Rectangle 47">
            <a:extLst>
              <a:ext uri="{FF2B5EF4-FFF2-40B4-BE49-F238E27FC236}">
                <a16:creationId xmlns:a16="http://schemas.microsoft.com/office/drawing/2014/main" id="{53059C5A-91CB-4024-9B4E-20082E25C7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168589" y="643466"/>
            <a:ext cx="5376806" cy="2706794"/>
          </a:xfrm>
          <a:prstGeom prst="rect">
            <a:avLst/>
          </a:prstGeom>
          <a:solidFill>
            <a:srgbClr val="FFFFFF"/>
          </a:solidFill>
          <a:ln w="9525">
            <a:noFill/>
          </a:ln>
          <a:effectLst>
            <a:outerShdw blurRad="63500" dist="17780" dir="5400000" algn="t" rotWithShape="0">
              <a:prstClr val="black">
                <a:alpha val="4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descr="A graph of lines and lines&#10;&#10;Description automatically generated with medium confidence">
            <a:extLst>
              <a:ext uri="{FF2B5EF4-FFF2-40B4-BE49-F238E27FC236}">
                <a16:creationId xmlns:a16="http://schemas.microsoft.com/office/drawing/2014/main" id="{6140E428-D1EC-7278-838A-18F2C91390D8}"/>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489680" y="1113645"/>
            <a:ext cx="4733982" cy="1763407"/>
          </a:xfrm>
          <a:prstGeom prst="rect">
            <a:avLst/>
          </a:prstGeom>
        </p:spPr>
      </p:pic>
      <p:sp>
        <p:nvSpPr>
          <p:cNvPr id="50" name="Rectangle 49">
            <a:extLst>
              <a:ext uri="{FF2B5EF4-FFF2-40B4-BE49-F238E27FC236}">
                <a16:creationId xmlns:a16="http://schemas.microsoft.com/office/drawing/2014/main" id="{184884BF-A898-4EFF-9504-E13EBE3FF62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43466" y="3514513"/>
            <a:ext cx="5364255" cy="2703406"/>
          </a:xfrm>
          <a:prstGeom prst="rect">
            <a:avLst/>
          </a:prstGeom>
          <a:solidFill>
            <a:srgbClr val="FFFFFF"/>
          </a:solidFill>
          <a:ln w="9525">
            <a:noFill/>
          </a:ln>
          <a:effectLst>
            <a:outerShdw blurRad="63500" dist="17780" dir="5400000" algn="t" rotWithShape="0">
              <a:prstClr val="black">
                <a:alpha val="4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A graph showing different colored lines&#10;&#10;Description automatically generated with medium confidence">
            <a:extLst>
              <a:ext uri="{FF2B5EF4-FFF2-40B4-BE49-F238E27FC236}">
                <a16:creationId xmlns:a16="http://schemas.microsoft.com/office/drawing/2014/main" id="{645D742A-416E-E226-8874-4227C2B6292D}"/>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65201" y="3996527"/>
            <a:ext cx="4733982" cy="1739737"/>
          </a:xfrm>
          <a:prstGeom prst="rect">
            <a:avLst/>
          </a:prstGeom>
        </p:spPr>
      </p:pic>
      <p:sp>
        <p:nvSpPr>
          <p:cNvPr id="52" name="Rectangle 51">
            <a:extLst>
              <a:ext uri="{FF2B5EF4-FFF2-40B4-BE49-F238E27FC236}">
                <a16:creationId xmlns:a16="http://schemas.microsoft.com/office/drawing/2014/main" id="{7B32D337-FDA6-4468-ADB1-7038E5FC0BA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168589" y="3514513"/>
            <a:ext cx="5376806" cy="2706794"/>
          </a:xfrm>
          <a:prstGeom prst="rect">
            <a:avLst/>
          </a:prstGeom>
          <a:solidFill>
            <a:srgbClr val="FFFFFF"/>
          </a:solidFill>
          <a:ln w="9525">
            <a:noFill/>
          </a:ln>
          <a:effectLst>
            <a:outerShdw blurRad="63500" dist="17780" dir="5400000" algn="t" rotWithShape="0">
              <a:prstClr val="black">
                <a:alpha val="4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descr="A graph of lines and lines&#10;&#10;Description automatically generated with medium confidence">
            <a:extLst>
              <a:ext uri="{FF2B5EF4-FFF2-40B4-BE49-F238E27FC236}">
                <a16:creationId xmlns:a16="http://schemas.microsoft.com/office/drawing/2014/main" id="{EDEEC8CE-CFEA-62DF-76EC-87A77F0F532D}"/>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489680" y="3996527"/>
            <a:ext cx="4733982" cy="1739737"/>
          </a:xfrm>
          <a:prstGeom prst="rect">
            <a:avLst/>
          </a:prstGeom>
        </p:spPr>
      </p:pic>
      <p:sp>
        <p:nvSpPr>
          <p:cNvPr id="11" name="TextBox 10">
            <a:extLst>
              <a:ext uri="{FF2B5EF4-FFF2-40B4-BE49-F238E27FC236}">
                <a16:creationId xmlns:a16="http://schemas.microsoft.com/office/drawing/2014/main" id="{506DCCD9-0909-E6E0-04BC-6D65E4239D8E}"/>
              </a:ext>
            </a:extLst>
          </p:cNvPr>
          <p:cNvSpPr txBox="1"/>
          <p:nvPr/>
        </p:nvSpPr>
        <p:spPr>
          <a:xfrm>
            <a:off x="162152" y="172901"/>
            <a:ext cx="2931444"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solidFill>
                  <a:prstClr val="black"/>
                </a:solidFill>
                <a:effectLst/>
                <a:uLnTx/>
                <a:uFillTx/>
                <a:latin typeface="Arial" panose="020B0604020202020204"/>
                <a:ea typeface="+mn-ea"/>
                <a:cs typeface="+mn-cs"/>
              </a:rPr>
              <a:t>Data Visualisation:</a:t>
            </a:r>
          </a:p>
        </p:txBody>
      </p:sp>
    </p:spTree>
    <p:custDataLst>
      <p:tags r:id="rId1"/>
    </p:custDataLst>
    <p:extLst>
      <p:ext uri="{BB962C8B-B14F-4D97-AF65-F5344CB8AC3E}">
        <p14:creationId xmlns:p14="http://schemas.microsoft.com/office/powerpoint/2010/main" val="400837229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B9FF99BD-075F-4761-A995-6FC574BD25E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A7B21A54-9BA3-4EA9-B460-5A829ADD905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7012" y="480060"/>
            <a:ext cx="11237976" cy="5897880"/>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6FA8F714-B9D8-488A-8CCA-E9948FF913A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43466" y="643468"/>
            <a:ext cx="10905067" cy="5571066"/>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Picture 6" descr="A graph with colorful lines&#10;&#10;Description automatically generated">
            <a:extLst>
              <a:ext uri="{FF2B5EF4-FFF2-40B4-BE49-F238E27FC236}">
                <a16:creationId xmlns:a16="http://schemas.microsoft.com/office/drawing/2014/main" id="{8984D370-03C4-ED32-E3BD-49FB8CEB501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0477" y="1311330"/>
            <a:ext cx="9951041" cy="4229193"/>
          </a:xfrm>
          <a:prstGeom prst="rect">
            <a:avLst/>
          </a:prstGeom>
        </p:spPr>
      </p:pic>
      <p:sp>
        <p:nvSpPr>
          <p:cNvPr id="8" name="TextBox 7">
            <a:extLst>
              <a:ext uri="{FF2B5EF4-FFF2-40B4-BE49-F238E27FC236}">
                <a16:creationId xmlns:a16="http://schemas.microsoft.com/office/drawing/2014/main" id="{9D59FC2C-9F38-0CC4-D9D1-6CD77D61DB5F}"/>
              </a:ext>
            </a:extLst>
          </p:cNvPr>
          <p:cNvSpPr txBox="1"/>
          <p:nvPr/>
        </p:nvSpPr>
        <p:spPr>
          <a:xfrm>
            <a:off x="643466" y="686259"/>
            <a:ext cx="2931444"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solidFill>
                  <a:prstClr val="black"/>
                </a:solidFill>
                <a:effectLst/>
                <a:uLnTx/>
                <a:uFillTx/>
                <a:latin typeface="Arial" panose="020B0604020202020204"/>
                <a:ea typeface="+mn-ea"/>
                <a:cs typeface="+mn-cs"/>
              </a:rPr>
              <a:t>Data Visualisation:</a:t>
            </a:r>
          </a:p>
        </p:txBody>
      </p:sp>
    </p:spTree>
    <p:extLst>
      <p:ext uri="{BB962C8B-B14F-4D97-AF65-F5344CB8AC3E}">
        <p14:creationId xmlns:p14="http://schemas.microsoft.com/office/powerpoint/2010/main" val="363318890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urton | Freeform | SlideID: 1936 | ID: 0"/>
          <p:cNvSpPr>
            <a:spLocks/>
          </p:cNvSpPr>
          <p:nvPr/>
        </p:nvSpPr>
        <p:spPr bwMode="auto">
          <a:xfrm>
            <a:off x="4804883" y="3057695"/>
            <a:ext cx="2474984" cy="1794159"/>
          </a:xfrm>
          <a:custGeom>
            <a:avLst/>
            <a:gdLst>
              <a:gd name="T0" fmla="*/ 836 w 885"/>
              <a:gd name="T1" fmla="*/ 0 h 641"/>
              <a:gd name="T2" fmla="*/ 742 w 885"/>
              <a:gd name="T3" fmla="*/ 414 h 641"/>
              <a:gd name="T4" fmla="*/ 670 w 885"/>
              <a:gd name="T5" fmla="*/ 471 h 641"/>
              <a:gd name="T6" fmla="*/ 670 w 885"/>
              <a:gd name="T7" fmla="*/ 471 h 641"/>
              <a:gd name="T8" fmla="*/ 720 w 885"/>
              <a:gd name="T9" fmla="*/ 521 h 641"/>
              <a:gd name="T10" fmla="*/ 132 w 885"/>
              <a:gd name="T11" fmla="*/ 462 h 641"/>
              <a:gd name="T12" fmla="*/ 0 w 885"/>
              <a:gd name="T13" fmla="*/ 594 h 641"/>
            </a:gdLst>
            <a:ahLst/>
            <a:cxnLst>
              <a:cxn ang="0">
                <a:pos x="T0" y="T1"/>
              </a:cxn>
              <a:cxn ang="0">
                <a:pos x="T2" y="T3"/>
              </a:cxn>
              <a:cxn ang="0">
                <a:pos x="T4" y="T5"/>
              </a:cxn>
              <a:cxn ang="0">
                <a:pos x="T6" y="T7"/>
              </a:cxn>
              <a:cxn ang="0">
                <a:pos x="T8" y="T9"/>
              </a:cxn>
              <a:cxn ang="0">
                <a:pos x="T10" y="T11"/>
              </a:cxn>
              <a:cxn ang="0">
                <a:pos x="T12" y="T13"/>
              </a:cxn>
            </a:cxnLst>
            <a:rect l="0" t="0" r="r" b="b"/>
            <a:pathLst>
              <a:path w="885" h="641">
                <a:moveTo>
                  <a:pt x="836" y="0"/>
                </a:moveTo>
                <a:cubicBezTo>
                  <a:pt x="885" y="140"/>
                  <a:pt x="854" y="302"/>
                  <a:pt x="742" y="414"/>
                </a:cubicBezTo>
                <a:cubicBezTo>
                  <a:pt x="720" y="436"/>
                  <a:pt x="696" y="455"/>
                  <a:pt x="670" y="471"/>
                </a:cubicBezTo>
                <a:cubicBezTo>
                  <a:pt x="670" y="471"/>
                  <a:pt x="670" y="471"/>
                  <a:pt x="670" y="471"/>
                </a:cubicBezTo>
                <a:cubicBezTo>
                  <a:pt x="720" y="521"/>
                  <a:pt x="720" y="521"/>
                  <a:pt x="720" y="521"/>
                </a:cubicBezTo>
                <a:cubicBezTo>
                  <a:pt x="539" y="641"/>
                  <a:pt x="292" y="622"/>
                  <a:pt x="132" y="462"/>
                </a:cubicBezTo>
                <a:cubicBezTo>
                  <a:pt x="0" y="594"/>
                  <a:pt x="0" y="594"/>
                  <a:pt x="0" y="594"/>
                </a:cubicBezTo>
              </a:path>
            </a:pathLst>
          </a:custGeom>
          <a:noFill/>
          <a:ln w="3810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0" name="Turton | Freeform | SlideID: 1936 | ID: 1"/>
          <p:cNvSpPr>
            <a:spLocks/>
          </p:cNvSpPr>
          <p:nvPr/>
        </p:nvSpPr>
        <p:spPr bwMode="auto">
          <a:xfrm>
            <a:off x="4804884" y="4568566"/>
            <a:ext cx="151553" cy="151553"/>
          </a:xfrm>
          <a:custGeom>
            <a:avLst/>
            <a:gdLst>
              <a:gd name="T0" fmla="*/ 130 w 130"/>
              <a:gd name="T1" fmla="*/ 84 h 130"/>
              <a:gd name="T2" fmla="*/ 0 w 130"/>
              <a:gd name="T3" fmla="*/ 130 h 130"/>
              <a:gd name="T4" fmla="*/ 46 w 130"/>
              <a:gd name="T5" fmla="*/ 0 h 130"/>
            </a:gdLst>
            <a:ahLst/>
            <a:cxnLst>
              <a:cxn ang="0">
                <a:pos x="T0" y="T1"/>
              </a:cxn>
              <a:cxn ang="0">
                <a:pos x="T2" y="T3"/>
              </a:cxn>
              <a:cxn ang="0">
                <a:pos x="T4" y="T5"/>
              </a:cxn>
            </a:cxnLst>
            <a:rect l="0" t="0" r="r" b="b"/>
            <a:pathLst>
              <a:path w="130" h="130">
                <a:moveTo>
                  <a:pt x="130" y="84"/>
                </a:moveTo>
                <a:lnTo>
                  <a:pt x="0" y="130"/>
                </a:lnTo>
                <a:lnTo>
                  <a:pt x="46" y="0"/>
                </a:lnTo>
              </a:path>
            </a:pathLst>
          </a:custGeom>
          <a:noFill/>
          <a:ln w="3810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7" name="Turton | Freeform | SlideID: 1936 | ID: 2"/>
          <p:cNvSpPr>
            <a:spLocks/>
          </p:cNvSpPr>
          <p:nvPr/>
        </p:nvSpPr>
        <p:spPr bwMode="auto">
          <a:xfrm>
            <a:off x="5725861" y="2243969"/>
            <a:ext cx="1791828" cy="2476151"/>
          </a:xfrm>
          <a:custGeom>
            <a:avLst/>
            <a:gdLst>
              <a:gd name="T0" fmla="*/ 0 w 641"/>
              <a:gd name="T1" fmla="*/ 49 h 885"/>
              <a:gd name="T2" fmla="*/ 413 w 641"/>
              <a:gd name="T3" fmla="*/ 143 h 885"/>
              <a:gd name="T4" fmla="*/ 470 w 641"/>
              <a:gd name="T5" fmla="*/ 215 h 885"/>
              <a:gd name="T6" fmla="*/ 470 w 641"/>
              <a:gd name="T7" fmla="*/ 215 h 885"/>
              <a:gd name="T8" fmla="*/ 520 w 641"/>
              <a:gd name="T9" fmla="*/ 165 h 885"/>
              <a:gd name="T10" fmla="*/ 462 w 641"/>
              <a:gd name="T11" fmla="*/ 753 h 885"/>
              <a:gd name="T12" fmla="*/ 593 w 641"/>
              <a:gd name="T13" fmla="*/ 885 h 885"/>
            </a:gdLst>
            <a:ahLst/>
            <a:cxnLst>
              <a:cxn ang="0">
                <a:pos x="T0" y="T1"/>
              </a:cxn>
              <a:cxn ang="0">
                <a:pos x="T2" y="T3"/>
              </a:cxn>
              <a:cxn ang="0">
                <a:pos x="T4" y="T5"/>
              </a:cxn>
              <a:cxn ang="0">
                <a:pos x="T6" y="T7"/>
              </a:cxn>
              <a:cxn ang="0">
                <a:pos x="T8" y="T9"/>
              </a:cxn>
              <a:cxn ang="0">
                <a:pos x="T10" y="T11"/>
              </a:cxn>
              <a:cxn ang="0">
                <a:pos x="T12" y="T13"/>
              </a:cxn>
            </a:cxnLst>
            <a:rect l="0" t="0" r="r" b="b"/>
            <a:pathLst>
              <a:path w="641" h="885">
                <a:moveTo>
                  <a:pt x="0" y="49"/>
                </a:moveTo>
                <a:cubicBezTo>
                  <a:pt x="139" y="0"/>
                  <a:pt x="301" y="31"/>
                  <a:pt x="413" y="143"/>
                </a:cubicBezTo>
                <a:cubicBezTo>
                  <a:pt x="436" y="165"/>
                  <a:pt x="455" y="189"/>
                  <a:pt x="470" y="215"/>
                </a:cubicBezTo>
                <a:cubicBezTo>
                  <a:pt x="470" y="215"/>
                  <a:pt x="470" y="215"/>
                  <a:pt x="470" y="215"/>
                </a:cubicBezTo>
                <a:cubicBezTo>
                  <a:pt x="520" y="165"/>
                  <a:pt x="520" y="165"/>
                  <a:pt x="520" y="165"/>
                </a:cubicBezTo>
                <a:cubicBezTo>
                  <a:pt x="641" y="346"/>
                  <a:pt x="621" y="593"/>
                  <a:pt x="462" y="753"/>
                </a:cubicBezTo>
                <a:cubicBezTo>
                  <a:pt x="593" y="885"/>
                  <a:pt x="593" y="885"/>
                  <a:pt x="593" y="885"/>
                </a:cubicBezTo>
              </a:path>
            </a:pathLst>
          </a:custGeom>
          <a:noFill/>
          <a:ln w="3810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1" name="Turton | Freeform | SlideID: 1936 | ID: 3"/>
          <p:cNvSpPr>
            <a:spLocks/>
          </p:cNvSpPr>
          <p:nvPr/>
        </p:nvSpPr>
        <p:spPr bwMode="auto">
          <a:xfrm>
            <a:off x="7235567" y="4568566"/>
            <a:ext cx="148056" cy="151553"/>
          </a:xfrm>
          <a:custGeom>
            <a:avLst/>
            <a:gdLst>
              <a:gd name="T0" fmla="*/ 81 w 127"/>
              <a:gd name="T1" fmla="*/ 0 h 130"/>
              <a:gd name="T2" fmla="*/ 127 w 127"/>
              <a:gd name="T3" fmla="*/ 130 h 130"/>
              <a:gd name="T4" fmla="*/ 0 w 127"/>
              <a:gd name="T5" fmla="*/ 84 h 130"/>
            </a:gdLst>
            <a:ahLst/>
            <a:cxnLst>
              <a:cxn ang="0">
                <a:pos x="T0" y="T1"/>
              </a:cxn>
              <a:cxn ang="0">
                <a:pos x="T2" y="T3"/>
              </a:cxn>
              <a:cxn ang="0">
                <a:pos x="T4" y="T5"/>
              </a:cxn>
            </a:cxnLst>
            <a:rect l="0" t="0" r="r" b="b"/>
            <a:pathLst>
              <a:path w="127" h="130">
                <a:moveTo>
                  <a:pt x="81" y="0"/>
                </a:moveTo>
                <a:lnTo>
                  <a:pt x="127" y="130"/>
                </a:lnTo>
                <a:lnTo>
                  <a:pt x="0" y="84"/>
                </a:lnTo>
              </a:path>
            </a:pathLst>
          </a:custGeom>
          <a:noFill/>
          <a:ln w="3810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8" name="Turton | Freeform | SlideID: 1936 | ID: 4"/>
          <p:cNvSpPr>
            <a:spLocks/>
          </p:cNvSpPr>
          <p:nvPr/>
        </p:nvSpPr>
        <p:spPr bwMode="auto">
          <a:xfrm>
            <a:off x="4908639" y="2006149"/>
            <a:ext cx="2474984" cy="1792993"/>
          </a:xfrm>
          <a:custGeom>
            <a:avLst/>
            <a:gdLst>
              <a:gd name="T0" fmla="*/ 50 w 885"/>
              <a:gd name="T1" fmla="*/ 641 h 641"/>
              <a:gd name="T2" fmla="*/ 143 w 885"/>
              <a:gd name="T3" fmla="*/ 228 h 641"/>
              <a:gd name="T4" fmla="*/ 216 w 885"/>
              <a:gd name="T5" fmla="*/ 170 h 641"/>
              <a:gd name="T6" fmla="*/ 216 w 885"/>
              <a:gd name="T7" fmla="*/ 170 h 641"/>
              <a:gd name="T8" fmla="*/ 166 w 885"/>
              <a:gd name="T9" fmla="*/ 121 h 641"/>
              <a:gd name="T10" fmla="*/ 754 w 885"/>
              <a:gd name="T11" fmla="*/ 179 h 641"/>
              <a:gd name="T12" fmla="*/ 885 w 885"/>
              <a:gd name="T13" fmla="*/ 48 h 641"/>
            </a:gdLst>
            <a:ahLst/>
            <a:cxnLst>
              <a:cxn ang="0">
                <a:pos x="T0" y="T1"/>
              </a:cxn>
              <a:cxn ang="0">
                <a:pos x="T2" y="T3"/>
              </a:cxn>
              <a:cxn ang="0">
                <a:pos x="T4" y="T5"/>
              </a:cxn>
              <a:cxn ang="0">
                <a:pos x="T6" y="T7"/>
              </a:cxn>
              <a:cxn ang="0">
                <a:pos x="T8" y="T9"/>
              </a:cxn>
              <a:cxn ang="0">
                <a:pos x="T10" y="T11"/>
              </a:cxn>
              <a:cxn ang="0">
                <a:pos x="T12" y="T13"/>
              </a:cxn>
            </a:cxnLst>
            <a:rect l="0" t="0" r="r" b="b"/>
            <a:pathLst>
              <a:path w="885" h="641">
                <a:moveTo>
                  <a:pt x="50" y="641"/>
                </a:moveTo>
                <a:cubicBezTo>
                  <a:pt x="0" y="502"/>
                  <a:pt x="31" y="340"/>
                  <a:pt x="143" y="228"/>
                </a:cubicBezTo>
                <a:cubicBezTo>
                  <a:pt x="166" y="205"/>
                  <a:pt x="190" y="186"/>
                  <a:pt x="216" y="170"/>
                </a:cubicBezTo>
                <a:cubicBezTo>
                  <a:pt x="216" y="170"/>
                  <a:pt x="216" y="170"/>
                  <a:pt x="216" y="170"/>
                </a:cubicBezTo>
                <a:cubicBezTo>
                  <a:pt x="166" y="121"/>
                  <a:pt x="166" y="121"/>
                  <a:pt x="166" y="121"/>
                </a:cubicBezTo>
                <a:cubicBezTo>
                  <a:pt x="347" y="0"/>
                  <a:pt x="594" y="19"/>
                  <a:pt x="754" y="179"/>
                </a:cubicBezTo>
                <a:cubicBezTo>
                  <a:pt x="885" y="48"/>
                  <a:pt x="885" y="48"/>
                  <a:pt x="885" y="48"/>
                </a:cubicBezTo>
              </a:path>
            </a:pathLst>
          </a:custGeom>
          <a:noFill/>
          <a:ln w="38100" cap="rnd">
            <a:solidFill>
              <a:schemeClr val="accent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2" name="Turton | Freeform | SlideID: 1936 | ID: 5"/>
          <p:cNvSpPr>
            <a:spLocks/>
          </p:cNvSpPr>
          <p:nvPr/>
        </p:nvSpPr>
        <p:spPr bwMode="auto">
          <a:xfrm>
            <a:off x="7235567" y="2140213"/>
            <a:ext cx="148056" cy="148056"/>
          </a:xfrm>
          <a:custGeom>
            <a:avLst/>
            <a:gdLst>
              <a:gd name="T0" fmla="*/ 0 w 127"/>
              <a:gd name="T1" fmla="*/ 45 h 127"/>
              <a:gd name="T2" fmla="*/ 127 w 127"/>
              <a:gd name="T3" fmla="*/ 0 h 127"/>
              <a:gd name="T4" fmla="*/ 81 w 127"/>
              <a:gd name="T5" fmla="*/ 127 h 127"/>
            </a:gdLst>
            <a:ahLst/>
            <a:cxnLst>
              <a:cxn ang="0">
                <a:pos x="T0" y="T1"/>
              </a:cxn>
              <a:cxn ang="0">
                <a:pos x="T2" y="T3"/>
              </a:cxn>
              <a:cxn ang="0">
                <a:pos x="T4" y="T5"/>
              </a:cxn>
            </a:cxnLst>
            <a:rect l="0" t="0" r="r" b="b"/>
            <a:pathLst>
              <a:path w="127" h="127">
                <a:moveTo>
                  <a:pt x="0" y="45"/>
                </a:moveTo>
                <a:lnTo>
                  <a:pt x="127" y="0"/>
                </a:lnTo>
                <a:lnTo>
                  <a:pt x="81" y="127"/>
                </a:lnTo>
              </a:path>
            </a:pathLst>
          </a:custGeom>
          <a:noFill/>
          <a:ln w="38100" cap="rnd">
            <a:solidFill>
              <a:schemeClr val="accent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9" name="Turton | Freeform | SlideID: 1936 | ID: 6"/>
          <p:cNvSpPr>
            <a:spLocks/>
          </p:cNvSpPr>
          <p:nvPr/>
        </p:nvSpPr>
        <p:spPr bwMode="auto">
          <a:xfrm>
            <a:off x="4674313" y="2140213"/>
            <a:ext cx="1791828" cy="2476151"/>
          </a:xfrm>
          <a:custGeom>
            <a:avLst/>
            <a:gdLst>
              <a:gd name="T0" fmla="*/ 641 w 641"/>
              <a:gd name="T1" fmla="*/ 835 h 885"/>
              <a:gd name="T2" fmla="*/ 227 w 641"/>
              <a:gd name="T3" fmla="*/ 742 h 885"/>
              <a:gd name="T4" fmla="*/ 170 w 641"/>
              <a:gd name="T5" fmla="*/ 669 h 885"/>
              <a:gd name="T6" fmla="*/ 170 w 641"/>
              <a:gd name="T7" fmla="*/ 669 h 885"/>
              <a:gd name="T8" fmla="*/ 120 w 641"/>
              <a:gd name="T9" fmla="*/ 719 h 885"/>
              <a:gd name="T10" fmla="*/ 179 w 641"/>
              <a:gd name="T11" fmla="*/ 131 h 885"/>
              <a:gd name="T12" fmla="*/ 47 w 641"/>
              <a:gd name="T13" fmla="*/ 0 h 885"/>
            </a:gdLst>
            <a:ahLst/>
            <a:cxnLst>
              <a:cxn ang="0">
                <a:pos x="T0" y="T1"/>
              </a:cxn>
              <a:cxn ang="0">
                <a:pos x="T2" y="T3"/>
              </a:cxn>
              <a:cxn ang="0">
                <a:pos x="T4" y="T5"/>
              </a:cxn>
              <a:cxn ang="0">
                <a:pos x="T6" y="T7"/>
              </a:cxn>
              <a:cxn ang="0">
                <a:pos x="T8" y="T9"/>
              </a:cxn>
              <a:cxn ang="0">
                <a:pos x="T10" y="T11"/>
              </a:cxn>
              <a:cxn ang="0">
                <a:pos x="T12" y="T13"/>
              </a:cxn>
            </a:cxnLst>
            <a:rect l="0" t="0" r="r" b="b"/>
            <a:pathLst>
              <a:path w="641" h="885">
                <a:moveTo>
                  <a:pt x="641" y="835"/>
                </a:moveTo>
                <a:cubicBezTo>
                  <a:pt x="501" y="885"/>
                  <a:pt x="339" y="854"/>
                  <a:pt x="227" y="742"/>
                </a:cubicBezTo>
                <a:cubicBezTo>
                  <a:pt x="205" y="719"/>
                  <a:pt x="186" y="695"/>
                  <a:pt x="170" y="669"/>
                </a:cubicBezTo>
                <a:cubicBezTo>
                  <a:pt x="170" y="669"/>
                  <a:pt x="170" y="669"/>
                  <a:pt x="170" y="669"/>
                </a:cubicBezTo>
                <a:cubicBezTo>
                  <a:pt x="120" y="719"/>
                  <a:pt x="120" y="719"/>
                  <a:pt x="120" y="719"/>
                </a:cubicBezTo>
                <a:cubicBezTo>
                  <a:pt x="0" y="538"/>
                  <a:pt x="19" y="291"/>
                  <a:pt x="179" y="131"/>
                </a:cubicBezTo>
                <a:cubicBezTo>
                  <a:pt x="47" y="0"/>
                  <a:pt x="47" y="0"/>
                  <a:pt x="47" y="0"/>
                </a:cubicBezTo>
              </a:path>
            </a:pathLst>
          </a:custGeom>
          <a:noFill/>
          <a:ln w="3810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13" name="Turton | Freeform | SlideID: 1936 | ID: 7"/>
          <p:cNvSpPr>
            <a:spLocks/>
          </p:cNvSpPr>
          <p:nvPr/>
        </p:nvSpPr>
        <p:spPr bwMode="auto">
          <a:xfrm>
            <a:off x="4804882" y="2140213"/>
            <a:ext cx="151553" cy="148056"/>
          </a:xfrm>
          <a:custGeom>
            <a:avLst/>
            <a:gdLst>
              <a:gd name="T0" fmla="*/ 46 w 130"/>
              <a:gd name="T1" fmla="*/ 127 h 127"/>
              <a:gd name="T2" fmla="*/ 0 w 130"/>
              <a:gd name="T3" fmla="*/ 0 h 127"/>
              <a:gd name="T4" fmla="*/ 130 w 130"/>
              <a:gd name="T5" fmla="*/ 45 h 127"/>
            </a:gdLst>
            <a:ahLst/>
            <a:cxnLst>
              <a:cxn ang="0">
                <a:pos x="T0" y="T1"/>
              </a:cxn>
              <a:cxn ang="0">
                <a:pos x="T2" y="T3"/>
              </a:cxn>
              <a:cxn ang="0">
                <a:pos x="T4" y="T5"/>
              </a:cxn>
            </a:cxnLst>
            <a:rect l="0" t="0" r="r" b="b"/>
            <a:pathLst>
              <a:path w="130" h="127">
                <a:moveTo>
                  <a:pt x="46" y="127"/>
                </a:moveTo>
                <a:lnTo>
                  <a:pt x="0" y="0"/>
                </a:lnTo>
                <a:lnTo>
                  <a:pt x="130" y="45"/>
                </a:lnTo>
              </a:path>
            </a:pathLst>
          </a:custGeom>
          <a:noFill/>
          <a:ln w="3810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67149" tIns="33575" rIns="67149" bIns="33575" numCol="1" anchor="t" anchorCtr="0" compatLnSpc="1">
            <a:prstTxWarp prst="textNoShape">
              <a:avLst/>
            </a:prstTxWarp>
          </a:bodyPr>
          <a:lstStyle/>
          <a:p>
            <a:endParaRPr lang="en-GB" sz="1321" dirty="0"/>
          </a:p>
        </p:txBody>
      </p:sp>
      <p:sp>
        <p:nvSpPr>
          <p:cNvPr id="22" name="Turton | Placeholder | SlideID: 1936 | ID: 9">
            <a:extLst>
              <a:ext uri="{FF2B5EF4-FFF2-40B4-BE49-F238E27FC236}">
                <a16:creationId xmlns:a16="http://schemas.microsoft.com/office/drawing/2014/main" id="{8680BC58-23E5-4287-A971-039062D2C9A8}"/>
              </a:ext>
            </a:extLst>
          </p:cNvPr>
          <p:cNvSpPr>
            <a:spLocks noGrp="1"/>
          </p:cNvSpPr>
          <p:nvPr>
            <p:ph type="body" sz="quarter" idx="26"/>
          </p:nvPr>
        </p:nvSpPr>
        <p:spPr>
          <a:xfrm>
            <a:off x="7728858" y="2074494"/>
            <a:ext cx="3817738" cy="1089668"/>
          </a:xfrm>
        </p:spPr>
        <p:txBody>
          <a:bodyPr/>
          <a:lstStyle/>
          <a:p>
            <a:r>
              <a:rPr lang="en-GB" dirty="0"/>
              <a:t>- Volatility Smile visualisation</a:t>
            </a:r>
          </a:p>
        </p:txBody>
      </p:sp>
      <p:sp>
        <p:nvSpPr>
          <p:cNvPr id="5" name="Turton | Placeholder | SlideID: 1936 | ID: 10">
            <a:extLst>
              <a:ext uri="{FF2B5EF4-FFF2-40B4-BE49-F238E27FC236}">
                <a16:creationId xmlns:a16="http://schemas.microsoft.com/office/drawing/2014/main" id="{79E5BE66-4348-46E2-9C55-012F67CEEE4C}"/>
              </a:ext>
            </a:extLst>
          </p:cNvPr>
          <p:cNvSpPr>
            <a:spLocks noGrp="1"/>
          </p:cNvSpPr>
          <p:nvPr>
            <p:ph type="body" sz="quarter" idx="27"/>
          </p:nvPr>
        </p:nvSpPr>
        <p:spPr>
          <a:xfrm>
            <a:off x="7728858" y="1629274"/>
            <a:ext cx="2703961" cy="336956"/>
          </a:xfrm>
        </p:spPr>
        <p:txBody>
          <a:bodyPr>
            <a:normAutofit fontScale="77500" lnSpcReduction="20000"/>
          </a:bodyPr>
          <a:lstStyle/>
          <a:p>
            <a:r>
              <a:rPr lang="en-GB" dirty="0"/>
              <a:t>2. Conclusion</a:t>
            </a:r>
          </a:p>
        </p:txBody>
      </p:sp>
      <p:sp>
        <p:nvSpPr>
          <p:cNvPr id="21" name="Turton | Placeholder | SlideID: 1936 | ID: 11">
            <a:extLst>
              <a:ext uri="{FF2B5EF4-FFF2-40B4-BE49-F238E27FC236}">
                <a16:creationId xmlns:a16="http://schemas.microsoft.com/office/drawing/2014/main" id="{793D7DE4-669F-4A3A-A288-36BD59E84B63}"/>
              </a:ext>
            </a:extLst>
          </p:cNvPr>
          <p:cNvSpPr>
            <a:spLocks noGrp="1"/>
          </p:cNvSpPr>
          <p:nvPr>
            <p:ph type="body" sz="quarter" idx="28"/>
          </p:nvPr>
        </p:nvSpPr>
        <p:spPr>
          <a:xfrm>
            <a:off x="7705128" y="4956850"/>
            <a:ext cx="3973399" cy="1089668"/>
          </a:xfrm>
        </p:spPr>
        <p:txBody>
          <a:bodyPr/>
          <a:lstStyle/>
          <a:p>
            <a:pPr marL="342900" indent="-342900" algn="l">
              <a:buFontTx/>
              <a:buChar char="-"/>
            </a:pPr>
            <a:r>
              <a:rPr lang="en-GB" dirty="0"/>
              <a:t>Linear Regression Model</a:t>
            </a:r>
          </a:p>
          <a:p>
            <a:pPr marL="342900" indent="-342900" algn="l">
              <a:buFontTx/>
              <a:buChar char="-"/>
            </a:pPr>
            <a:r>
              <a:rPr lang="en-GB" dirty="0"/>
              <a:t>Conclusion</a:t>
            </a:r>
          </a:p>
        </p:txBody>
      </p:sp>
      <p:sp>
        <p:nvSpPr>
          <p:cNvPr id="20" name="Turton | Placeholder | SlideID: 1936 | ID: 13">
            <a:extLst>
              <a:ext uri="{FF2B5EF4-FFF2-40B4-BE49-F238E27FC236}">
                <a16:creationId xmlns:a16="http://schemas.microsoft.com/office/drawing/2014/main" id="{FDE96550-22EF-4205-80FD-14C31A3F9565}"/>
              </a:ext>
            </a:extLst>
          </p:cNvPr>
          <p:cNvSpPr>
            <a:spLocks noGrp="1"/>
          </p:cNvSpPr>
          <p:nvPr>
            <p:ph type="body" sz="quarter" idx="34"/>
          </p:nvPr>
        </p:nvSpPr>
        <p:spPr>
          <a:xfrm>
            <a:off x="513473" y="4956850"/>
            <a:ext cx="3624943" cy="1724648"/>
          </a:xfrm>
        </p:spPr>
        <p:txBody>
          <a:bodyPr>
            <a:noAutofit/>
          </a:bodyPr>
          <a:lstStyle/>
          <a:p>
            <a:pPr marL="342900" indent="-342900" algn="r">
              <a:buFontTx/>
              <a:buChar char="-"/>
            </a:pPr>
            <a:r>
              <a:rPr lang="en-GB" sz="1870" dirty="0"/>
              <a:t>Sensitivity check</a:t>
            </a:r>
          </a:p>
          <a:p>
            <a:pPr marL="342900" indent="-342900" algn="r">
              <a:buFontTx/>
              <a:buChar char="-"/>
            </a:pPr>
            <a:r>
              <a:rPr lang="en-GB" sz="1870" dirty="0"/>
              <a:t>Data normalisation</a:t>
            </a:r>
          </a:p>
          <a:p>
            <a:pPr marL="342900" indent="-342900" algn="r">
              <a:buFontTx/>
              <a:buChar char="-"/>
            </a:pPr>
            <a:r>
              <a:rPr lang="en-GB" sz="1870" dirty="0"/>
              <a:t>Data visualisation</a:t>
            </a:r>
          </a:p>
          <a:p>
            <a:pPr marL="342900" indent="-342900" algn="r">
              <a:buFontTx/>
              <a:buChar char="-"/>
            </a:pPr>
            <a:r>
              <a:rPr lang="en-GB" sz="1870" dirty="0"/>
              <a:t>Conclusion </a:t>
            </a:r>
          </a:p>
        </p:txBody>
      </p:sp>
      <p:sp>
        <p:nvSpPr>
          <p:cNvPr id="18" name="Turton | Placeholder | SlideID: 1936 | ID: 14">
            <a:extLst>
              <a:ext uri="{FF2B5EF4-FFF2-40B4-BE49-F238E27FC236}">
                <a16:creationId xmlns:a16="http://schemas.microsoft.com/office/drawing/2014/main" id="{BFAD4F75-D25D-46CC-AC09-34FB11D43B52}"/>
              </a:ext>
            </a:extLst>
          </p:cNvPr>
          <p:cNvSpPr>
            <a:spLocks noGrp="1"/>
          </p:cNvSpPr>
          <p:nvPr>
            <p:ph type="body" sz="quarter" idx="35"/>
          </p:nvPr>
        </p:nvSpPr>
        <p:spPr>
          <a:xfrm>
            <a:off x="174130" y="4498950"/>
            <a:ext cx="4648200" cy="435347"/>
          </a:xfrm>
        </p:spPr>
        <p:txBody>
          <a:bodyPr>
            <a:normAutofit/>
          </a:bodyPr>
          <a:lstStyle/>
          <a:p>
            <a:r>
              <a:rPr lang="en-GB" sz="2200" dirty="0"/>
              <a:t>3. Parameter redundancy Part I</a:t>
            </a:r>
          </a:p>
        </p:txBody>
      </p:sp>
      <p:sp>
        <p:nvSpPr>
          <p:cNvPr id="19" name="Turton | Placeholder | SlideID: 1936 | ID: 15">
            <a:extLst>
              <a:ext uri="{FF2B5EF4-FFF2-40B4-BE49-F238E27FC236}">
                <a16:creationId xmlns:a16="http://schemas.microsoft.com/office/drawing/2014/main" id="{1B354204-9D49-4705-9FD8-DC8F8358926F}"/>
              </a:ext>
            </a:extLst>
          </p:cNvPr>
          <p:cNvSpPr>
            <a:spLocks noGrp="1"/>
          </p:cNvSpPr>
          <p:nvPr>
            <p:ph type="body" sz="quarter" idx="36"/>
          </p:nvPr>
        </p:nvSpPr>
        <p:spPr>
          <a:xfrm>
            <a:off x="0" y="2074494"/>
            <a:ext cx="4035455" cy="1724648"/>
          </a:xfrm>
        </p:spPr>
        <p:txBody>
          <a:bodyPr>
            <a:normAutofit/>
          </a:bodyPr>
          <a:lstStyle/>
          <a:p>
            <a:pPr marL="342900" indent="-342900">
              <a:buFontTx/>
              <a:buChar char="-"/>
            </a:pPr>
            <a:r>
              <a:rPr lang="en-GB" dirty="0"/>
              <a:t>24 matrices generated by ESG</a:t>
            </a:r>
          </a:p>
          <a:p>
            <a:pPr marL="678640" lvl="1" indent="-342900">
              <a:buFont typeface="Courier New" panose="02070309020205020404" pitchFamily="49" charset="0"/>
              <a:buChar char="o"/>
            </a:pPr>
            <a:r>
              <a:rPr lang="en-GB" dirty="0"/>
              <a:t>There are 8 parameters, and each parameter has 3 files</a:t>
            </a:r>
          </a:p>
          <a:p>
            <a:pPr marL="342900" indent="-342900">
              <a:buFontTx/>
              <a:buChar char="-"/>
            </a:pPr>
            <a:r>
              <a:rPr lang="en-GB" dirty="0"/>
              <a:t>9,328 volatilities of combination of 16 Maturities and 11 Strikes.</a:t>
            </a:r>
          </a:p>
          <a:p>
            <a:pPr marL="342900" indent="-342900">
              <a:buFontTx/>
              <a:buChar char="-"/>
            </a:pPr>
            <a:endParaRPr lang="en-GB" dirty="0"/>
          </a:p>
        </p:txBody>
      </p:sp>
      <p:sp>
        <p:nvSpPr>
          <p:cNvPr id="3" name="Turton | Placeholder | SlideID: 1936 | ID: 16">
            <a:extLst>
              <a:ext uri="{FF2B5EF4-FFF2-40B4-BE49-F238E27FC236}">
                <a16:creationId xmlns:a16="http://schemas.microsoft.com/office/drawing/2014/main" id="{9A888AFF-4D18-45FD-89FA-331FF8402EC5}"/>
              </a:ext>
            </a:extLst>
          </p:cNvPr>
          <p:cNvSpPr>
            <a:spLocks noGrp="1"/>
          </p:cNvSpPr>
          <p:nvPr>
            <p:ph type="body" sz="quarter" idx="37"/>
          </p:nvPr>
        </p:nvSpPr>
        <p:spPr>
          <a:xfrm>
            <a:off x="1321868" y="1630372"/>
            <a:ext cx="2703961" cy="336956"/>
          </a:xfrm>
        </p:spPr>
        <p:txBody>
          <a:bodyPr>
            <a:normAutofit fontScale="92500" lnSpcReduction="20000"/>
          </a:bodyPr>
          <a:lstStyle/>
          <a:p>
            <a:r>
              <a:rPr lang="en-GB" sz="2400" dirty="0"/>
              <a:t>1. Data Structure</a:t>
            </a:r>
          </a:p>
        </p:txBody>
      </p:sp>
      <p:sp>
        <p:nvSpPr>
          <p:cNvPr id="26" name="Turton | Placeholder | SlideID: 1936 | ID: 12">
            <a:extLst>
              <a:ext uri="{FF2B5EF4-FFF2-40B4-BE49-F238E27FC236}">
                <a16:creationId xmlns:a16="http://schemas.microsoft.com/office/drawing/2014/main" id="{DA9FDC9F-547B-B616-BFA6-8D5FECE24F8D}"/>
              </a:ext>
            </a:extLst>
          </p:cNvPr>
          <p:cNvSpPr>
            <a:spLocks noGrp="1"/>
          </p:cNvSpPr>
          <p:nvPr>
            <p:ph type="body" sz="quarter" idx="29"/>
          </p:nvPr>
        </p:nvSpPr>
        <p:spPr>
          <a:xfrm>
            <a:off x="7561898" y="3693839"/>
            <a:ext cx="4285826" cy="1263011"/>
          </a:xfrm>
        </p:spPr>
        <p:txBody>
          <a:bodyPr>
            <a:noAutofit/>
          </a:bodyPr>
          <a:lstStyle/>
          <a:p>
            <a:pPr algn="l"/>
            <a:r>
              <a:rPr lang="en-GB" sz="3300" b="1" dirty="0"/>
              <a:t>4. Parameter redundancy Part II</a:t>
            </a:r>
          </a:p>
        </p:txBody>
      </p:sp>
      <p:sp>
        <p:nvSpPr>
          <p:cNvPr id="29" name="Turton | Placeholder | SlideID: 1936 | ID: 8">
            <a:extLst>
              <a:ext uri="{FF2B5EF4-FFF2-40B4-BE49-F238E27FC236}">
                <a16:creationId xmlns:a16="http://schemas.microsoft.com/office/drawing/2014/main" id="{2DC39049-EBE4-C0C9-3D3F-73E3EB5CDC13}"/>
              </a:ext>
            </a:extLst>
          </p:cNvPr>
          <p:cNvSpPr>
            <a:spLocks noGrp="1"/>
          </p:cNvSpPr>
          <p:nvPr>
            <p:ph type="title"/>
          </p:nvPr>
        </p:nvSpPr>
        <p:spPr>
          <a:xfrm>
            <a:off x="312427" y="255993"/>
            <a:ext cx="3432259" cy="998499"/>
          </a:xfrm>
        </p:spPr>
        <p:txBody>
          <a:bodyPr>
            <a:noAutofit/>
          </a:bodyPr>
          <a:lstStyle/>
          <a:p>
            <a:r>
              <a:rPr lang="en-GB" sz="3600" dirty="0"/>
              <a:t>Data Analysing</a:t>
            </a:r>
          </a:p>
        </p:txBody>
      </p:sp>
    </p:spTree>
    <p:custDataLst>
      <p:tags r:id="rId1"/>
    </p:custDataLst>
    <p:extLst>
      <p:ext uri="{BB962C8B-B14F-4D97-AF65-F5344CB8AC3E}">
        <p14:creationId xmlns:p14="http://schemas.microsoft.com/office/powerpoint/2010/main" val="100483194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Freeform: Shape 18">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Freeform: Shape 24">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7" name="Isosceles Triangle 26">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Isosceles Triangle 28">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extBox 13">
            <a:extLst>
              <a:ext uri="{FF2B5EF4-FFF2-40B4-BE49-F238E27FC236}">
                <a16:creationId xmlns:a16="http://schemas.microsoft.com/office/drawing/2014/main" id="{4E623401-A741-EF81-EDBE-BDF6588DED45}"/>
              </a:ext>
            </a:extLst>
          </p:cNvPr>
          <p:cNvSpPr txBox="1"/>
          <p:nvPr/>
        </p:nvSpPr>
        <p:spPr>
          <a:xfrm>
            <a:off x="242472" y="774011"/>
            <a:ext cx="3945311"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solidFill>
                  <a:prstClr val="black"/>
                </a:solidFill>
                <a:effectLst/>
                <a:uLnTx/>
                <a:uFillTx/>
                <a:latin typeface="Arial" panose="020B0604020202020204"/>
                <a:ea typeface="+mn-ea"/>
                <a:cs typeface="+mn-cs"/>
              </a:rPr>
              <a:t>Linear Regression Model:</a:t>
            </a:r>
          </a:p>
        </p:txBody>
      </p:sp>
      <p:grpSp>
        <p:nvGrpSpPr>
          <p:cNvPr id="18" name="Group_45203.7431365741057951">
            <a:extLst>
              <a:ext uri="{FF2B5EF4-FFF2-40B4-BE49-F238E27FC236}">
                <a16:creationId xmlns:a16="http://schemas.microsoft.com/office/drawing/2014/main" id="{31B413BA-4763-3ABC-6702-567513C37111}"/>
              </a:ext>
            </a:extLst>
          </p:cNvPr>
          <p:cNvGrpSpPr/>
          <p:nvPr/>
        </p:nvGrpSpPr>
        <p:grpSpPr>
          <a:xfrm>
            <a:off x="1682305" y="1762830"/>
            <a:ext cx="9289222" cy="3332340"/>
            <a:chOff x="1682305" y="1762830"/>
            <a:chExt cx="9289222" cy="3332340"/>
          </a:xfrm>
        </p:grpSpPr>
        <p:pic>
          <p:nvPicPr>
            <p:cNvPr id="12" name="Picture 11">
              <a:extLst>
                <a:ext uri="{FF2B5EF4-FFF2-40B4-BE49-F238E27FC236}">
                  <a16:creationId xmlns:a16="http://schemas.microsoft.com/office/drawing/2014/main" id="{DD5F145E-F11C-3DD7-57CB-C3D636F353D5}"/>
                </a:ext>
              </a:extLst>
            </p:cNvPr>
            <p:cNvPicPr>
              <a:picLocks noChangeAspect="1"/>
            </p:cNvPicPr>
            <p:nvPr/>
          </p:nvPicPr>
          <p:blipFill>
            <a:blip r:embed="rId2"/>
            <a:stretch>
              <a:fillRect/>
            </a:stretch>
          </p:blipFill>
          <p:spPr>
            <a:xfrm>
              <a:off x="1682305" y="1762830"/>
              <a:ext cx="8827390" cy="3332340"/>
            </a:xfrm>
            <a:prstGeom prst="rect">
              <a:avLst/>
            </a:prstGeom>
            <a:ln>
              <a:noFill/>
            </a:ln>
          </p:spPr>
        </p:pic>
        <p:sp>
          <p:nvSpPr>
            <p:cNvPr id="13" name="Rectangle 12">
              <a:extLst>
                <a:ext uri="{FF2B5EF4-FFF2-40B4-BE49-F238E27FC236}">
                  <a16:creationId xmlns:a16="http://schemas.microsoft.com/office/drawing/2014/main" id="{A9FC9220-C540-CDD3-0FA5-24491BECAC14}"/>
                </a:ext>
              </a:extLst>
            </p:cNvPr>
            <p:cNvSpPr/>
            <p:nvPr/>
          </p:nvSpPr>
          <p:spPr>
            <a:xfrm>
              <a:off x="9506712" y="1811836"/>
              <a:ext cx="1464815" cy="55041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0D751D51-F611-C3B2-12B3-09D8048A9EF1}"/>
                </a:ext>
              </a:extLst>
            </p:cNvPr>
            <p:cNvSpPr/>
            <p:nvPr/>
          </p:nvSpPr>
          <p:spPr>
            <a:xfrm>
              <a:off x="8842159" y="4438835"/>
              <a:ext cx="1944210" cy="2752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 name="Rectangle 15">
              <a:extLst>
                <a:ext uri="{FF2B5EF4-FFF2-40B4-BE49-F238E27FC236}">
                  <a16:creationId xmlns:a16="http://schemas.microsoft.com/office/drawing/2014/main" id="{E62BE319-3275-589C-C149-524BC836D03A}"/>
                </a:ext>
              </a:extLst>
            </p:cNvPr>
            <p:cNvSpPr/>
            <p:nvPr/>
          </p:nvSpPr>
          <p:spPr>
            <a:xfrm>
              <a:off x="1793289" y="4690313"/>
              <a:ext cx="4944862" cy="2752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329634852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19" name="Freeform: Shape 18">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21" name="Rectangle 20">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23" name="Rectangle 22">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25" name="Freeform: Shape 24">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27" name="Isosceles Triangle 26">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29" name="Isosceles Triangle 28">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4" name="TextBox 13">
            <a:extLst>
              <a:ext uri="{FF2B5EF4-FFF2-40B4-BE49-F238E27FC236}">
                <a16:creationId xmlns:a16="http://schemas.microsoft.com/office/drawing/2014/main" id="{4E623401-A741-EF81-EDBE-BDF6588DED45}"/>
              </a:ext>
            </a:extLst>
          </p:cNvPr>
          <p:cNvSpPr txBox="1"/>
          <p:nvPr/>
        </p:nvSpPr>
        <p:spPr>
          <a:xfrm>
            <a:off x="242472" y="774011"/>
            <a:ext cx="3945311"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solidFill>
                  <a:prstClr val="black"/>
                </a:solidFill>
                <a:effectLst/>
                <a:uLnTx/>
                <a:uFillTx/>
                <a:latin typeface="Arial" panose="020B0604020202020204"/>
                <a:ea typeface="+mn-ea"/>
                <a:cs typeface="+mn-cs"/>
              </a:rPr>
              <a:t>Linear Regression Model:</a:t>
            </a:r>
          </a:p>
        </p:txBody>
      </p:sp>
      <p:grpSp>
        <p:nvGrpSpPr>
          <p:cNvPr id="11" name="Group_45203.9796296296053342">
            <a:extLst>
              <a:ext uri="{FF2B5EF4-FFF2-40B4-BE49-F238E27FC236}">
                <a16:creationId xmlns:a16="http://schemas.microsoft.com/office/drawing/2014/main" id="{35FD6F52-3EAE-7E53-8EC8-BD6590B8C6CF}"/>
              </a:ext>
            </a:extLst>
          </p:cNvPr>
          <p:cNvGrpSpPr/>
          <p:nvPr/>
        </p:nvGrpSpPr>
        <p:grpSpPr>
          <a:xfrm>
            <a:off x="569936" y="1584129"/>
            <a:ext cx="11052128" cy="694610"/>
            <a:chOff x="569936" y="1584129"/>
            <a:chExt cx="11052128" cy="694610"/>
          </a:xfrm>
        </p:grpSpPr>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818E9F9F-0F48-E1F6-C2CF-C6402245C516}"/>
                    </a:ext>
                  </a:extLst>
                </p:cNvPr>
                <p:cNvSpPr txBox="1"/>
                <p:nvPr/>
              </p:nvSpPr>
              <p:spPr>
                <a:xfrm>
                  <a:off x="569936" y="1993596"/>
                  <a:ext cx="11052128" cy="28514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GB" sz="1600" b="0" i="1" smtClean="0">
                                <a:solidFill>
                                  <a:schemeClr val="tx1"/>
                                </a:solidFill>
                                <a:latin typeface="Cambria Math" panose="02040503050406030204" pitchFamily="18" charset="0"/>
                              </a:rPr>
                            </m:ctrlPr>
                          </m:sSubPr>
                          <m:e>
                            <m:r>
                              <m:rPr>
                                <m:sty m:val="p"/>
                              </m:rPr>
                              <a:rPr lang="en-GB" sz="1600" b="0" i="0" smtClean="0">
                                <a:solidFill>
                                  <a:schemeClr val="tx1"/>
                                </a:solidFill>
                                <a:latin typeface="Cambria Math" panose="02040503050406030204" pitchFamily="18" charset="0"/>
                              </a:rPr>
                              <m:t>Δ</m:t>
                            </m:r>
                          </m:e>
                          <m:sub>
                            <m:r>
                              <a:rPr lang="en-GB" sz="1600" b="0" i="1" smtClean="0">
                                <a:solidFill>
                                  <a:schemeClr val="tx1"/>
                                </a:solidFill>
                                <a:latin typeface="Cambria Math" panose="02040503050406030204" pitchFamily="18" charset="0"/>
                              </a:rPr>
                              <m:t>∗</m:t>
                            </m:r>
                          </m:sub>
                        </m:sSub>
                        <m:d>
                          <m:dPr>
                            <m:ctrlPr>
                              <a:rPr lang="en-GB" sz="1600" b="0" i="1" smtClean="0">
                                <a:solidFill>
                                  <a:schemeClr val="tx1"/>
                                </a:solidFill>
                                <a:latin typeface="Cambria Math" panose="02040503050406030204" pitchFamily="18" charset="0"/>
                              </a:rPr>
                            </m:ctrlPr>
                          </m:dPr>
                          <m:e>
                            <m:r>
                              <a:rPr lang="en-GB" sz="1600" b="0" i="1" smtClean="0">
                                <a:solidFill>
                                  <a:schemeClr val="tx1"/>
                                </a:solidFill>
                                <a:latin typeface="Cambria Math" panose="02040503050406030204" pitchFamily="18" charset="0"/>
                              </a:rPr>
                              <m:t>𝑝</m:t>
                            </m:r>
                          </m:e>
                        </m:d>
                        <m:r>
                          <a:rPr lang="en-GB" sz="1600" b="0" i="1" smtClean="0">
                            <a:solidFill>
                              <a:schemeClr val="tx1"/>
                            </a:solidFill>
                            <a:latin typeface="Cambria Math" panose="02040503050406030204" pitchFamily="18" charset="0"/>
                          </a:rPr>
                          <m:t>=</m:t>
                        </m:r>
                        <m:r>
                          <a:rPr lang="en-GB" sz="1600" b="0" i="1" smtClean="0">
                            <a:solidFill>
                              <a:schemeClr val="tx1"/>
                            </a:solidFill>
                            <a:latin typeface="Cambria Math" panose="02040503050406030204" pitchFamily="18" charset="0"/>
                          </a:rPr>
                          <m:t>𝛽</m:t>
                        </m:r>
                        <m:d>
                          <m:dPr>
                            <m:ctrlPr>
                              <a:rPr lang="en-GB" sz="1600" b="0" i="1" smtClean="0">
                                <a:solidFill>
                                  <a:schemeClr val="tx1"/>
                                </a:solidFill>
                                <a:latin typeface="Cambria Math" panose="02040503050406030204" pitchFamily="18" charset="0"/>
                              </a:rPr>
                            </m:ctrlPr>
                          </m:dPr>
                          <m:e>
                            <m:r>
                              <a:rPr lang="en-GB" sz="1600" b="0" i="1" smtClean="0">
                                <a:solidFill>
                                  <a:schemeClr val="tx1"/>
                                </a:solidFill>
                                <a:latin typeface="Cambria Math" panose="02040503050406030204" pitchFamily="18" charset="0"/>
                              </a:rPr>
                              <m:t>𝜆</m:t>
                            </m:r>
                          </m:e>
                        </m:d>
                        <m:sSub>
                          <m:sSubPr>
                            <m:ctrlPr>
                              <a:rPr lang="en-GB" sz="1600" b="0" i="1" smtClean="0">
                                <a:solidFill>
                                  <a:schemeClr val="tx1"/>
                                </a:solidFill>
                                <a:latin typeface="Cambria Math" panose="02040503050406030204" pitchFamily="18" charset="0"/>
                              </a:rPr>
                            </m:ctrlPr>
                          </m:sSubPr>
                          <m:e>
                            <m:r>
                              <m:rPr>
                                <m:sty m:val="p"/>
                              </m:rPr>
                              <a:rPr lang="en-GB" sz="1600" b="0" i="0" smtClean="0">
                                <a:solidFill>
                                  <a:schemeClr val="tx1"/>
                                </a:solidFill>
                                <a:latin typeface="Cambria Math" panose="02040503050406030204" pitchFamily="18" charset="0"/>
                              </a:rPr>
                              <m:t>Δ</m:t>
                            </m:r>
                          </m:e>
                          <m:sub>
                            <m:r>
                              <a:rPr lang="en-GB" sz="1600" b="0" i="1" smtClean="0">
                                <a:solidFill>
                                  <a:schemeClr val="tx1"/>
                                </a:solidFill>
                                <a:latin typeface="Cambria Math" panose="02040503050406030204" pitchFamily="18" charset="0"/>
                              </a:rPr>
                              <m:t>∗</m:t>
                            </m:r>
                          </m:sub>
                        </m:sSub>
                        <m:d>
                          <m:dPr>
                            <m:ctrlPr>
                              <a:rPr lang="en-GB" sz="1600" b="0" i="1" smtClean="0">
                                <a:solidFill>
                                  <a:schemeClr val="tx1"/>
                                </a:solidFill>
                                <a:latin typeface="Cambria Math" panose="02040503050406030204" pitchFamily="18" charset="0"/>
                              </a:rPr>
                            </m:ctrlPr>
                          </m:dPr>
                          <m:e>
                            <m:r>
                              <a:rPr lang="en-GB" sz="1600" b="0" i="1" smtClean="0">
                                <a:solidFill>
                                  <a:schemeClr val="tx1"/>
                                </a:solidFill>
                                <a:latin typeface="Cambria Math" panose="02040503050406030204" pitchFamily="18" charset="0"/>
                              </a:rPr>
                              <m:t>𝜆</m:t>
                            </m:r>
                          </m:e>
                        </m:d>
                        <m:r>
                          <a:rPr lang="en-GB" sz="1600" b="0" i="1" smtClean="0">
                            <a:latin typeface="Cambria Math" panose="02040503050406030204" pitchFamily="18" charset="0"/>
                          </a:rPr>
                          <m:t>+</m:t>
                        </m:r>
                        <m:r>
                          <a:rPr lang="en-GB" sz="1600" i="1" smtClean="0">
                            <a:solidFill>
                              <a:srgbClr val="FF0000"/>
                            </a:solidFill>
                            <a:latin typeface="Cambria Math" panose="02040503050406030204" pitchFamily="18" charset="0"/>
                          </a:rPr>
                          <m:t>𝛽</m:t>
                        </m:r>
                        <m:d>
                          <m:dPr>
                            <m:ctrlPr>
                              <a:rPr lang="en-GB" sz="1600" i="1">
                                <a:solidFill>
                                  <a:srgbClr val="FF0000"/>
                                </a:solidFill>
                                <a:latin typeface="Cambria Math" panose="02040503050406030204" pitchFamily="18" charset="0"/>
                              </a:rPr>
                            </m:ctrlPr>
                          </m:dPr>
                          <m:e>
                            <m:r>
                              <a:rPr lang="en-GB" sz="1600" b="0" i="1" smtClean="0">
                                <a:solidFill>
                                  <a:srgbClr val="FF0000"/>
                                </a:solidFill>
                                <a:latin typeface="Cambria Math" panose="02040503050406030204" pitchFamily="18" charset="0"/>
                              </a:rPr>
                              <m:t>𝜃</m:t>
                            </m:r>
                          </m:e>
                        </m:d>
                        <m:sSub>
                          <m:sSubPr>
                            <m:ctrlPr>
                              <a:rPr lang="en-GB" sz="1600" i="1">
                                <a:solidFill>
                                  <a:srgbClr val="FF0000"/>
                                </a:solidFill>
                                <a:latin typeface="Cambria Math" panose="02040503050406030204" pitchFamily="18" charset="0"/>
                              </a:rPr>
                            </m:ctrlPr>
                          </m:sSubPr>
                          <m:e>
                            <m:r>
                              <m:rPr>
                                <m:sty m:val="p"/>
                              </m:rPr>
                              <a:rPr lang="en-GB" sz="1600">
                                <a:solidFill>
                                  <a:srgbClr val="FF0000"/>
                                </a:solidFill>
                                <a:latin typeface="Cambria Math" panose="02040503050406030204" pitchFamily="18" charset="0"/>
                              </a:rPr>
                              <m:t>Δ</m:t>
                            </m:r>
                          </m:e>
                          <m:sub>
                            <m:r>
                              <a:rPr lang="en-GB" sz="1600" i="1">
                                <a:solidFill>
                                  <a:srgbClr val="FF0000"/>
                                </a:solidFill>
                                <a:latin typeface="Cambria Math" panose="02040503050406030204" pitchFamily="18" charset="0"/>
                              </a:rPr>
                              <m:t>∗</m:t>
                            </m:r>
                          </m:sub>
                        </m:sSub>
                        <m:d>
                          <m:dPr>
                            <m:ctrlPr>
                              <a:rPr lang="en-GB" sz="1600" i="1">
                                <a:solidFill>
                                  <a:srgbClr val="FF0000"/>
                                </a:solidFill>
                                <a:latin typeface="Cambria Math" panose="02040503050406030204" pitchFamily="18" charset="0"/>
                              </a:rPr>
                            </m:ctrlPr>
                          </m:dPr>
                          <m:e>
                            <m:r>
                              <a:rPr lang="en-GB" sz="1600" b="0" i="1" smtClean="0">
                                <a:solidFill>
                                  <a:srgbClr val="FF0000"/>
                                </a:solidFill>
                                <a:latin typeface="Cambria Math" panose="02040503050406030204" pitchFamily="18" charset="0"/>
                              </a:rPr>
                              <m:t>𝜃</m:t>
                            </m:r>
                          </m:e>
                        </m:d>
                        <m:r>
                          <a:rPr lang="en-GB" sz="1600" b="0" i="0" smtClean="0">
                            <a:latin typeface="Cambria Math" panose="02040503050406030204" pitchFamily="18" charset="0"/>
                          </a:rPr>
                          <m:t>+</m:t>
                        </m:r>
                        <m:r>
                          <a:rPr lang="en-GB" sz="1600" i="1" smtClean="0">
                            <a:solidFill>
                              <a:srgbClr val="FFC000"/>
                            </a:solidFill>
                            <a:latin typeface="Cambria Math" panose="02040503050406030204" pitchFamily="18" charset="0"/>
                          </a:rPr>
                          <m:t>𝛽</m:t>
                        </m:r>
                        <m:d>
                          <m:dPr>
                            <m:ctrlPr>
                              <a:rPr lang="en-GB" sz="1600" i="1">
                                <a:solidFill>
                                  <a:srgbClr val="FFC000"/>
                                </a:solidFill>
                                <a:latin typeface="Cambria Math" panose="02040503050406030204" pitchFamily="18" charset="0"/>
                              </a:rPr>
                            </m:ctrlPr>
                          </m:dPr>
                          <m:e>
                            <m:r>
                              <a:rPr lang="en-GB" sz="1600" b="0" i="1" smtClean="0">
                                <a:solidFill>
                                  <a:srgbClr val="FFC000"/>
                                </a:solidFill>
                                <a:latin typeface="Cambria Math" panose="02040503050406030204" pitchFamily="18" charset="0"/>
                              </a:rPr>
                              <m:t>𝛼</m:t>
                            </m:r>
                          </m:e>
                        </m:d>
                        <m:sSub>
                          <m:sSubPr>
                            <m:ctrlPr>
                              <a:rPr lang="en-GB" sz="1600" i="1">
                                <a:solidFill>
                                  <a:srgbClr val="FFC000"/>
                                </a:solidFill>
                                <a:latin typeface="Cambria Math" panose="02040503050406030204" pitchFamily="18" charset="0"/>
                              </a:rPr>
                            </m:ctrlPr>
                          </m:sSubPr>
                          <m:e>
                            <m:r>
                              <m:rPr>
                                <m:sty m:val="p"/>
                              </m:rPr>
                              <a:rPr lang="en-GB" sz="1600">
                                <a:solidFill>
                                  <a:srgbClr val="FFC000"/>
                                </a:solidFill>
                                <a:latin typeface="Cambria Math" panose="02040503050406030204" pitchFamily="18" charset="0"/>
                              </a:rPr>
                              <m:t>Δ</m:t>
                            </m:r>
                          </m:e>
                          <m:sub>
                            <m:r>
                              <a:rPr lang="en-GB" sz="1600" i="1">
                                <a:solidFill>
                                  <a:srgbClr val="FFC000"/>
                                </a:solidFill>
                                <a:latin typeface="Cambria Math" panose="02040503050406030204" pitchFamily="18" charset="0"/>
                              </a:rPr>
                              <m:t>∗</m:t>
                            </m:r>
                          </m:sub>
                        </m:sSub>
                        <m:d>
                          <m:dPr>
                            <m:ctrlPr>
                              <a:rPr lang="en-GB" sz="1600" i="1">
                                <a:solidFill>
                                  <a:srgbClr val="FFC000"/>
                                </a:solidFill>
                                <a:latin typeface="Cambria Math" panose="02040503050406030204" pitchFamily="18" charset="0"/>
                              </a:rPr>
                            </m:ctrlPr>
                          </m:dPr>
                          <m:e>
                            <m:r>
                              <a:rPr lang="en-GB" sz="1600" b="0" i="1" smtClean="0">
                                <a:solidFill>
                                  <a:srgbClr val="FFC000"/>
                                </a:solidFill>
                                <a:latin typeface="Cambria Math" panose="02040503050406030204" pitchFamily="18" charset="0"/>
                              </a:rPr>
                              <m:t>𝛼</m:t>
                            </m:r>
                          </m:e>
                        </m:d>
                        <m:r>
                          <a:rPr lang="en-GB" sz="1600" b="0" i="1" smtClean="0">
                            <a:latin typeface="Cambria Math" panose="02040503050406030204" pitchFamily="18" charset="0"/>
                          </a:rPr>
                          <m:t>+</m:t>
                        </m:r>
                        <m:r>
                          <a:rPr lang="en-GB" sz="1600" i="1" smtClean="0">
                            <a:solidFill>
                              <a:srgbClr val="92D050"/>
                            </a:solidFill>
                            <a:latin typeface="Cambria Math" panose="02040503050406030204" pitchFamily="18" charset="0"/>
                          </a:rPr>
                          <m:t>𝛽</m:t>
                        </m:r>
                        <m:d>
                          <m:dPr>
                            <m:ctrlPr>
                              <a:rPr lang="en-GB" sz="1600" i="1">
                                <a:solidFill>
                                  <a:srgbClr val="92D050"/>
                                </a:solidFill>
                                <a:latin typeface="Cambria Math" panose="02040503050406030204" pitchFamily="18" charset="0"/>
                              </a:rPr>
                            </m:ctrlPr>
                          </m:dPr>
                          <m:e>
                            <m:r>
                              <a:rPr lang="en-GB" sz="1600" b="0" i="1" smtClean="0">
                                <a:solidFill>
                                  <a:srgbClr val="92D050"/>
                                </a:solidFill>
                                <a:latin typeface="Cambria Math" panose="02040503050406030204" pitchFamily="18" charset="0"/>
                              </a:rPr>
                              <m:t>𝜉</m:t>
                            </m:r>
                          </m:e>
                        </m:d>
                        <m:sSub>
                          <m:sSubPr>
                            <m:ctrlPr>
                              <a:rPr lang="en-GB" sz="1600" i="1">
                                <a:solidFill>
                                  <a:srgbClr val="92D050"/>
                                </a:solidFill>
                                <a:latin typeface="Cambria Math" panose="02040503050406030204" pitchFamily="18" charset="0"/>
                              </a:rPr>
                            </m:ctrlPr>
                          </m:sSubPr>
                          <m:e>
                            <m:r>
                              <m:rPr>
                                <m:sty m:val="p"/>
                              </m:rPr>
                              <a:rPr lang="en-GB" sz="1600">
                                <a:solidFill>
                                  <a:srgbClr val="92D050"/>
                                </a:solidFill>
                                <a:latin typeface="Cambria Math" panose="02040503050406030204" pitchFamily="18" charset="0"/>
                              </a:rPr>
                              <m:t>Δ</m:t>
                            </m:r>
                          </m:e>
                          <m:sub>
                            <m:r>
                              <a:rPr lang="en-GB" sz="1600" i="1">
                                <a:solidFill>
                                  <a:srgbClr val="92D050"/>
                                </a:solidFill>
                                <a:latin typeface="Cambria Math" panose="02040503050406030204" pitchFamily="18" charset="0"/>
                              </a:rPr>
                              <m:t>∗</m:t>
                            </m:r>
                          </m:sub>
                        </m:sSub>
                        <m:d>
                          <m:dPr>
                            <m:ctrlPr>
                              <a:rPr lang="en-GB" sz="1600" i="1">
                                <a:solidFill>
                                  <a:srgbClr val="92D050"/>
                                </a:solidFill>
                                <a:latin typeface="Cambria Math" panose="02040503050406030204" pitchFamily="18" charset="0"/>
                              </a:rPr>
                            </m:ctrlPr>
                          </m:dPr>
                          <m:e>
                            <m:r>
                              <a:rPr lang="en-GB" sz="1600" b="0" i="1" smtClean="0">
                                <a:solidFill>
                                  <a:srgbClr val="92D050"/>
                                </a:solidFill>
                                <a:latin typeface="Cambria Math" panose="02040503050406030204" pitchFamily="18" charset="0"/>
                              </a:rPr>
                              <m:t>𝜉</m:t>
                            </m:r>
                          </m:e>
                        </m:d>
                        <m:r>
                          <a:rPr lang="en-GB" sz="1600" b="0" i="1" smtClean="0">
                            <a:latin typeface="Cambria Math" panose="02040503050406030204" pitchFamily="18" charset="0"/>
                          </a:rPr>
                          <m:t>+</m:t>
                        </m:r>
                        <m:r>
                          <a:rPr lang="en-GB" sz="1600" i="1" smtClean="0">
                            <a:solidFill>
                              <a:srgbClr val="00B050"/>
                            </a:solidFill>
                            <a:latin typeface="Cambria Math" panose="02040503050406030204" pitchFamily="18" charset="0"/>
                          </a:rPr>
                          <m:t>𝛽</m:t>
                        </m:r>
                        <m:d>
                          <m:dPr>
                            <m:ctrlPr>
                              <a:rPr lang="en-GB" sz="1600" i="1">
                                <a:solidFill>
                                  <a:srgbClr val="00B050"/>
                                </a:solidFill>
                                <a:latin typeface="Cambria Math" panose="02040503050406030204" pitchFamily="18" charset="0"/>
                              </a:rPr>
                            </m:ctrlPr>
                          </m:dPr>
                          <m:e>
                            <m:r>
                              <a:rPr lang="en-GB" sz="1600" b="0" i="1" smtClean="0">
                                <a:solidFill>
                                  <a:srgbClr val="00B050"/>
                                </a:solidFill>
                                <a:latin typeface="Cambria Math" panose="02040503050406030204" pitchFamily="18" charset="0"/>
                              </a:rPr>
                              <m:t>𝜌</m:t>
                            </m:r>
                          </m:e>
                        </m:d>
                        <m:sSub>
                          <m:sSubPr>
                            <m:ctrlPr>
                              <a:rPr lang="en-GB" sz="1600" i="1">
                                <a:solidFill>
                                  <a:srgbClr val="00B050"/>
                                </a:solidFill>
                                <a:latin typeface="Cambria Math" panose="02040503050406030204" pitchFamily="18" charset="0"/>
                              </a:rPr>
                            </m:ctrlPr>
                          </m:sSubPr>
                          <m:e>
                            <m:r>
                              <m:rPr>
                                <m:sty m:val="p"/>
                              </m:rPr>
                              <a:rPr lang="en-GB" sz="1600">
                                <a:solidFill>
                                  <a:srgbClr val="00B050"/>
                                </a:solidFill>
                                <a:latin typeface="Cambria Math" panose="02040503050406030204" pitchFamily="18" charset="0"/>
                              </a:rPr>
                              <m:t>Δ</m:t>
                            </m:r>
                          </m:e>
                          <m:sub>
                            <m:r>
                              <a:rPr lang="en-GB" sz="1600" i="1">
                                <a:solidFill>
                                  <a:srgbClr val="00B050"/>
                                </a:solidFill>
                                <a:latin typeface="Cambria Math" panose="02040503050406030204" pitchFamily="18" charset="0"/>
                              </a:rPr>
                              <m:t>∗</m:t>
                            </m:r>
                          </m:sub>
                        </m:sSub>
                        <m:d>
                          <m:dPr>
                            <m:ctrlPr>
                              <a:rPr lang="en-GB" sz="1600" i="1">
                                <a:solidFill>
                                  <a:srgbClr val="00B050"/>
                                </a:solidFill>
                                <a:latin typeface="Cambria Math" panose="02040503050406030204" pitchFamily="18" charset="0"/>
                              </a:rPr>
                            </m:ctrlPr>
                          </m:dPr>
                          <m:e>
                            <m:r>
                              <a:rPr lang="en-GB" sz="1600" b="0" i="1" smtClean="0">
                                <a:solidFill>
                                  <a:srgbClr val="00B050"/>
                                </a:solidFill>
                                <a:latin typeface="Cambria Math" panose="02040503050406030204" pitchFamily="18" charset="0"/>
                              </a:rPr>
                              <m:t>𝜌</m:t>
                            </m:r>
                          </m:e>
                        </m:d>
                        <m:r>
                          <a:rPr lang="en-GB" sz="1600" b="0" i="1" smtClean="0">
                            <a:latin typeface="Cambria Math" panose="02040503050406030204" pitchFamily="18" charset="0"/>
                          </a:rPr>
                          <m:t>+</m:t>
                        </m:r>
                        <m:r>
                          <a:rPr lang="en-GB" sz="1600" i="1" smtClean="0">
                            <a:solidFill>
                              <a:srgbClr val="00B0F0"/>
                            </a:solidFill>
                            <a:latin typeface="Cambria Math" panose="02040503050406030204" pitchFamily="18" charset="0"/>
                          </a:rPr>
                          <m:t>𝛽</m:t>
                        </m:r>
                        <m:d>
                          <m:dPr>
                            <m:ctrlPr>
                              <a:rPr lang="en-GB" sz="1600" i="1">
                                <a:solidFill>
                                  <a:srgbClr val="00B0F0"/>
                                </a:solidFill>
                                <a:latin typeface="Cambria Math" panose="02040503050406030204" pitchFamily="18" charset="0"/>
                              </a:rPr>
                            </m:ctrlPr>
                          </m:dPr>
                          <m:e>
                            <m:sSub>
                              <m:sSubPr>
                                <m:ctrlPr>
                                  <a:rPr lang="en-GB" sz="1600" b="0" i="1" smtClean="0">
                                    <a:solidFill>
                                      <a:srgbClr val="00B0F0"/>
                                    </a:solidFill>
                                    <a:latin typeface="Cambria Math" panose="02040503050406030204" pitchFamily="18" charset="0"/>
                                  </a:rPr>
                                </m:ctrlPr>
                              </m:sSubPr>
                              <m:e>
                                <m:r>
                                  <a:rPr lang="en-GB" sz="1600" b="0" i="1" smtClean="0">
                                    <a:solidFill>
                                      <a:srgbClr val="00B0F0"/>
                                    </a:solidFill>
                                    <a:latin typeface="Cambria Math" panose="02040503050406030204" pitchFamily="18" charset="0"/>
                                  </a:rPr>
                                  <m:t>𝜈</m:t>
                                </m:r>
                              </m:e>
                              <m:sub>
                                <m:r>
                                  <a:rPr lang="en-GB" sz="1600" b="0" i="1" smtClean="0">
                                    <a:solidFill>
                                      <a:srgbClr val="00B0F0"/>
                                    </a:solidFill>
                                    <a:latin typeface="Cambria Math" panose="02040503050406030204" pitchFamily="18" charset="0"/>
                                  </a:rPr>
                                  <m:t>0</m:t>
                                </m:r>
                              </m:sub>
                            </m:sSub>
                          </m:e>
                        </m:d>
                        <m:sSub>
                          <m:sSubPr>
                            <m:ctrlPr>
                              <a:rPr lang="en-GB" sz="1600" i="1">
                                <a:solidFill>
                                  <a:srgbClr val="00B0F0"/>
                                </a:solidFill>
                                <a:latin typeface="Cambria Math" panose="02040503050406030204" pitchFamily="18" charset="0"/>
                              </a:rPr>
                            </m:ctrlPr>
                          </m:sSubPr>
                          <m:e>
                            <m:r>
                              <m:rPr>
                                <m:sty m:val="p"/>
                              </m:rPr>
                              <a:rPr lang="en-GB" sz="1600">
                                <a:solidFill>
                                  <a:srgbClr val="00B0F0"/>
                                </a:solidFill>
                                <a:latin typeface="Cambria Math" panose="02040503050406030204" pitchFamily="18" charset="0"/>
                              </a:rPr>
                              <m:t>Δ</m:t>
                            </m:r>
                          </m:e>
                          <m:sub>
                            <m:r>
                              <a:rPr lang="en-GB" sz="1600" i="1">
                                <a:solidFill>
                                  <a:srgbClr val="00B0F0"/>
                                </a:solidFill>
                                <a:latin typeface="Cambria Math" panose="02040503050406030204" pitchFamily="18" charset="0"/>
                              </a:rPr>
                              <m:t>∗</m:t>
                            </m:r>
                          </m:sub>
                        </m:sSub>
                        <m:d>
                          <m:dPr>
                            <m:ctrlPr>
                              <a:rPr lang="en-GB" sz="1600" i="1">
                                <a:solidFill>
                                  <a:srgbClr val="00B0F0"/>
                                </a:solidFill>
                                <a:latin typeface="Cambria Math" panose="02040503050406030204" pitchFamily="18" charset="0"/>
                              </a:rPr>
                            </m:ctrlPr>
                          </m:dPr>
                          <m:e>
                            <m:sSub>
                              <m:sSubPr>
                                <m:ctrlPr>
                                  <a:rPr lang="en-GB" sz="1600" b="0" i="1" smtClean="0">
                                    <a:solidFill>
                                      <a:srgbClr val="00B0F0"/>
                                    </a:solidFill>
                                    <a:latin typeface="Cambria Math" panose="02040503050406030204" pitchFamily="18" charset="0"/>
                                  </a:rPr>
                                </m:ctrlPr>
                              </m:sSubPr>
                              <m:e>
                                <m:r>
                                  <a:rPr lang="en-GB" sz="1600" b="0" i="1" smtClean="0">
                                    <a:solidFill>
                                      <a:srgbClr val="00B0F0"/>
                                    </a:solidFill>
                                    <a:latin typeface="Cambria Math" panose="02040503050406030204" pitchFamily="18" charset="0"/>
                                  </a:rPr>
                                  <m:t>𝜈</m:t>
                                </m:r>
                              </m:e>
                              <m:sub>
                                <m:r>
                                  <a:rPr lang="en-GB" sz="1600" b="0" i="1" smtClean="0">
                                    <a:solidFill>
                                      <a:srgbClr val="00B0F0"/>
                                    </a:solidFill>
                                    <a:latin typeface="Cambria Math" panose="02040503050406030204" pitchFamily="18" charset="0"/>
                                  </a:rPr>
                                  <m:t>0</m:t>
                                </m:r>
                              </m:sub>
                            </m:sSub>
                          </m:e>
                        </m:d>
                        <m:r>
                          <a:rPr lang="en-GB" sz="1600" b="0" i="1" smtClean="0">
                            <a:latin typeface="Cambria Math" panose="02040503050406030204" pitchFamily="18" charset="0"/>
                          </a:rPr>
                          <m:t>+</m:t>
                        </m:r>
                        <m:r>
                          <a:rPr lang="en-GB" sz="1600" i="1" smtClean="0">
                            <a:solidFill>
                              <a:srgbClr val="0070C0"/>
                            </a:solidFill>
                            <a:latin typeface="Cambria Math" panose="02040503050406030204" pitchFamily="18" charset="0"/>
                          </a:rPr>
                          <m:t>𝛽</m:t>
                        </m:r>
                        <m:d>
                          <m:dPr>
                            <m:ctrlPr>
                              <a:rPr lang="en-GB" sz="1600" i="1">
                                <a:solidFill>
                                  <a:srgbClr val="0070C0"/>
                                </a:solidFill>
                                <a:latin typeface="Cambria Math" panose="02040503050406030204" pitchFamily="18" charset="0"/>
                              </a:rPr>
                            </m:ctrlPr>
                          </m:dPr>
                          <m:e>
                            <m:sSub>
                              <m:sSubPr>
                                <m:ctrlPr>
                                  <a:rPr lang="en-GB" sz="1600" b="0" i="1" smtClean="0">
                                    <a:solidFill>
                                      <a:srgbClr val="0070C0"/>
                                    </a:solidFill>
                                    <a:latin typeface="Cambria Math" panose="02040503050406030204" pitchFamily="18" charset="0"/>
                                  </a:rPr>
                                </m:ctrlPr>
                              </m:sSubPr>
                              <m:e>
                                <m:r>
                                  <a:rPr lang="en-GB" sz="1600" b="0" i="1" smtClean="0">
                                    <a:solidFill>
                                      <a:srgbClr val="0070C0"/>
                                    </a:solidFill>
                                    <a:latin typeface="Cambria Math" panose="02040503050406030204" pitchFamily="18" charset="0"/>
                                  </a:rPr>
                                  <m:t>𝜇</m:t>
                                </m:r>
                              </m:e>
                              <m:sub>
                                <m:r>
                                  <a:rPr lang="en-GB" sz="1600" b="0" i="1" smtClean="0">
                                    <a:solidFill>
                                      <a:srgbClr val="0070C0"/>
                                    </a:solidFill>
                                    <a:latin typeface="Cambria Math" panose="02040503050406030204" pitchFamily="18" charset="0"/>
                                  </a:rPr>
                                  <m:t>𝐽</m:t>
                                </m:r>
                              </m:sub>
                            </m:sSub>
                          </m:e>
                        </m:d>
                        <m:sSub>
                          <m:sSubPr>
                            <m:ctrlPr>
                              <a:rPr lang="en-GB" sz="1600" i="1">
                                <a:solidFill>
                                  <a:srgbClr val="0070C0"/>
                                </a:solidFill>
                                <a:latin typeface="Cambria Math" panose="02040503050406030204" pitchFamily="18" charset="0"/>
                              </a:rPr>
                            </m:ctrlPr>
                          </m:sSubPr>
                          <m:e>
                            <m:r>
                              <m:rPr>
                                <m:sty m:val="p"/>
                              </m:rPr>
                              <a:rPr lang="en-GB" sz="1600">
                                <a:solidFill>
                                  <a:srgbClr val="0070C0"/>
                                </a:solidFill>
                                <a:latin typeface="Cambria Math" panose="02040503050406030204" pitchFamily="18" charset="0"/>
                              </a:rPr>
                              <m:t>Δ</m:t>
                            </m:r>
                          </m:e>
                          <m:sub>
                            <m:r>
                              <a:rPr lang="en-GB" sz="1600" i="1">
                                <a:solidFill>
                                  <a:srgbClr val="0070C0"/>
                                </a:solidFill>
                                <a:latin typeface="Cambria Math" panose="02040503050406030204" pitchFamily="18" charset="0"/>
                              </a:rPr>
                              <m:t>∗</m:t>
                            </m:r>
                          </m:sub>
                        </m:sSub>
                        <m:d>
                          <m:dPr>
                            <m:ctrlPr>
                              <a:rPr lang="en-GB" sz="1600" i="1">
                                <a:solidFill>
                                  <a:srgbClr val="0070C0"/>
                                </a:solidFill>
                                <a:latin typeface="Cambria Math" panose="02040503050406030204" pitchFamily="18" charset="0"/>
                              </a:rPr>
                            </m:ctrlPr>
                          </m:dPr>
                          <m:e>
                            <m:sSub>
                              <m:sSubPr>
                                <m:ctrlPr>
                                  <a:rPr lang="en-GB" sz="1600" b="0" i="1" smtClean="0">
                                    <a:solidFill>
                                      <a:srgbClr val="0070C0"/>
                                    </a:solidFill>
                                    <a:latin typeface="Cambria Math" panose="02040503050406030204" pitchFamily="18" charset="0"/>
                                  </a:rPr>
                                </m:ctrlPr>
                              </m:sSubPr>
                              <m:e>
                                <m:r>
                                  <a:rPr lang="en-GB" sz="1600" b="0" i="1" smtClean="0">
                                    <a:solidFill>
                                      <a:srgbClr val="0070C0"/>
                                    </a:solidFill>
                                    <a:latin typeface="Cambria Math" panose="02040503050406030204" pitchFamily="18" charset="0"/>
                                  </a:rPr>
                                  <m:t>𝜇</m:t>
                                </m:r>
                              </m:e>
                              <m:sub>
                                <m:r>
                                  <a:rPr lang="en-GB" sz="1600" b="0" i="1" smtClean="0">
                                    <a:solidFill>
                                      <a:srgbClr val="0070C0"/>
                                    </a:solidFill>
                                    <a:latin typeface="Cambria Math" panose="02040503050406030204" pitchFamily="18" charset="0"/>
                                  </a:rPr>
                                  <m:t>𝐽</m:t>
                                </m:r>
                              </m:sub>
                            </m:sSub>
                          </m:e>
                        </m:d>
                        <m:r>
                          <a:rPr lang="en-GB" sz="1600" b="0" i="1" smtClean="0">
                            <a:latin typeface="Cambria Math" panose="02040503050406030204" pitchFamily="18" charset="0"/>
                          </a:rPr>
                          <m:t>+</m:t>
                        </m:r>
                        <m:r>
                          <a:rPr lang="en-GB" sz="1600" i="1" smtClean="0">
                            <a:solidFill>
                              <a:srgbClr val="002060"/>
                            </a:solidFill>
                            <a:latin typeface="Cambria Math" panose="02040503050406030204" pitchFamily="18" charset="0"/>
                          </a:rPr>
                          <m:t>𝛽</m:t>
                        </m:r>
                        <m:d>
                          <m:dPr>
                            <m:ctrlPr>
                              <a:rPr lang="en-GB" sz="1600" i="1">
                                <a:solidFill>
                                  <a:srgbClr val="002060"/>
                                </a:solidFill>
                                <a:latin typeface="Cambria Math" panose="02040503050406030204" pitchFamily="18" charset="0"/>
                              </a:rPr>
                            </m:ctrlPr>
                          </m:dPr>
                          <m:e>
                            <m:sSubSup>
                              <m:sSubSupPr>
                                <m:ctrlPr>
                                  <a:rPr lang="en-GB" sz="1600" b="0" i="1" smtClean="0">
                                    <a:solidFill>
                                      <a:srgbClr val="002060"/>
                                    </a:solidFill>
                                    <a:latin typeface="Cambria Math" panose="02040503050406030204" pitchFamily="18" charset="0"/>
                                  </a:rPr>
                                </m:ctrlPr>
                              </m:sSubSupPr>
                              <m:e>
                                <m:r>
                                  <a:rPr lang="en-GB" sz="1600" b="0" i="1" smtClean="0">
                                    <a:solidFill>
                                      <a:srgbClr val="002060"/>
                                    </a:solidFill>
                                    <a:latin typeface="Cambria Math" panose="02040503050406030204" pitchFamily="18" charset="0"/>
                                  </a:rPr>
                                  <m:t>𝜎</m:t>
                                </m:r>
                              </m:e>
                              <m:sub>
                                <m:r>
                                  <a:rPr lang="en-GB" sz="1600" b="0" i="1" smtClean="0">
                                    <a:solidFill>
                                      <a:srgbClr val="002060"/>
                                    </a:solidFill>
                                    <a:latin typeface="Cambria Math" panose="02040503050406030204" pitchFamily="18" charset="0"/>
                                  </a:rPr>
                                  <m:t>𝐽</m:t>
                                </m:r>
                              </m:sub>
                              <m:sup>
                                <m:r>
                                  <a:rPr lang="en-GB" sz="1600" b="0" i="1" smtClean="0">
                                    <a:solidFill>
                                      <a:srgbClr val="002060"/>
                                    </a:solidFill>
                                    <a:latin typeface="Cambria Math" panose="02040503050406030204" pitchFamily="18" charset="0"/>
                                  </a:rPr>
                                  <m:t>2</m:t>
                                </m:r>
                              </m:sup>
                            </m:sSubSup>
                          </m:e>
                        </m:d>
                        <m:sSub>
                          <m:sSubPr>
                            <m:ctrlPr>
                              <a:rPr lang="en-GB" sz="1600" i="1">
                                <a:solidFill>
                                  <a:srgbClr val="002060"/>
                                </a:solidFill>
                                <a:latin typeface="Cambria Math" panose="02040503050406030204" pitchFamily="18" charset="0"/>
                              </a:rPr>
                            </m:ctrlPr>
                          </m:sSubPr>
                          <m:e>
                            <m:r>
                              <m:rPr>
                                <m:sty m:val="p"/>
                              </m:rPr>
                              <a:rPr lang="en-GB" sz="1600">
                                <a:solidFill>
                                  <a:srgbClr val="002060"/>
                                </a:solidFill>
                                <a:latin typeface="Cambria Math" panose="02040503050406030204" pitchFamily="18" charset="0"/>
                              </a:rPr>
                              <m:t>Δ</m:t>
                            </m:r>
                          </m:e>
                          <m:sub>
                            <m:r>
                              <a:rPr lang="en-GB" sz="1600" i="1">
                                <a:solidFill>
                                  <a:srgbClr val="002060"/>
                                </a:solidFill>
                                <a:latin typeface="Cambria Math" panose="02040503050406030204" pitchFamily="18" charset="0"/>
                              </a:rPr>
                              <m:t>∗</m:t>
                            </m:r>
                          </m:sub>
                        </m:sSub>
                        <m:d>
                          <m:dPr>
                            <m:ctrlPr>
                              <a:rPr lang="en-GB" sz="1600" i="1">
                                <a:solidFill>
                                  <a:srgbClr val="002060"/>
                                </a:solidFill>
                                <a:latin typeface="Cambria Math" panose="02040503050406030204" pitchFamily="18" charset="0"/>
                              </a:rPr>
                            </m:ctrlPr>
                          </m:dPr>
                          <m:e>
                            <m:sSubSup>
                              <m:sSubSupPr>
                                <m:ctrlPr>
                                  <a:rPr lang="en-GB" sz="1600" b="0" i="1" smtClean="0">
                                    <a:solidFill>
                                      <a:srgbClr val="002060"/>
                                    </a:solidFill>
                                    <a:latin typeface="Cambria Math" panose="02040503050406030204" pitchFamily="18" charset="0"/>
                                  </a:rPr>
                                </m:ctrlPr>
                              </m:sSubSupPr>
                              <m:e>
                                <m:r>
                                  <a:rPr lang="en-GB" sz="1600" b="0" i="1" smtClean="0">
                                    <a:solidFill>
                                      <a:srgbClr val="002060"/>
                                    </a:solidFill>
                                    <a:latin typeface="Cambria Math" panose="02040503050406030204" pitchFamily="18" charset="0"/>
                                  </a:rPr>
                                  <m:t>𝜎</m:t>
                                </m:r>
                              </m:e>
                              <m:sub>
                                <m:r>
                                  <a:rPr lang="en-GB" sz="1600" b="0" i="1" smtClean="0">
                                    <a:solidFill>
                                      <a:srgbClr val="002060"/>
                                    </a:solidFill>
                                    <a:latin typeface="Cambria Math" panose="02040503050406030204" pitchFamily="18" charset="0"/>
                                  </a:rPr>
                                  <m:t>𝐽</m:t>
                                </m:r>
                              </m:sub>
                              <m:sup>
                                <m:r>
                                  <a:rPr lang="en-GB" sz="1600" b="0" i="1" smtClean="0">
                                    <a:solidFill>
                                      <a:srgbClr val="002060"/>
                                    </a:solidFill>
                                    <a:latin typeface="Cambria Math" panose="02040503050406030204" pitchFamily="18" charset="0"/>
                                  </a:rPr>
                                  <m:t>2</m:t>
                                </m:r>
                              </m:sup>
                            </m:sSubSup>
                          </m:e>
                        </m:d>
                        <m:r>
                          <a:rPr lang="en-GB" sz="1600" b="0" i="1" smtClean="0">
                            <a:latin typeface="Cambria Math" panose="02040503050406030204" pitchFamily="18" charset="0"/>
                          </a:rPr>
                          <m:t>+</m:t>
                        </m:r>
                        <m:sSub>
                          <m:sSubPr>
                            <m:ctrlPr>
                              <a:rPr lang="en-GB" sz="1600" b="0" i="1" smtClean="0">
                                <a:solidFill>
                                  <a:schemeClr val="tx1"/>
                                </a:solidFill>
                                <a:latin typeface="Cambria Math" panose="02040503050406030204" pitchFamily="18" charset="0"/>
                              </a:rPr>
                            </m:ctrlPr>
                          </m:sSubPr>
                          <m:e>
                            <m:r>
                              <a:rPr lang="en-GB" sz="1600" b="0" i="1" smtClean="0">
                                <a:solidFill>
                                  <a:schemeClr val="tx1"/>
                                </a:solidFill>
                                <a:latin typeface="Cambria Math" panose="02040503050406030204" pitchFamily="18" charset="0"/>
                              </a:rPr>
                              <m:t>𝑟</m:t>
                            </m:r>
                          </m:e>
                          <m:sub>
                            <m:r>
                              <a:rPr lang="en-GB" sz="1600" b="0" i="1" smtClean="0">
                                <a:solidFill>
                                  <a:schemeClr val="tx1"/>
                                </a:solidFill>
                                <a:latin typeface="Cambria Math" panose="02040503050406030204" pitchFamily="18" charset="0"/>
                              </a:rPr>
                              <m:t>∗</m:t>
                            </m:r>
                          </m:sub>
                        </m:sSub>
                        <m:r>
                          <a:rPr lang="en-GB" sz="1600" b="0" i="1" smtClean="0">
                            <a:solidFill>
                              <a:schemeClr val="tx1"/>
                            </a:solidFill>
                            <a:latin typeface="Cambria Math" panose="02040503050406030204" pitchFamily="18" charset="0"/>
                          </a:rPr>
                          <m:t>(</m:t>
                        </m:r>
                        <m:r>
                          <a:rPr lang="en-GB" sz="1600" b="0" i="1" smtClean="0">
                            <a:solidFill>
                              <a:schemeClr val="tx1"/>
                            </a:solidFill>
                            <a:latin typeface="Cambria Math" panose="02040503050406030204" pitchFamily="18" charset="0"/>
                          </a:rPr>
                          <m:t>𝑝</m:t>
                        </m:r>
                        <m:r>
                          <a:rPr lang="en-GB" sz="1600" b="0" i="1" smtClean="0">
                            <a:solidFill>
                              <a:schemeClr val="tx1"/>
                            </a:solidFill>
                            <a:latin typeface="Cambria Math" panose="02040503050406030204" pitchFamily="18" charset="0"/>
                          </a:rPr>
                          <m:t>)</m:t>
                        </m:r>
                      </m:oMath>
                    </m:oMathPara>
                  </a14:m>
                  <a:endParaRPr lang="en-GB" sz="1600" dirty="0"/>
                </a:p>
              </p:txBody>
            </p:sp>
          </mc:Choice>
          <mc:Fallback xmlns="">
            <p:sp>
              <p:nvSpPr>
                <p:cNvPr id="2" name="TextBox 1">
                  <a:extLst>
                    <a:ext uri="{FF2B5EF4-FFF2-40B4-BE49-F238E27FC236}">
                      <a16:creationId xmlns:a16="http://schemas.microsoft.com/office/drawing/2014/main" id="{818E9F9F-0F48-E1F6-C2CF-C6402245C516}"/>
                    </a:ext>
                  </a:extLst>
                </p:cNvPr>
                <p:cNvSpPr txBox="1">
                  <a:spLocks noRot="1" noChangeAspect="1" noMove="1" noResize="1" noEditPoints="1" noAdjustHandles="1" noChangeArrowheads="1" noChangeShapeType="1" noTextEdit="1"/>
                </p:cNvSpPr>
                <p:nvPr/>
              </p:nvSpPr>
              <p:spPr>
                <a:xfrm>
                  <a:off x="569936" y="1993596"/>
                  <a:ext cx="11052128" cy="285143"/>
                </a:xfrm>
                <a:prstGeom prst="rect">
                  <a:avLst/>
                </a:prstGeom>
                <a:blipFill>
                  <a:blip r:embed="rId3"/>
                  <a:stretch>
                    <a:fillRect r="-165" b="-23404"/>
                  </a:stretch>
                </a:blipFill>
              </p:spPr>
              <p:txBody>
                <a:bodyPr/>
                <a:lstStyle/>
                <a:p>
                  <a:r>
                    <a:rPr lang="en-GB">
                      <a:noFill/>
                    </a:rPr>
                    <a:t> </a:t>
                  </a:r>
                </a:p>
              </p:txBody>
            </p:sp>
          </mc:Fallback>
        </mc:AlternateContent>
        <p:sp>
          <p:nvSpPr>
            <p:cNvPr id="3" name="TextBox 2">
              <a:extLst>
                <a:ext uri="{FF2B5EF4-FFF2-40B4-BE49-F238E27FC236}">
                  <a16:creationId xmlns:a16="http://schemas.microsoft.com/office/drawing/2014/main" id="{84C6302A-965E-3A9A-F433-B1068DE4D3B0}"/>
                </a:ext>
              </a:extLst>
            </p:cNvPr>
            <p:cNvSpPr txBox="1"/>
            <p:nvPr/>
          </p:nvSpPr>
          <p:spPr>
            <a:xfrm>
              <a:off x="1670670" y="1596048"/>
              <a:ext cx="312906" cy="369332"/>
            </a:xfrm>
            <a:prstGeom prst="rect">
              <a:avLst/>
            </a:prstGeom>
            <a:noFill/>
          </p:spPr>
          <p:txBody>
            <a:bodyPr wrap="none" rtlCol="0">
              <a:spAutoFit/>
            </a:bodyPr>
            <a:lstStyle/>
            <a:p>
              <a:r>
                <a:rPr lang="en-GB" dirty="0"/>
                <a:t>1</a:t>
              </a:r>
            </a:p>
          </p:txBody>
        </p:sp>
        <p:sp>
          <p:nvSpPr>
            <p:cNvPr id="4" name="TextBox 3">
              <a:extLst>
                <a:ext uri="{FF2B5EF4-FFF2-40B4-BE49-F238E27FC236}">
                  <a16:creationId xmlns:a16="http://schemas.microsoft.com/office/drawing/2014/main" id="{8E784821-DB94-B348-79BB-303DE5AC466B}"/>
                </a:ext>
              </a:extLst>
            </p:cNvPr>
            <p:cNvSpPr txBox="1"/>
            <p:nvPr/>
          </p:nvSpPr>
          <p:spPr>
            <a:xfrm>
              <a:off x="2777227" y="1584129"/>
              <a:ext cx="312906" cy="369332"/>
            </a:xfrm>
            <a:prstGeom prst="rect">
              <a:avLst/>
            </a:prstGeom>
            <a:noFill/>
          </p:spPr>
          <p:txBody>
            <a:bodyPr wrap="none" rtlCol="0">
              <a:spAutoFit/>
            </a:bodyPr>
            <a:lstStyle/>
            <a:p>
              <a:r>
                <a:rPr lang="en-GB" dirty="0">
                  <a:solidFill>
                    <a:srgbClr val="FF0000"/>
                  </a:solidFill>
                </a:rPr>
                <a:t>2</a:t>
              </a:r>
            </a:p>
          </p:txBody>
        </p:sp>
        <p:sp>
          <p:nvSpPr>
            <p:cNvPr id="5" name="TextBox 4">
              <a:extLst>
                <a:ext uri="{FF2B5EF4-FFF2-40B4-BE49-F238E27FC236}">
                  <a16:creationId xmlns:a16="http://schemas.microsoft.com/office/drawing/2014/main" id="{529ACA15-B0E7-B22B-BFC6-B5F231C9C2A4}"/>
                </a:ext>
              </a:extLst>
            </p:cNvPr>
            <p:cNvSpPr txBox="1"/>
            <p:nvPr/>
          </p:nvSpPr>
          <p:spPr>
            <a:xfrm>
              <a:off x="4031330" y="1596048"/>
              <a:ext cx="312906" cy="369332"/>
            </a:xfrm>
            <a:prstGeom prst="rect">
              <a:avLst/>
            </a:prstGeom>
            <a:noFill/>
          </p:spPr>
          <p:txBody>
            <a:bodyPr wrap="none" rtlCol="0">
              <a:spAutoFit/>
            </a:bodyPr>
            <a:lstStyle/>
            <a:p>
              <a:r>
                <a:rPr lang="en-GB" dirty="0">
                  <a:solidFill>
                    <a:srgbClr val="FFC000"/>
                  </a:solidFill>
                </a:rPr>
                <a:t>3</a:t>
              </a:r>
            </a:p>
          </p:txBody>
        </p:sp>
        <p:sp>
          <p:nvSpPr>
            <p:cNvPr id="6" name="TextBox 5">
              <a:extLst>
                <a:ext uri="{FF2B5EF4-FFF2-40B4-BE49-F238E27FC236}">
                  <a16:creationId xmlns:a16="http://schemas.microsoft.com/office/drawing/2014/main" id="{5632B66F-D0BB-EDD5-FC4D-C779FE2C8A42}"/>
                </a:ext>
              </a:extLst>
            </p:cNvPr>
            <p:cNvSpPr txBox="1"/>
            <p:nvPr/>
          </p:nvSpPr>
          <p:spPr>
            <a:xfrm>
              <a:off x="5119028" y="1612345"/>
              <a:ext cx="312906" cy="369332"/>
            </a:xfrm>
            <a:prstGeom prst="rect">
              <a:avLst/>
            </a:prstGeom>
            <a:noFill/>
          </p:spPr>
          <p:txBody>
            <a:bodyPr wrap="none" rtlCol="0">
              <a:spAutoFit/>
            </a:bodyPr>
            <a:lstStyle/>
            <a:p>
              <a:r>
                <a:rPr lang="en-GB" dirty="0">
                  <a:solidFill>
                    <a:srgbClr val="92D050"/>
                  </a:solidFill>
                </a:rPr>
                <a:t>4</a:t>
              </a:r>
            </a:p>
          </p:txBody>
        </p:sp>
        <p:sp>
          <p:nvSpPr>
            <p:cNvPr id="7" name="TextBox 6">
              <a:extLst>
                <a:ext uri="{FF2B5EF4-FFF2-40B4-BE49-F238E27FC236}">
                  <a16:creationId xmlns:a16="http://schemas.microsoft.com/office/drawing/2014/main" id="{4E0B07E8-B97A-493B-8776-B5F1D2586ADA}"/>
                </a:ext>
              </a:extLst>
            </p:cNvPr>
            <p:cNvSpPr txBox="1"/>
            <p:nvPr/>
          </p:nvSpPr>
          <p:spPr>
            <a:xfrm>
              <a:off x="6157260" y="1624264"/>
              <a:ext cx="312906" cy="369332"/>
            </a:xfrm>
            <a:prstGeom prst="rect">
              <a:avLst/>
            </a:prstGeom>
            <a:noFill/>
          </p:spPr>
          <p:txBody>
            <a:bodyPr wrap="none" rtlCol="0">
              <a:spAutoFit/>
            </a:bodyPr>
            <a:lstStyle/>
            <a:p>
              <a:r>
                <a:rPr lang="en-GB" dirty="0">
                  <a:solidFill>
                    <a:srgbClr val="00B050"/>
                  </a:solidFill>
                </a:rPr>
                <a:t>5</a:t>
              </a:r>
            </a:p>
          </p:txBody>
        </p:sp>
        <p:sp>
          <p:nvSpPr>
            <p:cNvPr id="8" name="TextBox 7">
              <a:extLst>
                <a:ext uri="{FF2B5EF4-FFF2-40B4-BE49-F238E27FC236}">
                  <a16:creationId xmlns:a16="http://schemas.microsoft.com/office/drawing/2014/main" id="{55A52EB0-7233-DD6A-988E-B1BE4BC0FCFC}"/>
                </a:ext>
              </a:extLst>
            </p:cNvPr>
            <p:cNvSpPr txBox="1"/>
            <p:nvPr/>
          </p:nvSpPr>
          <p:spPr>
            <a:xfrm>
              <a:off x="7447627" y="1624264"/>
              <a:ext cx="312906" cy="369332"/>
            </a:xfrm>
            <a:prstGeom prst="rect">
              <a:avLst/>
            </a:prstGeom>
            <a:noFill/>
          </p:spPr>
          <p:txBody>
            <a:bodyPr wrap="none" rtlCol="0">
              <a:spAutoFit/>
            </a:bodyPr>
            <a:lstStyle/>
            <a:p>
              <a:r>
                <a:rPr lang="en-GB" dirty="0">
                  <a:solidFill>
                    <a:srgbClr val="00B0F0"/>
                  </a:solidFill>
                </a:rPr>
                <a:t>6</a:t>
              </a:r>
            </a:p>
          </p:txBody>
        </p:sp>
        <p:sp>
          <p:nvSpPr>
            <p:cNvPr id="9" name="TextBox 8">
              <a:extLst>
                <a:ext uri="{FF2B5EF4-FFF2-40B4-BE49-F238E27FC236}">
                  <a16:creationId xmlns:a16="http://schemas.microsoft.com/office/drawing/2014/main" id="{15445545-C6C8-FBEB-2F7A-E6127784D950}"/>
                </a:ext>
              </a:extLst>
            </p:cNvPr>
            <p:cNvSpPr txBox="1"/>
            <p:nvPr/>
          </p:nvSpPr>
          <p:spPr>
            <a:xfrm>
              <a:off x="8836120" y="1612345"/>
              <a:ext cx="312906" cy="369332"/>
            </a:xfrm>
            <a:prstGeom prst="rect">
              <a:avLst/>
            </a:prstGeom>
            <a:noFill/>
          </p:spPr>
          <p:txBody>
            <a:bodyPr wrap="none" rtlCol="0">
              <a:spAutoFit/>
            </a:bodyPr>
            <a:lstStyle/>
            <a:p>
              <a:r>
                <a:rPr lang="en-GB" dirty="0">
                  <a:solidFill>
                    <a:srgbClr val="0070C0"/>
                  </a:solidFill>
                </a:rPr>
                <a:t>7</a:t>
              </a:r>
            </a:p>
          </p:txBody>
        </p:sp>
        <p:sp>
          <p:nvSpPr>
            <p:cNvPr id="10" name="TextBox 9">
              <a:extLst>
                <a:ext uri="{FF2B5EF4-FFF2-40B4-BE49-F238E27FC236}">
                  <a16:creationId xmlns:a16="http://schemas.microsoft.com/office/drawing/2014/main" id="{7597A6AD-B859-17E0-869E-83FF32810275}"/>
                </a:ext>
              </a:extLst>
            </p:cNvPr>
            <p:cNvSpPr txBox="1"/>
            <p:nvPr/>
          </p:nvSpPr>
          <p:spPr>
            <a:xfrm>
              <a:off x="10188590" y="1628420"/>
              <a:ext cx="312906" cy="369332"/>
            </a:xfrm>
            <a:prstGeom prst="rect">
              <a:avLst/>
            </a:prstGeom>
            <a:noFill/>
          </p:spPr>
          <p:txBody>
            <a:bodyPr wrap="none" rtlCol="0">
              <a:spAutoFit/>
            </a:bodyPr>
            <a:lstStyle/>
            <a:p>
              <a:r>
                <a:rPr lang="en-GB" dirty="0">
                  <a:solidFill>
                    <a:srgbClr val="002060"/>
                  </a:solidFill>
                </a:rPr>
                <a:t>8</a:t>
              </a:r>
            </a:p>
          </p:txBody>
        </p:sp>
      </p:grpSp>
      <p:grpSp>
        <p:nvGrpSpPr>
          <p:cNvPr id="20" name="Group_45203.9814351852030194">
            <a:extLst>
              <a:ext uri="{FF2B5EF4-FFF2-40B4-BE49-F238E27FC236}">
                <a16:creationId xmlns:a16="http://schemas.microsoft.com/office/drawing/2014/main" id="{C6F61287-5D17-C30B-2324-EE00D30A8E44}"/>
              </a:ext>
            </a:extLst>
          </p:cNvPr>
          <p:cNvGrpSpPr/>
          <p:nvPr/>
        </p:nvGrpSpPr>
        <p:grpSpPr>
          <a:xfrm>
            <a:off x="1076452" y="2667326"/>
            <a:ext cx="10039095" cy="655551"/>
            <a:chOff x="569936" y="1623188"/>
            <a:chExt cx="10039095" cy="655551"/>
          </a:xfrm>
        </p:grpSpPr>
        <mc:AlternateContent xmlns:mc="http://schemas.openxmlformats.org/markup-compatibility/2006" xmlns:a14="http://schemas.microsoft.com/office/drawing/2010/main">
          <mc:Choice Requires="a14">
            <p:sp>
              <p:nvSpPr>
                <p:cNvPr id="22" name="TextBox 21">
                  <a:extLst>
                    <a:ext uri="{FF2B5EF4-FFF2-40B4-BE49-F238E27FC236}">
                      <a16:creationId xmlns:a16="http://schemas.microsoft.com/office/drawing/2014/main" id="{4CD4A755-7E83-EA65-5AB2-B4544D3FC1AE}"/>
                    </a:ext>
                  </a:extLst>
                </p:cNvPr>
                <p:cNvSpPr txBox="1"/>
                <p:nvPr/>
              </p:nvSpPr>
              <p:spPr>
                <a:xfrm>
                  <a:off x="569936" y="1993596"/>
                  <a:ext cx="10039095" cy="28514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en-GB" sz="1600" b="0" i="1" smtClean="0">
                                <a:solidFill>
                                  <a:schemeClr val="tx1"/>
                                </a:solidFill>
                                <a:latin typeface="Cambria Math" panose="02040503050406030204" pitchFamily="18" charset="0"/>
                              </a:rPr>
                            </m:ctrlPr>
                          </m:sSubPr>
                          <m:e>
                            <m:r>
                              <m:rPr>
                                <m:sty m:val="p"/>
                              </m:rPr>
                              <a:rPr lang="en-GB" sz="1600" b="0" i="0" smtClean="0">
                                <a:solidFill>
                                  <a:schemeClr val="tx1"/>
                                </a:solidFill>
                                <a:latin typeface="Cambria Math" panose="02040503050406030204" pitchFamily="18" charset="0"/>
                              </a:rPr>
                              <m:t>Δ</m:t>
                            </m:r>
                          </m:e>
                          <m:sub>
                            <m:r>
                              <a:rPr lang="en-GB" sz="1600" b="0" i="1" smtClean="0">
                                <a:solidFill>
                                  <a:schemeClr val="tx1"/>
                                </a:solidFill>
                                <a:latin typeface="Cambria Math" panose="02040503050406030204" pitchFamily="18" charset="0"/>
                              </a:rPr>
                              <m:t>∗</m:t>
                            </m:r>
                          </m:sub>
                        </m:sSub>
                        <m:d>
                          <m:dPr>
                            <m:ctrlPr>
                              <a:rPr lang="en-GB" sz="1600" b="0" i="1" smtClean="0">
                                <a:solidFill>
                                  <a:schemeClr val="tx1"/>
                                </a:solidFill>
                                <a:latin typeface="Cambria Math" panose="02040503050406030204" pitchFamily="18" charset="0"/>
                              </a:rPr>
                            </m:ctrlPr>
                          </m:dPr>
                          <m:e>
                            <m:r>
                              <a:rPr lang="en-GB" sz="1600" b="0" i="1" smtClean="0">
                                <a:solidFill>
                                  <a:schemeClr val="tx1"/>
                                </a:solidFill>
                                <a:latin typeface="Cambria Math" panose="02040503050406030204" pitchFamily="18" charset="0"/>
                              </a:rPr>
                              <m:t>𝑝</m:t>
                            </m:r>
                          </m:e>
                        </m:d>
                        <m:r>
                          <a:rPr lang="en-GB" sz="1600" b="0" i="1" smtClean="0">
                            <a:solidFill>
                              <a:schemeClr val="tx1"/>
                            </a:solidFill>
                            <a:latin typeface="Cambria Math" panose="02040503050406030204" pitchFamily="18" charset="0"/>
                          </a:rPr>
                          <m:t>=</m:t>
                        </m:r>
                        <m:r>
                          <a:rPr lang="en-GB" sz="1600" i="1" smtClean="0">
                            <a:solidFill>
                              <a:srgbClr val="FF0000"/>
                            </a:solidFill>
                            <a:latin typeface="Cambria Math" panose="02040503050406030204" pitchFamily="18" charset="0"/>
                          </a:rPr>
                          <m:t>𝛽</m:t>
                        </m:r>
                        <m:d>
                          <m:dPr>
                            <m:ctrlPr>
                              <a:rPr lang="en-GB" sz="1600" i="1">
                                <a:solidFill>
                                  <a:srgbClr val="FF0000"/>
                                </a:solidFill>
                                <a:latin typeface="Cambria Math" panose="02040503050406030204" pitchFamily="18" charset="0"/>
                              </a:rPr>
                            </m:ctrlPr>
                          </m:dPr>
                          <m:e>
                            <m:r>
                              <a:rPr lang="en-GB" sz="1600" b="0" i="1" smtClean="0">
                                <a:solidFill>
                                  <a:srgbClr val="FF0000"/>
                                </a:solidFill>
                                <a:latin typeface="Cambria Math" panose="02040503050406030204" pitchFamily="18" charset="0"/>
                              </a:rPr>
                              <m:t>𝜃</m:t>
                            </m:r>
                          </m:e>
                        </m:d>
                        <m:sSub>
                          <m:sSubPr>
                            <m:ctrlPr>
                              <a:rPr lang="en-GB" sz="1600" i="1">
                                <a:solidFill>
                                  <a:srgbClr val="FF0000"/>
                                </a:solidFill>
                                <a:latin typeface="Cambria Math" panose="02040503050406030204" pitchFamily="18" charset="0"/>
                              </a:rPr>
                            </m:ctrlPr>
                          </m:sSubPr>
                          <m:e>
                            <m:r>
                              <m:rPr>
                                <m:sty m:val="p"/>
                              </m:rPr>
                              <a:rPr lang="en-GB" sz="1600">
                                <a:solidFill>
                                  <a:srgbClr val="FF0000"/>
                                </a:solidFill>
                                <a:latin typeface="Cambria Math" panose="02040503050406030204" pitchFamily="18" charset="0"/>
                              </a:rPr>
                              <m:t>Δ</m:t>
                            </m:r>
                          </m:e>
                          <m:sub>
                            <m:r>
                              <a:rPr lang="en-GB" sz="1600" i="1">
                                <a:solidFill>
                                  <a:srgbClr val="FF0000"/>
                                </a:solidFill>
                                <a:latin typeface="Cambria Math" panose="02040503050406030204" pitchFamily="18" charset="0"/>
                              </a:rPr>
                              <m:t>∗</m:t>
                            </m:r>
                          </m:sub>
                        </m:sSub>
                        <m:d>
                          <m:dPr>
                            <m:ctrlPr>
                              <a:rPr lang="en-GB" sz="1600" i="1">
                                <a:solidFill>
                                  <a:srgbClr val="FF0000"/>
                                </a:solidFill>
                                <a:latin typeface="Cambria Math" panose="02040503050406030204" pitchFamily="18" charset="0"/>
                              </a:rPr>
                            </m:ctrlPr>
                          </m:dPr>
                          <m:e>
                            <m:r>
                              <a:rPr lang="en-GB" sz="1600" b="0" i="1" smtClean="0">
                                <a:solidFill>
                                  <a:srgbClr val="FF0000"/>
                                </a:solidFill>
                                <a:latin typeface="Cambria Math" panose="02040503050406030204" pitchFamily="18" charset="0"/>
                              </a:rPr>
                              <m:t>𝜃</m:t>
                            </m:r>
                          </m:e>
                        </m:d>
                        <m:r>
                          <a:rPr lang="en-GB" sz="1600" b="0" i="0" smtClean="0">
                            <a:latin typeface="Cambria Math" panose="02040503050406030204" pitchFamily="18" charset="0"/>
                          </a:rPr>
                          <m:t>+</m:t>
                        </m:r>
                        <m:r>
                          <a:rPr lang="en-GB" sz="1600" i="1" smtClean="0">
                            <a:solidFill>
                              <a:srgbClr val="FFC000"/>
                            </a:solidFill>
                            <a:latin typeface="Cambria Math" panose="02040503050406030204" pitchFamily="18" charset="0"/>
                          </a:rPr>
                          <m:t>𝛽</m:t>
                        </m:r>
                        <m:d>
                          <m:dPr>
                            <m:ctrlPr>
                              <a:rPr lang="en-GB" sz="1600" i="1">
                                <a:solidFill>
                                  <a:srgbClr val="FFC000"/>
                                </a:solidFill>
                                <a:latin typeface="Cambria Math" panose="02040503050406030204" pitchFamily="18" charset="0"/>
                              </a:rPr>
                            </m:ctrlPr>
                          </m:dPr>
                          <m:e>
                            <m:r>
                              <a:rPr lang="en-GB" sz="1600" b="0" i="1" smtClean="0">
                                <a:solidFill>
                                  <a:srgbClr val="FFC000"/>
                                </a:solidFill>
                                <a:latin typeface="Cambria Math" panose="02040503050406030204" pitchFamily="18" charset="0"/>
                              </a:rPr>
                              <m:t>𝛼</m:t>
                            </m:r>
                          </m:e>
                        </m:d>
                        <m:sSub>
                          <m:sSubPr>
                            <m:ctrlPr>
                              <a:rPr lang="en-GB" sz="1600" i="1">
                                <a:solidFill>
                                  <a:srgbClr val="FFC000"/>
                                </a:solidFill>
                                <a:latin typeface="Cambria Math" panose="02040503050406030204" pitchFamily="18" charset="0"/>
                              </a:rPr>
                            </m:ctrlPr>
                          </m:sSubPr>
                          <m:e>
                            <m:r>
                              <m:rPr>
                                <m:sty m:val="p"/>
                              </m:rPr>
                              <a:rPr lang="en-GB" sz="1600">
                                <a:solidFill>
                                  <a:srgbClr val="FFC000"/>
                                </a:solidFill>
                                <a:latin typeface="Cambria Math" panose="02040503050406030204" pitchFamily="18" charset="0"/>
                              </a:rPr>
                              <m:t>Δ</m:t>
                            </m:r>
                          </m:e>
                          <m:sub>
                            <m:r>
                              <a:rPr lang="en-GB" sz="1600" i="1">
                                <a:solidFill>
                                  <a:srgbClr val="FFC000"/>
                                </a:solidFill>
                                <a:latin typeface="Cambria Math" panose="02040503050406030204" pitchFamily="18" charset="0"/>
                              </a:rPr>
                              <m:t>∗</m:t>
                            </m:r>
                          </m:sub>
                        </m:sSub>
                        <m:d>
                          <m:dPr>
                            <m:ctrlPr>
                              <a:rPr lang="en-GB" sz="1600" i="1">
                                <a:solidFill>
                                  <a:srgbClr val="FFC000"/>
                                </a:solidFill>
                                <a:latin typeface="Cambria Math" panose="02040503050406030204" pitchFamily="18" charset="0"/>
                              </a:rPr>
                            </m:ctrlPr>
                          </m:dPr>
                          <m:e>
                            <m:r>
                              <a:rPr lang="en-GB" sz="1600" b="0" i="1" smtClean="0">
                                <a:solidFill>
                                  <a:srgbClr val="FFC000"/>
                                </a:solidFill>
                                <a:latin typeface="Cambria Math" panose="02040503050406030204" pitchFamily="18" charset="0"/>
                              </a:rPr>
                              <m:t>𝛼</m:t>
                            </m:r>
                          </m:e>
                        </m:d>
                        <m:r>
                          <a:rPr lang="en-GB" sz="1600" b="0" i="1" smtClean="0">
                            <a:latin typeface="Cambria Math" panose="02040503050406030204" pitchFamily="18" charset="0"/>
                          </a:rPr>
                          <m:t>+</m:t>
                        </m:r>
                        <m:r>
                          <a:rPr lang="en-GB" sz="1600" i="1" smtClean="0">
                            <a:solidFill>
                              <a:srgbClr val="92D050"/>
                            </a:solidFill>
                            <a:latin typeface="Cambria Math" panose="02040503050406030204" pitchFamily="18" charset="0"/>
                          </a:rPr>
                          <m:t>𝛽</m:t>
                        </m:r>
                        <m:d>
                          <m:dPr>
                            <m:ctrlPr>
                              <a:rPr lang="en-GB" sz="1600" i="1">
                                <a:solidFill>
                                  <a:srgbClr val="92D050"/>
                                </a:solidFill>
                                <a:latin typeface="Cambria Math" panose="02040503050406030204" pitchFamily="18" charset="0"/>
                              </a:rPr>
                            </m:ctrlPr>
                          </m:dPr>
                          <m:e>
                            <m:r>
                              <a:rPr lang="en-GB" sz="1600" b="0" i="1" smtClean="0">
                                <a:solidFill>
                                  <a:srgbClr val="92D050"/>
                                </a:solidFill>
                                <a:latin typeface="Cambria Math" panose="02040503050406030204" pitchFamily="18" charset="0"/>
                              </a:rPr>
                              <m:t>𝜉</m:t>
                            </m:r>
                          </m:e>
                        </m:d>
                        <m:sSub>
                          <m:sSubPr>
                            <m:ctrlPr>
                              <a:rPr lang="en-GB" sz="1600" i="1">
                                <a:solidFill>
                                  <a:srgbClr val="92D050"/>
                                </a:solidFill>
                                <a:latin typeface="Cambria Math" panose="02040503050406030204" pitchFamily="18" charset="0"/>
                              </a:rPr>
                            </m:ctrlPr>
                          </m:sSubPr>
                          <m:e>
                            <m:r>
                              <m:rPr>
                                <m:sty m:val="p"/>
                              </m:rPr>
                              <a:rPr lang="en-GB" sz="1600">
                                <a:solidFill>
                                  <a:srgbClr val="92D050"/>
                                </a:solidFill>
                                <a:latin typeface="Cambria Math" panose="02040503050406030204" pitchFamily="18" charset="0"/>
                              </a:rPr>
                              <m:t>Δ</m:t>
                            </m:r>
                          </m:e>
                          <m:sub>
                            <m:r>
                              <a:rPr lang="en-GB" sz="1600" i="1">
                                <a:solidFill>
                                  <a:srgbClr val="92D050"/>
                                </a:solidFill>
                                <a:latin typeface="Cambria Math" panose="02040503050406030204" pitchFamily="18" charset="0"/>
                              </a:rPr>
                              <m:t>∗</m:t>
                            </m:r>
                          </m:sub>
                        </m:sSub>
                        <m:d>
                          <m:dPr>
                            <m:ctrlPr>
                              <a:rPr lang="en-GB" sz="1600" i="1">
                                <a:solidFill>
                                  <a:srgbClr val="92D050"/>
                                </a:solidFill>
                                <a:latin typeface="Cambria Math" panose="02040503050406030204" pitchFamily="18" charset="0"/>
                              </a:rPr>
                            </m:ctrlPr>
                          </m:dPr>
                          <m:e>
                            <m:r>
                              <a:rPr lang="en-GB" sz="1600" b="0" i="1" smtClean="0">
                                <a:solidFill>
                                  <a:srgbClr val="92D050"/>
                                </a:solidFill>
                                <a:latin typeface="Cambria Math" panose="02040503050406030204" pitchFamily="18" charset="0"/>
                              </a:rPr>
                              <m:t>𝜉</m:t>
                            </m:r>
                          </m:e>
                        </m:d>
                        <m:r>
                          <a:rPr lang="en-GB" sz="1600" b="0" i="1" smtClean="0">
                            <a:latin typeface="Cambria Math" panose="02040503050406030204" pitchFamily="18" charset="0"/>
                          </a:rPr>
                          <m:t>+</m:t>
                        </m:r>
                        <m:r>
                          <a:rPr lang="en-GB" sz="1600" i="1" smtClean="0">
                            <a:solidFill>
                              <a:srgbClr val="00B050"/>
                            </a:solidFill>
                            <a:latin typeface="Cambria Math" panose="02040503050406030204" pitchFamily="18" charset="0"/>
                          </a:rPr>
                          <m:t>𝛽</m:t>
                        </m:r>
                        <m:d>
                          <m:dPr>
                            <m:ctrlPr>
                              <a:rPr lang="en-GB" sz="1600" i="1">
                                <a:solidFill>
                                  <a:srgbClr val="00B050"/>
                                </a:solidFill>
                                <a:latin typeface="Cambria Math" panose="02040503050406030204" pitchFamily="18" charset="0"/>
                              </a:rPr>
                            </m:ctrlPr>
                          </m:dPr>
                          <m:e>
                            <m:r>
                              <a:rPr lang="en-GB" sz="1600" b="0" i="1" smtClean="0">
                                <a:solidFill>
                                  <a:srgbClr val="00B050"/>
                                </a:solidFill>
                                <a:latin typeface="Cambria Math" panose="02040503050406030204" pitchFamily="18" charset="0"/>
                              </a:rPr>
                              <m:t>𝜌</m:t>
                            </m:r>
                          </m:e>
                        </m:d>
                        <m:sSub>
                          <m:sSubPr>
                            <m:ctrlPr>
                              <a:rPr lang="en-GB" sz="1600" i="1">
                                <a:solidFill>
                                  <a:srgbClr val="00B050"/>
                                </a:solidFill>
                                <a:latin typeface="Cambria Math" panose="02040503050406030204" pitchFamily="18" charset="0"/>
                              </a:rPr>
                            </m:ctrlPr>
                          </m:sSubPr>
                          <m:e>
                            <m:r>
                              <m:rPr>
                                <m:sty m:val="p"/>
                              </m:rPr>
                              <a:rPr lang="en-GB" sz="1600">
                                <a:solidFill>
                                  <a:srgbClr val="00B050"/>
                                </a:solidFill>
                                <a:latin typeface="Cambria Math" panose="02040503050406030204" pitchFamily="18" charset="0"/>
                              </a:rPr>
                              <m:t>Δ</m:t>
                            </m:r>
                          </m:e>
                          <m:sub>
                            <m:r>
                              <a:rPr lang="en-GB" sz="1600" i="1">
                                <a:solidFill>
                                  <a:srgbClr val="00B050"/>
                                </a:solidFill>
                                <a:latin typeface="Cambria Math" panose="02040503050406030204" pitchFamily="18" charset="0"/>
                              </a:rPr>
                              <m:t>∗</m:t>
                            </m:r>
                          </m:sub>
                        </m:sSub>
                        <m:d>
                          <m:dPr>
                            <m:ctrlPr>
                              <a:rPr lang="en-GB" sz="1600" i="1">
                                <a:solidFill>
                                  <a:srgbClr val="00B050"/>
                                </a:solidFill>
                                <a:latin typeface="Cambria Math" panose="02040503050406030204" pitchFamily="18" charset="0"/>
                              </a:rPr>
                            </m:ctrlPr>
                          </m:dPr>
                          <m:e>
                            <m:r>
                              <a:rPr lang="en-GB" sz="1600" b="0" i="1" smtClean="0">
                                <a:solidFill>
                                  <a:srgbClr val="00B050"/>
                                </a:solidFill>
                                <a:latin typeface="Cambria Math" panose="02040503050406030204" pitchFamily="18" charset="0"/>
                              </a:rPr>
                              <m:t>𝜌</m:t>
                            </m:r>
                          </m:e>
                        </m:d>
                        <m:r>
                          <a:rPr lang="en-GB" sz="1600" b="0" i="1" smtClean="0">
                            <a:latin typeface="Cambria Math" panose="02040503050406030204" pitchFamily="18" charset="0"/>
                          </a:rPr>
                          <m:t>+</m:t>
                        </m:r>
                        <m:r>
                          <a:rPr lang="en-GB" sz="1600" i="1" smtClean="0">
                            <a:solidFill>
                              <a:srgbClr val="00B0F0"/>
                            </a:solidFill>
                            <a:latin typeface="Cambria Math" panose="02040503050406030204" pitchFamily="18" charset="0"/>
                          </a:rPr>
                          <m:t>𝛽</m:t>
                        </m:r>
                        <m:d>
                          <m:dPr>
                            <m:ctrlPr>
                              <a:rPr lang="en-GB" sz="1600" i="1">
                                <a:solidFill>
                                  <a:srgbClr val="00B0F0"/>
                                </a:solidFill>
                                <a:latin typeface="Cambria Math" panose="02040503050406030204" pitchFamily="18" charset="0"/>
                              </a:rPr>
                            </m:ctrlPr>
                          </m:dPr>
                          <m:e>
                            <m:sSub>
                              <m:sSubPr>
                                <m:ctrlPr>
                                  <a:rPr lang="en-GB" sz="1600" b="0" i="1" smtClean="0">
                                    <a:solidFill>
                                      <a:srgbClr val="00B0F0"/>
                                    </a:solidFill>
                                    <a:latin typeface="Cambria Math" panose="02040503050406030204" pitchFamily="18" charset="0"/>
                                  </a:rPr>
                                </m:ctrlPr>
                              </m:sSubPr>
                              <m:e>
                                <m:r>
                                  <a:rPr lang="en-GB" sz="1600" b="0" i="1" smtClean="0">
                                    <a:solidFill>
                                      <a:srgbClr val="00B0F0"/>
                                    </a:solidFill>
                                    <a:latin typeface="Cambria Math" panose="02040503050406030204" pitchFamily="18" charset="0"/>
                                  </a:rPr>
                                  <m:t>𝜈</m:t>
                                </m:r>
                              </m:e>
                              <m:sub>
                                <m:r>
                                  <a:rPr lang="en-GB" sz="1600" b="0" i="1" smtClean="0">
                                    <a:solidFill>
                                      <a:srgbClr val="00B0F0"/>
                                    </a:solidFill>
                                    <a:latin typeface="Cambria Math" panose="02040503050406030204" pitchFamily="18" charset="0"/>
                                  </a:rPr>
                                  <m:t>0</m:t>
                                </m:r>
                              </m:sub>
                            </m:sSub>
                          </m:e>
                        </m:d>
                        <m:sSub>
                          <m:sSubPr>
                            <m:ctrlPr>
                              <a:rPr lang="en-GB" sz="1600" i="1">
                                <a:solidFill>
                                  <a:srgbClr val="00B0F0"/>
                                </a:solidFill>
                                <a:latin typeface="Cambria Math" panose="02040503050406030204" pitchFamily="18" charset="0"/>
                              </a:rPr>
                            </m:ctrlPr>
                          </m:sSubPr>
                          <m:e>
                            <m:r>
                              <m:rPr>
                                <m:sty m:val="p"/>
                              </m:rPr>
                              <a:rPr lang="en-GB" sz="1600">
                                <a:solidFill>
                                  <a:srgbClr val="00B0F0"/>
                                </a:solidFill>
                                <a:latin typeface="Cambria Math" panose="02040503050406030204" pitchFamily="18" charset="0"/>
                              </a:rPr>
                              <m:t>Δ</m:t>
                            </m:r>
                          </m:e>
                          <m:sub>
                            <m:r>
                              <a:rPr lang="en-GB" sz="1600" i="1">
                                <a:solidFill>
                                  <a:srgbClr val="00B0F0"/>
                                </a:solidFill>
                                <a:latin typeface="Cambria Math" panose="02040503050406030204" pitchFamily="18" charset="0"/>
                              </a:rPr>
                              <m:t>∗</m:t>
                            </m:r>
                          </m:sub>
                        </m:sSub>
                        <m:d>
                          <m:dPr>
                            <m:ctrlPr>
                              <a:rPr lang="en-GB" sz="1600" i="1">
                                <a:solidFill>
                                  <a:srgbClr val="00B0F0"/>
                                </a:solidFill>
                                <a:latin typeface="Cambria Math" panose="02040503050406030204" pitchFamily="18" charset="0"/>
                              </a:rPr>
                            </m:ctrlPr>
                          </m:dPr>
                          <m:e>
                            <m:sSub>
                              <m:sSubPr>
                                <m:ctrlPr>
                                  <a:rPr lang="en-GB" sz="1600" b="0" i="1" smtClean="0">
                                    <a:solidFill>
                                      <a:srgbClr val="00B0F0"/>
                                    </a:solidFill>
                                    <a:latin typeface="Cambria Math" panose="02040503050406030204" pitchFamily="18" charset="0"/>
                                  </a:rPr>
                                </m:ctrlPr>
                              </m:sSubPr>
                              <m:e>
                                <m:r>
                                  <a:rPr lang="en-GB" sz="1600" b="0" i="1" smtClean="0">
                                    <a:solidFill>
                                      <a:srgbClr val="00B0F0"/>
                                    </a:solidFill>
                                    <a:latin typeface="Cambria Math" panose="02040503050406030204" pitchFamily="18" charset="0"/>
                                  </a:rPr>
                                  <m:t>𝜈</m:t>
                                </m:r>
                              </m:e>
                              <m:sub>
                                <m:r>
                                  <a:rPr lang="en-GB" sz="1600" b="0" i="1" smtClean="0">
                                    <a:solidFill>
                                      <a:srgbClr val="00B0F0"/>
                                    </a:solidFill>
                                    <a:latin typeface="Cambria Math" panose="02040503050406030204" pitchFamily="18" charset="0"/>
                                  </a:rPr>
                                  <m:t>0</m:t>
                                </m:r>
                              </m:sub>
                            </m:sSub>
                          </m:e>
                        </m:d>
                        <m:r>
                          <a:rPr lang="en-GB" sz="1600" b="0" i="1" smtClean="0">
                            <a:latin typeface="Cambria Math" panose="02040503050406030204" pitchFamily="18" charset="0"/>
                          </a:rPr>
                          <m:t>+</m:t>
                        </m:r>
                        <m:r>
                          <a:rPr lang="en-GB" sz="1600" i="1" smtClean="0">
                            <a:solidFill>
                              <a:srgbClr val="0070C0"/>
                            </a:solidFill>
                            <a:latin typeface="Cambria Math" panose="02040503050406030204" pitchFamily="18" charset="0"/>
                          </a:rPr>
                          <m:t>𝛽</m:t>
                        </m:r>
                        <m:d>
                          <m:dPr>
                            <m:ctrlPr>
                              <a:rPr lang="en-GB" sz="1600" i="1">
                                <a:solidFill>
                                  <a:srgbClr val="0070C0"/>
                                </a:solidFill>
                                <a:latin typeface="Cambria Math" panose="02040503050406030204" pitchFamily="18" charset="0"/>
                              </a:rPr>
                            </m:ctrlPr>
                          </m:dPr>
                          <m:e>
                            <m:sSub>
                              <m:sSubPr>
                                <m:ctrlPr>
                                  <a:rPr lang="en-GB" sz="1600" b="0" i="1" smtClean="0">
                                    <a:solidFill>
                                      <a:srgbClr val="0070C0"/>
                                    </a:solidFill>
                                    <a:latin typeface="Cambria Math" panose="02040503050406030204" pitchFamily="18" charset="0"/>
                                  </a:rPr>
                                </m:ctrlPr>
                              </m:sSubPr>
                              <m:e>
                                <m:r>
                                  <a:rPr lang="en-GB" sz="1600" b="0" i="1" smtClean="0">
                                    <a:solidFill>
                                      <a:srgbClr val="0070C0"/>
                                    </a:solidFill>
                                    <a:latin typeface="Cambria Math" panose="02040503050406030204" pitchFamily="18" charset="0"/>
                                  </a:rPr>
                                  <m:t>𝜇</m:t>
                                </m:r>
                              </m:e>
                              <m:sub>
                                <m:r>
                                  <a:rPr lang="en-GB" sz="1600" b="0" i="1" smtClean="0">
                                    <a:solidFill>
                                      <a:srgbClr val="0070C0"/>
                                    </a:solidFill>
                                    <a:latin typeface="Cambria Math" panose="02040503050406030204" pitchFamily="18" charset="0"/>
                                  </a:rPr>
                                  <m:t>𝐽</m:t>
                                </m:r>
                              </m:sub>
                            </m:sSub>
                          </m:e>
                        </m:d>
                        <m:sSub>
                          <m:sSubPr>
                            <m:ctrlPr>
                              <a:rPr lang="en-GB" sz="1600" i="1">
                                <a:solidFill>
                                  <a:srgbClr val="0070C0"/>
                                </a:solidFill>
                                <a:latin typeface="Cambria Math" panose="02040503050406030204" pitchFamily="18" charset="0"/>
                              </a:rPr>
                            </m:ctrlPr>
                          </m:sSubPr>
                          <m:e>
                            <m:r>
                              <m:rPr>
                                <m:sty m:val="p"/>
                              </m:rPr>
                              <a:rPr lang="en-GB" sz="1600">
                                <a:solidFill>
                                  <a:srgbClr val="0070C0"/>
                                </a:solidFill>
                                <a:latin typeface="Cambria Math" panose="02040503050406030204" pitchFamily="18" charset="0"/>
                              </a:rPr>
                              <m:t>Δ</m:t>
                            </m:r>
                          </m:e>
                          <m:sub>
                            <m:r>
                              <a:rPr lang="en-GB" sz="1600" i="1">
                                <a:solidFill>
                                  <a:srgbClr val="0070C0"/>
                                </a:solidFill>
                                <a:latin typeface="Cambria Math" panose="02040503050406030204" pitchFamily="18" charset="0"/>
                              </a:rPr>
                              <m:t>∗</m:t>
                            </m:r>
                          </m:sub>
                        </m:sSub>
                        <m:d>
                          <m:dPr>
                            <m:ctrlPr>
                              <a:rPr lang="en-GB" sz="1600" i="1">
                                <a:solidFill>
                                  <a:srgbClr val="0070C0"/>
                                </a:solidFill>
                                <a:latin typeface="Cambria Math" panose="02040503050406030204" pitchFamily="18" charset="0"/>
                              </a:rPr>
                            </m:ctrlPr>
                          </m:dPr>
                          <m:e>
                            <m:sSub>
                              <m:sSubPr>
                                <m:ctrlPr>
                                  <a:rPr lang="en-GB" sz="1600" b="0" i="1" smtClean="0">
                                    <a:solidFill>
                                      <a:srgbClr val="0070C0"/>
                                    </a:solidFill>
                                    <a:latin typeface="Cambria Math" panose="02040503050406030204" pitchFamily="18" charset="0"/>
                                  </a:rPr>
                                </m:ctrlPr>
                              </m:sSubPr>
                              <m:e>
                                <m:r>
                                  <a:rPr lang="en-GB" sz="1600" b="0" i="1" smtClean="0">
                                    <a:solidFill>
                                      <a:srgbClr val="0070C0"/>
                                    </a:solidFill>
                                    <a:latin typeface="Cambria Math" panose="02040503050406030204" pitchFamily="18" charset="0"/>
                                  </a:rPr>
                                  <m:t>𝜇</m:t>
                                </m:r>
                              </m:e>
                              <m:sub>
                                <m:r>
                                  <a:rPr lang="en-GB" sz="1600" b="0" i="1" smtClean="0">
                                    <a:solidFill>
                                      <a:srgbClr val="0070C0"/>
                                    </a:solidFill>
                                    <a:latin typeface="Cambria Math" panose="02040503050406030204" pitchFamily="18" charset="0"/>
                                  </a:rPr>
                                  <m:t>𝐽</m:t>
                                </m:r>
                              </m:sub>
                            </m:sSub>
                          </m:e>
                        </m:d>
                        <m:r>
                          <a:rPr lang="en-GB" sz="1600" b="0" i="1" smtClean="0">
                            <a:latin typeface="Cambria Math" panose="02040503050406030204" pitchFamily="18" charset="0"/>
                          </a:rPr>
                          <m:t>+</m:t>
                        </m:r>
                        <m:r>
                          <a:rPr lang="en-GB" sz="1600" i="1" smtClean="0">
                            <a:solidFill>
                              <a:srgbClr val="002060"/>
                            </a:solidFill>
                            <a:latin typeface="Cambria Math" panose="02040503050406030204" pitchFamily="18" charset="0"/>
                          </a:rPr>
                          <m:t>𝛽</m:t>
                        </m:r>
                        <m:d>
                          <m:dPr>
                            <m:ctrlPr>
                              <a:rPr lang="en-GB" sz="1600" i="1">
                                <a:solidFill>
                                  <a:srgbClr val="002060"/>
                                </a:solidFill>
                                <a:latin typeface="Cambria Math" panose="02040503050406030204" pitchFamily="18" charset="0"/>
                              </a:rPr>
                            </m:ctrlPr>
                          </m:dPr>
                          <m:e>
                            <m:sSubSup>
                              <m:sSubSupPr>
                                <m:ctrlPr>
                                  <a:rPr lang="en-GB" sz="1600" b="0" i="1" smtClean="0">
                                    <a:solidFill>
                                      <a:srgbClr val="002060"/>
                                    </a:solidFill>
                                    <a:latin typeface="Cambria Math" panose="02040503050406030204" pitchFamily="18" charset="0"/>
                                  </a:rPr>
                                </m:ctrlPr>
                              </m:sSubSupPr>
                              <m:e>
                                <m:r>
                                  <a:rPr lang="en-GB" sz="1600" b="0" i="1" smtClean="0">
                                    <a:solidFill>
                                      <a:srgbClr val="002060"/>
                                    </a:solidFill>
                                    <a:latin typeface="Cambria Math" panose="02040503050406030204" pitchFamily="18" charset="0"/>
                                  </a:rPr>
                                  <m:t>𝜎</m:t>
                                </m:r>
                              </m:e>
                              <m:sub>
                                <m:r>
                                  <a:rPr lang="en-GB" sz="1600" b="0" i="1" smtClean="0">
                                    <a:solidFill>
                                      <a:srgbClr val="002060"/>
                                    </a:solidFill>
                                    <a:latin typeface="Cambria Math" panose="02040503050406030204" pitchFamily="18" charset="0"/>
                                  </a:rPr>
                                  <m:t>𝐽</m:t>
                                </m:r>
                              </m:sub>
                              <m:sup>
                                <m:r>
                                  <a:rPr lang="en-GB" sz="1600" b="0" i="1" smtClean="0">
                                    <a:solidFill>
                                      <a:srgbClr val="002060"/>
                                    </a:solidFill>
                                    <a:latin typeface="Cambria Math" panose="02040503050406030204" pitchFamily="18" charset="0"/>
                                  </a:rPr>
                                  <m:t>2</m:t>
                                </m:r>
                              </m:sup>
                            </m:sSubSup>
                          </m:e>
                        </m:d>
                        <m:sSub>
                          <m:sSubPr>
                            <m:ctrlPr>
                              <a:rPr lang="en-GB" sz="1600" i="1">
                                <a:solidFill>
                                  <a:srgbClr val="002060"/>
                                </a:solidFill>
                                <a:latin typeface="Cambria Math" panose="02040503050406030204" pitchFamily="18" charset="0"/>
                              </a:rPr>
                            </m:ctrlPr>
                          </m:sSubPr>
                          <m:e>
                            <m:r>
                              <m:rPr>
                                <m:sty m:val="p"/>
                              </m:rPr>
                              <a:rPr lang="en-GB" sz="1600">
                                <a:solidFill>
                                  <a:srgbClr val="002060"/>
                                </a:solidFill>
                                <a:latin typeface="Cambria Math" panose="02040503050406030204" pitchFamily="18" charset="0"/>
                              </a:rPr>
                              <m:t>Δ</m:t>
                            </m:r>
                          </m:e>
                          <m:sub>
                            <m:r>
                              <a:rPr lang="en-GB" sz="1600" i="1">
                                <a:solidFill>
                                  <a:srgbClr val="002060"/>
                                </a:solidFill>
                                <a:latin typeface="Cambria Math" panose="02040503050406030204" pitchFamily="18" charset="0"/>
                              </a:rPr>
                              <m:t>∗</m:t>
                            </m:r>
                          </m:sub>
                        </m:sSub>
                        <m:d>
                          <m:dPr>
                            <m:ctrlPr>
                              <a:rPr lang="en-GB" sz="1600" i="1">
                                <a:solidFill>
                                  <a:srgbClr val="002060"/>
                                </a:solidFill>
                                <a:latin typeface="Cambria Math" panose="02040503050406030204" pitchFamily="18" charset="0"/>
                              </a:rPr>
                            </m:ctrlPr>
                          </m:dPr>
                          <m:e>
                            <m:sSubSup>
                              <m:sSubSupPr>
                                <m:ctrlPr>
                                  <a:rPr lang="en-GB" sz="1600" b="0" i="1" smtClean="0">
                                    <a:solidFill>
                                      <a:srgbClr val="002060"/>
                                    </a:solidFill>
                                    <a:latin typeface="Cambria Math" panose="02040503050406030204" pitchFamily="18" charset="0"/>
                                  </a:rPr>
                                </m:ctrlPr>
                              </m:sSubSupPr>
                              <m:e>
                                <m:r>
                                  <a:rPr lang="en-GB" sz="1600" b="0" i="1" smtClean="0">
                                    <a:solidFill>
                                      <a:srgbClr val="002060"/>
                                    </a:solidFill>
                                    <a:latin typeface="Cambria Math" panose="02040503050406030204" pitchFamily="18" charset="0"/>
                                  </a:rPr>
                                  <m:t>𝜎</m:t>
                                </m:r>
                              </m:e>
                              <m:sub>
                                <m:r>
                                  <a:rPr lang="en-GB" sz="1600" b="0" i="1" smtClean="0">
                                    <a:solidFill>
                                      <a:srgbClr val="002060"/>
                                    </a:solidFill>
                                    <a:latin typeface="Cambria Math" panose="02040503050406030204" pitchFamily="18" charset="0"/>
                                  </a:rPr>
                                  <m:t>𝐽</m:t>
                                </m:r>
                              </m:sub>
                              <m:sup>
                                <m:r>
                                  <a:rPr lang="en-GB" sz="1600" b="0" i="1" smtClean="0">
                                    <a:solidFill>
                                      <a:srgbClr val="002060"/>
                                    </a:solidFill>
                                    <a:latin typeface="Cambria Math" panose="02040503050406030204" pitchFamily="18" charset="0"/>
                                  </a:rPr>
                                  <m:t>2</m:t>
                                </m:r>
                              </m:sup>
                            </m:sSubSup>
                          </m:e>
                        </m:d>
                        <m:r>
                          <a:rPr lang="en-GB" sz="1600" b="0" i="1" smtClean="0">
                            <a:latin typeface="Cambria Math" panose="02040503050406030204" pitchFamily="18" charset="0"/>
                          </a:rPr>
                          <m:t>+</m:t>
                        </m:r>
                        <m:sSub>
                          <m:sSubPr>
                            <m:ctrlPr>
                              <a:rPr lang="en-GB" sz="1600" b="0" i="1" smtClean="0">
                                <a:solidFill>
                                  <a:schemeClr val="tx1"/>
                                </a:solidFill>
                                <a:latin typeface="Cambria Math" panose="02040503050406030204" pitchFamily="18" charset="0"/>
                              </a:rPr>
                            </m:ctrlPr>
                          </m:sSubPr>
                          <m:e>
                            <m:r>
                              <a:rPr lang="en-GB" sz="1600" b="0" i="1" smtClean="0">
                                <a:solidFill>
                                  <a:schemeClr val="tx1"/>
                                </a:solidFill>
                                <a:latin typeface="Cambria Math" panose="02040503050406030204" pitchFamily="18" charset="0"/>
                              </a:rPr>
                              <m:t>𝑟</m:t>
                            </m:r>
                          </m:e>
                          <m:sub>
                            <m:r>
                              <a:rPr lang="en-GB" sz="1600" b="0" i="1" smtClean="0">
                                <a:solidFill>
                                  <a:schemeClr val="tx1"/>
                                </a:solidFill>
                                <a:latin typeface="Cambria Math" panose="02040503050406030204" pitchFamily="18" charset="0"/>
                              </a:rPr>
                              <m:t>∗</m:t>
                            </m:r>
                          </m:sub>
                        </m:sSub>
                        <m:r>
                          <a:rPr lang="en-GB" sz="1600" b="0" i="1" smtClean="0">
                            <a:solidFill>
                              <a:schemeClr val="tx1"/>
                            </a:solidFill>
                            <a:latin typeface="Cambria Math" panose="02040503050406030204" pitchFamily="18" charset="0"/>
                          </a:rPr>
                          <m:t>(</m:t>
                        </m:r>
                        <m:r>
                          <a:rPr lang="en-GB" sz="1600" b="0" i="1" smtClean="0">
                            <a:solidFill>
                              <a:schemeClr val="tx1"/>
                            </a:solidFill>
                            <a:latin typeface="Cambria Math" panose="02040503050406030204" pitchFamily="18" charset="0"/>
                          </a:rPr>
                          <m:t>𝑝</m:t>
                        </m:r>
                        <m:r>
                          <a:rPr lang="en-GB" sz="1600" b="0" i="1" smtClean="0">
                            <a:solidFill>
                              <a:schemeClr val="tx1"/>
                            </a:solidFill>
                            <a:latin typeface="Cambria Math" panose="02040503050406030204" pitchFamily="18" charset="0"/>
                          </a:rPr>
                          <m:t>)</m:t>
                        </m:r>
                      </m:oMath>
                    </m:oMathPara>
                  </a14:m>
                  <a:endParaRPr lang="en-GB" sz="1600" dirty="0"/>
                </a:p>
              </p:txBody>
            </p:sp>
          </mc:Choice>
          <mc:Fallback xmlns="">
            <p:sp>
              <p:nvSpPr>
                <p:cNvPr id="22" name="TextBox 21">
                  <a:extLst>
                    <a:ext uri="{FF2B5EF4-FFF2-40B4-BE49-F238E27FC236}">
                      <a16:creationId xmlns:a16="http://schemas.microsoft.com/office/drawing/2014/main" id="{4CD4A755-7E83-EA65-5AB2-B4544D3FC1AE}"/>
                    </a:ext>
                  </a:extLst>
                </p:cNvPr>
                <p:cNvSpPr txBox="1">
                  <a:spLocks noRot="1" noChangeAspect="1" noMove="1" noResize="1" noEditPoints="1" noAdjustHandles="1" noChangeArrowheads="1" noChangeShapeType="1" noTextEdit="1"/>
                </p:cNvSpPr>
                <p:nvPr/>
              </p:nvSpPr>
              <p:spPr>
                <a:xfrm>
                  <a:off x="569936" y="1993596"/>
                  <a:ext cx="10039095" cy="285143"/>
                </a:xfrm>
                <a:prstGeom prst="rect">
                  <a:avLst/>
                </a:prstGeom>
                <a:blipFill>
                  <a:blip r:embed="rId4"/>
                  <a:stretch>
                    <a:fillRect b="-23404"/>
                  </a:stretch>
                </a:blipFill>
              </p:spPr>
              <p:txBody>
                <a:bodyPr/>
                <a:lstStyle/>
                <a:p>
                  <a:r>
                    <a:rPr lang="en-GB">
                      <a:noFill/>
                    </a:rPr>
                    <a:t> </a:t>
                  </a:r>
                </a:p>
              </p:txBody>
            </p:sp>
          </mc:Fallback>
        </mc:AlternateContent>
        <p:sp>
          <p:nvSpPr>
            <p:cNvPr id="26" name="TextBox 25">
              <a:extLst>
                <a:ext uri="{FF2B5EF4-FFF2-40B4-BE49-F238E27FC236}">
                  <a16:creationId xmlns:a16="http://schemas.microsoft.com/office/drawing/2014/main" id="{7069450B-0EEC-77C2-92AB-D90AEB2A831E}"/>
                </a:ext>
              </a:extLst>
            </p:cNvPr>
            <p:cNvSpPr txBox="1"/>
            <p:nvPr/>
          </p:nvSpPr>
          <p:spPr>
            <a:xfrm>
              <a:off x="1738672" y="1624248"/>
              <a:ext cx="312906" cy="369332"/>
            </a:xfrm>
            <a:prstGeom prst="rect">
              <a:avLst/>
            </a:prstGeom>
            <a:noFill/>
          </p:spPr>
          <p:txBody>
            <a:bodyPr wrap="none" rtlCol="0">
              <a:spAutoFit/>
            </a:bodyPr>
            <a:lstStyle/>
            <a:p>
              <a:r>
                <a:rPr lang="en-GB" dirty="0">
                  <a:solidFill>
                    <a:srgbClr val="FF0000"/>
                  </a:solidFill>
                </a:rPr>
                <a:t>2</a:t>
              </a:r>
            </a:p>
          </p:txBody>
        </p:sp>
        <p:sp>
          <p:nvSpPr>
            <p:cNvPr id="28" name="TextBox 27">
              <a:extLst>
                <a:ext uri="{FF2B5EF4-FFF2-40B4-BE49-F238E27FC236}">
                  <a16:creationId xmlns:a16="http://schemas.microsoft.com/office/drawing/2014/main" id="{5B692CBF-29D0-024C-EA55-F8CF53BC008F}"/>
                </a:ext>
              </a:extLst>
            </p:cNvPr>
            <p:cNvSpPr txBox="1"/>
            <p:nvPr/>
          </p:nvSpPr>
          <p:spPr>
            <a:xfrm>
              <a:off x="2891547" y="1623188"/>
              <a:ext cx="312906" cy="369332"/>
            </a:xfrm>
            <a:prstGeom prst="rect">
              <a:avLst/>
            </a:prstGeom>
            <a:noFill/>
          </p:spPr>
          <p:txBody>
            <a:bodyPr wrap="none" rtlCol="0">
              <a:spAutoFit/>
            </a:bodyPr>
            <a:lstStyle/>
            <a:p>
              <a:r>
                <a:rPr lang="en-GB" dirty="0">
                  <a:solidFill>
                    <a:srgbClr val="FFC000"/>
                  </a:solidFill>
                </a:rPr>
                <a:t>3</a:t>
              </a:r>
            </a:p>
          </p:txBody>
        </p:sp>
        <p:sp>
          <p:nvSpPr>
            <p:cNvPr id="30" name="TextBox 29">
              <a:extLst>
                <a:ext uri="{FF2B5EF4-FFF2-40B4-BE49-F238E27FC236}">
                  <a16:creationId xmlns:a16="http://schemas.microsoft.com/office/drawing/2014/main" id="{EB0549D0-5AB7-2F28-5ADC-15CC232D0ED2}"/>
                </a:ext>
              </a:extLst>
            </p:cNvPr>
            <p:cNvSpPr txBox="1"/>
            <p:nvPr/>
          </p:nvSpPr>
          <p:spPr>
            <a:xfrm>
              <a:off x="4074524" y="1626342"/>
              <a:ext cx="312906" cy="369332"/>
            </a:xfrm>
            <a:prstGeom prst="rect">
              <a:avLst/>
            </a:prstGeom>
            <a:noFill/>
          </p:spPr>
          <p:txBody>
            <a:bodyPr wrap="none" rtlCol="0">
              <a:spAutoFit/>
            </a:bodyPr>
            <a:lstStyle/>
            <a:p>
              <a:r>
                <a:rPr lang="en-GB" dirty="0">
                  <a:solidFill>
                    <a:srgbClr val="92D050"/>
                  </a:solidFill>
                </a:rPr>
                <a:t>4</a:t>
              </a:r>
            </a:p>
          </p:txBody>
        </p:sp>
        <p:sp>
          <p:nvSpPr>
            <p:cNvPr id="31" name="TextBox 30">
              <a:extLst>
                <a:ext uri="{FF2B5EF4-FFF2-40B4-BE49-F238E27FC236}">
                  <a16:creationId xmlns:a16="http://schemas.microsoft.com/office/drawing/2014/main" id="{A13B46D4-3A82-456A-8B93-386E4AD5D020}"/>
                </a:ext>
              </a:extLst>
            </p:cNvPr>
            <p:cNvSpPr txBox="1"/>
            <p:nvPr/>
          </p:nvSpPr>
          <p:spPr>
            <a:xfrm>
              <a:off x="5169587" y="1635721"/>
              <a:ext cx="312906" cy="369332"/>
            </a:xfrm>
            <a:prstGeom prst="rect">
              <a:avLst/>
            </a:prstGeom>
            <a:noFill/>
          </p:spPr>
          <p:txBody>
            <a:bodyPr wrap="none" rtlCol="0">
              <a:spAutoFit/>
            </a:bodyPr>
            <a:lstStyle/>
            <a:p>
              <a:r>
                <a:rPr lang="en-GB" dirty="0">
                  <a:solidFill>
                    <a:srgbClr val="00B050"/>
                  </a:solidFill>
                </a:rPr>
                <a:t>5</a:t>
              </a:r>
            </a:p>
          </p:txBody>
        </p:sp>
        <p:sp>
          <p:nvSpPr>
            <p:cNvPr id="32" name="TextBox 31">
              <a:extLst>
                <a:ext uri="{FF2B5EF4-FFF2-40B4-BE49-F238E27FC236}">
                  <a16:creationId xmlns:a16="http://schemas.microsoft.com/office/drawing/2014/main" id="{CDF5F342-174A-140E-F56D-123BF807AC3B}"/>
                </a:ext>
              </a:extLst>
            </p:cNvPr>
            <p:cNvSpPr txBox="1"/>
            <p:nvPr/>
          </p:nvSpPr>
          <p:spPr>
            <a:xfrm>
              <a:off x="6423003" y="1672701"/>
              <a:ext cx="312906" cy="369332"/>
            </a:xfrm>
            <a:prstGeom prst="rect">
              <a:avLst/>
            </a:prstGeom>
            <a:noFill/>
          </p:spPr>
          <p:txBody>
            <a:bodyPr wrap="none" rtlCol="0">
              <a:spAutoFit/>
            </a:bodyPr>
            <a:lstStyle/>
            <a:p>
              <a:r>
                <a:rPr lang="en-GB" dirty="0">
                  <a:solidFill>
                    <a:srgbClr val="00B0F0"/>
                  </a:solidFill>
                </a:rPr>
                <a:t>6</a:t>
              </a:r>
            </a:p>
          </p:txBody>
        </p:sp>
        <p:sp>
          <p:nvSpPr>
            <p:cNvPr id="33" name="TextBox 32">
              <a:extLst>
                <a:ext uri="{FF2B5EF4-FFF2-40B4-BE49-F238E27FC236}">
                  <a16:creationId xmlns:a16="http://schemas.microsoft.com/office/drawing/2014/main" id="{33A90050-F6E9-E787-93D0-9AB76C439338}"/>
                </a:ext>
              </a:extLst>
            </p:cNvPr>
            <p:cNvSpPr txBox="1"/>
            <p:nvPr/>
          </p:nvSpPr>
          <p:spPr>
            <a:xfrm>
              <a:off x="7699273" y="1672701"/>
              <a:ext cx="312906" cy="369332"/>
            </a:xfrm>
            <a:prstGeom prst="rect">
              <a:avLst/>
            </a:prstGeom>
            <a:noFill/>
          </p:spPr>
          <p:txBody>
            <a:bodyPr wrap="none" rtlCol="0">
              <a:spAutoFit/>
            </a:bodyPr>
            <a:lstStyle/>
            <a:p>
              <a:r>
                <a:rPr lang="en-GB" dirty="0">
                  <a:solidFill>
                    <a:srgbClr val="0070C0"/>
                  </a:solidFill>
                </a:rPr>
                <a:t>7</a:t>
              </a:r>
            </a:p>
          </p:txBody>
        </p:sp>
        <p:sp>
          <p:nvSpPr>
            <p:cNvPr id="34" name="TextBox 33">
              <a:extLst>
                <a:ext uri="{FF2B5EF4-FFF2-40B4-BE49-F238E27FC236}">
                  <a16:creationId xmlns:a16="http://schemas.microsoft.com/office/drawing/2014/main" id="{FF241379-A00B-FD97-C8A9-0C0D20CAB4E1}"/>
                </a:ext>
              </a:extLst>
            </p:cNvPr>
            <p:cNvSpPr txBox="1"/>
            <p:nvPr/>
          </p:nvSpPr>
          <p:spPr>
            <a:xfrm>
              <a:off x="9057520" y="1650261"/>
              <a:ext cx="312906" cy="369332"/>
            </a:xfrm>
            <a:prstGeom prst="rect">
              <a:avLst/>
            </a:prstGeom>
            <a:noFill/>
          </p:spPr>
          <p:txBody>
            <a:bodyPr wrap="none" rtlCol="0">
              <a:spAutoFit/>
            </a:bodyPr>
            <a:lstStyle/>
            <a:p>
              <a:r>
                <a:rPr lang="en-GB" dirty="0">
                  <a:solidFill>
                    <a:srgbClr val="002060"/>
                  </a:solidFill>
                </a:rPr>
                <a:t>8</a:t>
              </a:r>
            </a:p>
          </p:txBody>
        </p:sp>
      </p:grpSp>
      <p:pic>
        <p:nvPicPr>
          <p:cNvPr id="36" name="Picture 35">
            <a:extLst>
              <a:ext uri="{FF2B5EF4-FFF2-40B4-BE49-F238E27FC236}">
                <a16:creationId xmlns:a16="http://schemas.microsoft.com/office/drawing/2014/main" id="{739D3FDC-EECD-58EC-3BE1-A0E068B032C2}"/>
              </a:ext>
            </a:extLst>
          </p:cNvPr>
          <p:cNvPicPr>
            <a:picLocks noChangeAspect="1"/>
          </p:cNvPicPr>
          <p:nvPr/>
        </p:nvPicPr>
        <p:blipFill>
          <a:blip r:embed="rId5"/>
          <a:stretch>
            <a:fillRect/>
          </a:stretch>
        </p:blipFill>
        <p:spPr>
          <a:xfrm>
            <a:off x="2344014" y="4021995"/>
            <a:ext cx="7503969" cy="1620765"/>
          </a:xfrm>
          <a:prstGeom prst="rect">
            <a:avLst/>
          </a:prstGeom>
        </p:spPr>
      </p:pic>
    </p:spTree>
    <p:extLst>
      <p:ext uri="{BB962C8B-B14F-4D97-AF65-F5344CB8AC3E}">
        <p14:creationId xmlns:p14="http://schemas.microsoft.com/office/powerpoint/2010/main" val="365875435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Freeform 6">
            <a:extLst>
              <a:ext uri="{FF2B5EF4-FFF2-40B4-BE49-F238E27FC236}">
                <a16:creationId xmlns:a16="http://schemas.microsoft.com/office/drawing/2014/main" id="{69D184B2-2226-4E31-BCCB-44433076744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11118533" y="918266"/>
            <a:ext cx="706127" cy="5863534"/>
          </a:xfrm>
          <a:custGeom>
            <a:avLst/>
            <a:gdLst>
              <a:gd name="T0" fmla="*/ 414 w 414"/>
              <a:gd name="T1" fmla="*/ 2447 h 2447"/>
              <a:gd name="T2" fmla="*/ 0 w 414"/>
              <a:gd name="T3" fmla="*/ 2247 h 2447"/>
              <a:gd name="T4" fmla="*/ 0 w 414"/>
              <a:gd name="T5" fmla="*/ 0 h 2447"/>
              <a:gd name="T6" fmla="*/ 414 w 414"/>
              <a:gd name="T7" fmla="*/ 200 h 2447"/>
              <a:gd name="T8" fmla="*/ 414 w 414"/>
              <a:gd name="T9" fmla="*/ 2447 h 2447"/>
            </a:gdLst>
            <a:ahLst/>
            <a:cxnLst>
              <a:cxn ang="0">
                <a:pos x="T0" y="T1"/>
              </a:cxn>
              <a:cxn ang="0">
                <a:pos x="T2" y="T3"/>
              </a:cxn>
              <a:cxn ang="0">
                <a:pos x="T4" y="T5"/>
              </a:cxn>
              <a:cxn ang="0">
                <a:pos x="T6" y="T7"/>
              </a:cxn>
              <a:cxn ang="0">
                <a:pos x="T8" y="T9"/>
              </a:cxn>
            </a:cxnLst>
            <a:rect l="0" t="0" r="r" b="b"/>
            <a:pathLst>
              <a:path w="414" h="2447">
                <a:moveTo>
                  <a:pt x="414" y="2447"/>
                </a:moveTo>
                <a:lnTo>
                  <a:pt x="0" y="2247"/>
                </a:lnTo>
                <a:lnTo>
                  <a:pt x="0" y="0"/>
                </a:lnTo>
                <a:lnTo>
                  <a:pt x="414" y="200"/>
                </a:lnTo>
                <a:lnTo>
                  <a:pt x="414" y="2447"/>
                </a:lnTo>
                <a:close/>
              </a:path>
            </a:pathLst>
          </a:custGeom>
          <a:solidFill>
            <a:schemeClr val="accent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 name="Freeform 7">
            <a:extLst>
              <a:ext uri="{FF2B5EF4-FFF2-40B4-BE49-F238E27FC236}">
                <a16:creationId xmlns:a16="http://schemas.microsoft.com/office/drawing/2014/main" id="{1AC4D4E3-486A-464A-8EC8-D4488109726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11117879" y="643467"/>
            <a:ext cx="420307" cy="5668919"/>
          </a:xfrm>
          <a:custGeom>
            <a:avLst/>
            <a:gdLst>
              <a:gd name="T0" fmla="*/ 209 w 209"/>
              <a:gd name="T1" fmla="*/ 2246 h 2358"/>
              <a:gd name="T2" fmla="*/ 0 w 209"/>
              <a:gd name="T3" fmla="*/ 2358 h 2358"/>
              <a:gd name="T4" fmla="*/ 0 w 209"/>
              <a:gd name="T5" fmla="*/ 111 h 2358"/>
              <a:gd name="T6" fmla="*/ 209 w 209"/>
              <a:gd name="T7" fmla="*/ 0 h 2358"/>
              <a:gd name="T8" fmla="*/ 209 w 209"/>
              <a:gd name="T9" fmla="*/ 2246 h 2358"/>
            </a:gdLst>
            <a:ahLst/>
            <a:cxnLst>
              <a:cxn ang="0">
                <a:pos x="T0" y="T1"/>
              </a:cxn>
              <a:cxn ang="0">
                <a:pos x="T2" y="T3"/>
              </a:cxn>
              <a:cxn ang="0">
                <a:pos x="T4" y="T5"/>
              </a:cxn>
              <a:cxn ang="0">
                <a:pos x="T6" y="T7"/>
              </a:cxn>
              <a:cxn ang="0">
                <a:pos x="T8" y="T9"/>
              </a:cxn>
            </a:cxnLst>
            <a:rect l="0" t="0" r="r" b="b"/>
            <a:pathLst>
              <a:path w="209" h="2358">
                <a:moveTo>
                  <a:pt x="209" y="2246"/>
                </a:moveTo>
                <a:lnTo>
                  <a:pt x="0" y="2358"/>
                </a:lnTo>
                <a:lnTo>
                  <a:pt x="0" y="111"/>
                </a:lnTo>
                <a:lnTo>
                  <a:pt x="209" y="0"/>
                </a:lnTo>
                <a:lnTo>
                  <a:pt x="209" y="2246"/>
                </a:ln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3" name="Rectangle 12">
            <a:extLst>
              <a:ext uri="{FF2B5EF4-FFF2-40B4-BE49-F238E27FC236}">
                <a16:creationId xmlns:a16="http://schemas.microsoft.com/office/drawing/2014/main" id="{864DE13E-58EB-4475-B79C-0D4FC651239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638387" y="643467"/>
            <a:ext cx="10933503" cy="5391944"/>
          </a:xfrm>
          <a:prstGeom prst="rect">
            <a:avLst/>
          </a:prstGeom>
          <a:solidFill>
            <a:srgbClr val="FFFFFF"/>
          </a:solidFill>
          <a:ln w="12700">
            <a:solidFill>
              <a:schemeClr val="accent1"/>
            </a:solidFill>
            <a:miter lim="800000"/>
          </a:ln>
        </p:spPr>
        <p:txBody>
          <a:bodyPr vert="horz" wrap="square" lIns="91440" tIns="45720" rIns="91440" bIns="45720" numCol="1" anchor="t" anchorCtr="0" compatLnSpc="1">
            <a:prstTxWarp prst="textNoShape">
              <a:avLst/>
            </a:prstTxWarp>
          </a:bodyPr>
          <a:lstStyle/>
          <a:p>
            <a:endParaRPr lang="en-US"/>
          </a:p>
        </p:txBody>
      </p:sp>
      <p:pic>
        <p:nvPicPr>
          <p:cNvPr id="4" name="Picture 3">
            <a:extLst>
              <a:ext uri="{FF2B5EF4-FFF2-40B4-BE49-F238E27FC236}">
                <a16:creationId xmlns:a16="http://schemas.microsoft.com/office/drawing/2014/main" id="{5049ED92-B8CB-9A51-F8F3-288B90257387}"/>
              </a:ext>
            </a:extLst>
          </p:cNvPr>
          <p:cNvPicPr>
            <a:picLocks noChangeAspect="1"/>
          </p:cNvPicPr>
          <p:nvPr/>
        </p:nvPicPr>
        <p:blipFill>
          <a:blip r:embed="rId2"/>
          <a:stretch>
            <a:fillRect/>
          </a:stretch>
        </p:blipFill>
        <p:spPr>
          <a:xfrm>
            <a:off x="1263577" y="2714415"/>
            <a:ext cx="9664846" cy="1135618"/>
          </a:xfrm>
          <a:prstGeom prst="rect">
            <a:avLst/>
          </a:prstGeom>
        </p:spPr>
      </p:pic>
    </p:spTree>
    <p:extLst>
      <p:ext uri="{BB962C8B-B14F-4D97-AF65-F5344CB8AC3E}">
        <p14:creationId xmlns:p14="http://schemas.microsoft.com/office/powerpoint/2010/main" val="372703419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Freeform: Shape 12">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Rectangle 14">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6">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Freeform: Shape 18">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1" name="Isosceles Triangle 20">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a:extLst>
              <a:ext uri="{FF2B5EF4-FFF2-40B4-BE49-F238E27FC236}">
                <a16:creationId xmlns:a16="http://schemas.microsoft.com/office/drawing/2014/main" id="{8F9E6058-57C7-10B5-BF1D-1B301DB920A3}"/>
              </a:ext>
            </a:extLst>
          </p:cNvPr>
          <p:cNvPicPr>
            <a:picLocks noChangeAspect="1"/>
          </p:cNvPicPr>
          <p:nvPr/>
        </p:nvPicPr>
        <p:blipFill>
          <a:blip r:embed="rId2"/>
          <a:stretch>
            <a:fillRect/>
          </a:stretch>
        </p:blipFill>
        <p:spPr>
          <a:xfrm>
            <a:off x="333353" y="434824"/>
            <a:ext cx="10905066" cy="4634652"/>
          </a:xfrm>
          <a:prstGeom prst="rect">
            <a:avLst/>
          </a:prstGeom>
          <a:ln>
            <a:noFill/>
          </a:ln>
        </p:spPr>
      </p:pic>
      <p:sp>
        <p:nvSpPr>
          <p:cNvPr id="23" name="Isosceles Triangle 22">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Picture 1">
            <a:extLst>
              <a:ext uri="{FF2B5EF4-FFF2-40B4-BE49-F238E27FC236}">
                <a16:creationId xmlns:a16="http://schemas.microsoft.com/office/drawing/2014/main" id="{EEAE8684-FD48-BE19-BCE7-320A0295EAC7}"/>
              </a:ext>
            </a:extLst>
          </p:cNvPr>
          <p:cNvPicPr>
            <a:picLocks noChangeAspect="1"/>
          </p:cNvPicPr>
          <p:nvPr/>
        </p:nvPicPr>
        <p:blipFill>
          <a:blip r:embed="rId3"/>
          <a:stretch>
            <a:fillRect/>
          </a:stretch>
        </p:blipFill>
        <p:spPr>
          <a:xfrm>
            <a:off x="1263577" y="4979883"/>
            <a:ext cx="9664846" cy="1135618"/>
          </a:xfrm>
          <a:prstGeom prst="rect">
            <a:avLst/>
          </a:prstGeom>
        </p:spPr>
      </p:pic>
    </p:spTree>
    <p:extLst>
      <p:ext uri="{BB962C8B-B14F-4D97-AF65-F5344CB8AC3E}">
        <p14:creationId xmlns:p14="http://schemas.microsoft.com/office/powerpoint/2010/main" val="200014701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13" name="Freeform: Shape 12">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15" name="Rectangle 14">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7" name="Rectangle 16">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9" name="Freeform: Shape 18">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21" name="Isosceles Triangle 20">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23" name="Isosceles Triangle 22">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pic>
        <p:nvPicPr>
          <p:cNvPr id="3" name="Picture 2" descr="A graph with colorful lines&#10;&#10;Description automatically generated">
            <a:extLst>
              <a:ext uri="{FF2B5EF4-FFF2-40B4-BE49-F238E27FC236}">
                <a16:creationId xmlns:a16="http://schemas.microsoft.com/office/drawing/2014/main" id="{5037CFC3-B843-4542-FE55-BBA7A4B5B06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288485"/>
            <a:ext cx="12192000" cy="5181600"/>
          </a:xfrm>
          <a:prstGeom prst="rect">
            <a:avLst/>
          </a:prstGeom>
        </p:spPr>
      </p:pic>
      <p:pic>
        <p:nvPicPr>
          <p:cNvPr id="4" name="Picture 3">
            <a:extLst>
              <a:ext uri="{FF2B5EF4-FFF2-40B4-BE49-F238E27FC236}">
                <a16:creationId xmlns:a16="http://schemas.microsoft.com/office/drawing/2014/main" id="{F851D4A5-2F0A-D9EC-ABDB-6DB0E22EF657}"/>
              </a:ext>
            </a:extLst>
          </p:cNvPr>
          <p:cNvPicPr>
            <a:picLocks noChangeAspect="1"/>
          </p:cNvPicPr>
          <p:nvPr/>
        </p:nvPicPr>
        <p:blipFill>
          <a:blip r:embed="rId3"/>
          <a:stretch>
            <a:fillRect/>
          </a:stretch>
        </p:blipFill>
        <p:spPr>
          <a:xfrm>
            <a:off x="1263577" y="5317525"/>
            <a:ext cx="9664846" cy="1135618"/>
          </a:xfrm>
          <a:prstGeom prst="rect">
            <a:avLst/>
          </a:prstGeom>
        </p:spPr>
      </p:pic>
    </p:spTree>
    <p:extLst>
      <p:ext uri="{BB962C8B-B14F-4D97-AF65-F5344CB8AC3E}">
        <p14:creationId xmlns:p14="http://schemas.microsoft.com/office/powerpoint/2010/main" val="1242863248"/>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8" name="Flowchart: Document 20">
            <a:extLst>
              <a:ext uri="{FF2B5EF4-FFF2-40B4-BE49-F238E27FC236}">
                <a16:creationId xmlns:a16="http://schemas.microsoft.com/office/drawing/2014/main" id="{D12DDE76-C203-4047-9998-63900085B5E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8175" y="0"/>
            <a:ext cx="3248025" cy="3400426"/>
          </a:xfrm>
          <a:prstGeom prst="flowChartDocumen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2" name="TextBox 11">
            <a:extLst>
              <a:ext uri="{FF2B5EF4-FFF2-40B4-BE49-F238E27FC236}">
                <a16:creationId xmlns:a16="http://schemas.microsoft.com/office/drawing/2014/main" id="{C90A82C6-3C64-759D-735F-F2D6BEE973AD}"/>
              </a:ext>
            </a:extLst>
          </p:cNvPr>
          <p:cNvSpPr txBox="1"/>
          <p:nvPr/>
        </p:nvSpPr>
        <p:spPr>
          <a:xfrm>
            <a:off x="4206875" y="1694655"/>
            <a:ext cx="7346950" cy="428625"/>
          </a:xfrm>
          <a:prstGeom prst="rect">
            <a:avLst/>
          </a:prstGeom>
          <a:noFill/>
        </p:spPr>
        <p:txBody>
          <a:bodyPr wrap="square"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The discontinuous process is a Merton jump model:</a:t>
            </a: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E3BAB780-C350-B2C2-F660-B190FF0DA077}"/>
                  </a:ext>
                </a:extLst>
              </p:cNvPr>
              <p:cNvSpPr txBox="1"/>
              <p:nvPr/>
            </p:nvSpPr>
            <p:spPr>
              <a:xfrm>
                <a:off x="5400675" y="2279578"/>
                <a:ext cx="7346950" cy="525463"/>
              </a:xfrm>
              <a:prstGeom prst="rect">
                <a:avLst/>
              </a:prstGeom>
              <a:noFill/>
            </p:spPr>
            <p:txBody>
              <a:bodyPr wrap="square" lIns="0" tIns="0" rIns="0" bIns="0"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14:m>
                  <m:oMath xmlns:m="http://schemas.openxmlformats.org/officeDocument/2006/math">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𝑑𝑙𝑛</m:t>
                    </m:r>
                    <m:sSup>
                      <m:sSup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sSup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𝑆</m:t>
                        </m:r>
                      </m:e>
                      <m:sup>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𝐽𝐷</m:t>
                        </m:r>
                      </m:sup>
                    </m:sSup>
                    <m:d>
                      <m:d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d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e>
                    </m:d>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a:ln>
                          <a:noFill/>
                        </a:ln>
                        <a:solidFill>
                          <a:prstClr val="black"/>
                        </a:solidFill>
                        <a:effectLst/>
                        <a:highlight>
                          <a:srgbClr val="FFFF00"/>
                        </a:highlight>
                        <a:uLnTx/>
                        <a:uFillTx/>
                        <a:latin typeface="Cambria Math" panose="02040503050406030204" pitchFamily="18" charset="0"/>
                        <a:ea typeface="+mn-ea"/>
                        <a:cs typeface="+mn-cs"/>
                      </a:rPr>
                      <m:t>𝜆</m:t>
                    </m:r>
                    <m:acc>
                      <m:accPr>
                        <m:chr m:val="̅"/>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acc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𝜇</m:t>
                        </m:r>
                      </m:e>
                    </m:acc>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𝑑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m:rPr>
                        <m:sty m:val="p"/>
                      </m:rPr>
                      <a:rPr kumimoji="0" lang="en-GB" sz="1340" b="0" i="0" u="none" strike="noStrike" kern="1200" cap="none" spc="0" normalizeH="0" baseline="0" noProof="0">
                        <a:ln>
                          <a:noFill/>
                        </a:ln>
                        <a:solidFill>
                          <a:prstClr val="black"/>
                        </a:solidFill>
                        <a:effectLst/>
                        <a:uLnTx/>
                        <a:uFillTx/>
                        <a:latin typeface="Cambria Math" panose="02040503050406030204" pitchFamily="18" charset="0"/>
                        <a:ea typeface="+mn-ea"/>
                        <a:cs typeface="+mn-cs"/>
                      </a:rPr>
                      <m:t>ln</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𝐽</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 </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𝑑𝑁</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oMath>
                </a14:m>
                <a:r>
                  <a:rPr kumimoji="0" lang="en-GB" sz="1340" b="0" i="0" u="none" strike="noStrike" kern="1200" cap="none" spc="0" normalizeH="0" baseline="0" noProof="0" dirty="0">
                    <a:ln>
                      <a:noFill/>
                    </a:ln>
                    <a:solidFill>
                      <a:prstClr val="black"/>
                    </a:solidFill>
                    <a:effectLst/>
                    <a:uLnTx/>
                    <a:uFillTx/>
                    <a:latin typeface="Arial" panose="020B0604020202020204"/>
                    <a:ea typeface="+mn-ea"/>
                    <a:cs typeface="+mn-cs"/>
                  </a:rPr>
                  <a:t>, where </a:t>
                </a:r>
                <a14:m>
                  <m:oMath xmlns:m="http://schemas.openxmlformats.org/officeDocument/2006/math">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𝑑𝑁</m:t>
                    </m:r>
                    <m:d>
                      <m:d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d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e>
                    </m:d>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𝑁</m:t>
                    </m:r>
                    <m:d>
                      <m:d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d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𝑑𝑡</m:t>
                        </m:r>
                      </m:e>
                    </m:d>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𝑁</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oMath>
                </a14:m>
                <a:endParaRPr kumimoji="0" lang="en-GB" sz="134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mc:Choice>
        <mc:Fallback xmlns="">
          <p:sp>
            <p:nvSpPr>
              <p:cNvPr id="13" name="TextBox 12">
                <a:extLst>
                  <a:ext uri="{FF2B5EF4-FFF2-40B4-BE49-F238E27FC236}">
                    <a16:creationId xmlns:a16="http://schemas.microsoft.com/office/drawing/2014/main" id="{E3BAB780-C350-B2C2-F660-B190FF0DA077}"/>
                  </a:ext>
                </a:extLst>
              </p:cNvPr>
              <p:cNvSpPr txBox="1">
                <a:spLocks noRot="1" noChangeAspect="1" noMove="1" noResize="1" noEditPoints="1" noAdjustHandles="1" noChangeArrowheads="1" noChangeShapeType="1" noTextEdit="1"/>
              </p:cNvSpPr>
              <p:nvPr/>
            </p:nvSpPr>
            <p:spPr>
              <a:xfrm>
                <a:off x="5400675" y="2279578"/>
                <a:ext cx="7346950" cy="525463"/>
              </a:xfrm>
              <a:prstGeom prst="rect">
                <a:avLst/>
              </a:prstGeom>
              <a:blipFill>
                <a:blip r:embed="rId2"/>
                <a:stretch>
                  <a:fillRect l="-913" t="-1395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A497668D-699A-9BB5-5BE0-02DC3AE94CE1}"/>
                  </a:ext>
                </a:extLst>
              </p:cNvPr>
              <p:cNvSpPr txBox="1"/>
              <p:nvPr/>
            </p:nvSpPr>
            <p:spPr>
              <a:xfrm>
                <a:off x="4206875" y="2729803"/>
                <a:ext cx="7346950" cy="1080558"/>
              </a:xfrm>
              <a:prstGeom prst="rect">
                <a:avLst/>
              </a:prstGeom>
              <a:noFill/>
            </p:spPr>
            <p:txBody>
              <a:bodyPr wrap="square" rtlCol="0" anchor="t">
                <a:norm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where </a:t>
                </a:r>
                <a14:m>
                  <m:oMath xmlns:m="http://schemas.openxmlformats.org/officeDocument/2006/math">
                    <m:acc>
                      <m:accPr>
                        <m:chr m:val="̅"/>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acc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𝜇</m:t>
                        </m:r>
                      </m:e>
                    </m:acc>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m:t>
                    </m:r>
                    <m:func>
                      <m:funcPr>
                        <m:ctrlP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ctrlPr>
                      </m:funcPr>
                      <m:fName>
                        <m:r>
                          <m:rPr>
                            <m:sty m:val="p"/>
                          </m:rPr>
                          <a:rPr kumimoji="0" lang="en-GB" sz="1340" b="0" i="0"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exp</m:t>
                        </m:r>
                      </m:fName>
                      <m:e>
                        <m:d>
                          <m:dPr>
                            <m:ctrlP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ctrlPr>
                          </m:dPr>
                          <m:e>
                            <m:sSub>
                              <m:sSubPr>
                                <m:ctrlP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ctrlPr>
                              </m:sSubPr>
                              <m:e>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𝜇</m:t>
                                </m:r>
                              </m:e>
                              <m:sub>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𝐽</m:t>
                                </m:r>
                              </m:sub>
                            </m:sSub>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m:t>
                            </m:r>
                            <m:f>
                              <m:fPr>
                                <m:ctrlP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ctrlPr>
                              </m:fPr>
                              <m:num>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1</m:t>
                                </m:r>
                              </m:num>
                              <m:den>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2</m:t>
                                </m:r>
                              </m:den>
                            </m:f>
                            <m:sSubSup>
                              <m:sSubSupPr>
                                <m:ctrlP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ctrlPr>
                              </m:sSubSupPr>
                              <m:e>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𝜎</m:t>
                                </m:r>
                              </m:e>
                              <m:sub>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𝐽</m:t>
                                </m:r>
                              </m:sub>
                              <m:sup>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2</m:t>
                                </m:r>
                              </m:sup>
                            </m:sSubSup>
                          </m:e>
                        </m:d>
                      </m:e>
                    </m:func>
                    <m:r>
                      <a:rPr kumimoji="0" lang="en-GB" sz="1340" b="0" i="1"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m:t>−1</m:t>
                    </m:r>
                  </m:oMath>
                </a14:m>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 and </a:t>
                </a:r>
                <a14:m>
                  <m:oMath xmlns:m="http://schemas.openxmlformats.org/officeDocument/2006/math">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𝐽</m:t>
                    </m:r>
                  </m:oMath>
                </a14:m>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 is a log-normal distributed random jump value such that </a:t>
                </a:r>
                <a14:m>
                  <m:oMath xmlns:m="http://schemas.openxmlformats.org/officeDocument/2006/math">
                    <m:func>
                      <m:func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funcPr>
                      <m:fName>
                        <m:r>
                          <m:rPr>
                            <m:sty m:val="p"/>
                          </m:rPr>
                          <a:rPr kumimoji="0" lang="en-GB" sz="1340" b="0" i="0" u="none" strike="noStrike" kern="1200" cap="none" spc="0" normalizeH="0" baseline="0" noProof="0">
                            <a:ln>
                              <a:noFill/>
                            </a:ln>
                            <a:solidFill>
                              <a:prstClr val="black"/>
                            </a:solidFill>
                            <a:effectLst/>
                            <a:uLnTx/>
                            <a:uFillTx/>
                            <a:latin typeface="Cambria Math" panose="02040503050406030204" pitchFamily="18" charset="0"/>
                            <a:ea typeface="+mn-ea"/>
                            <a:cs typeface="+mn-cs"/>
                          </a:rPr>
                          <m:t>ln</m:t>
                        </m:r>
                      </m:fName>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𝐽</m:t>
                        </m:r>
                      </m:e>
                    </m:func>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 </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𝑁</m:t>
                    </m:r>
                    <m:d>
                      <m:d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dPr>
                      <m:e>
                        <m:sSub>
                          <m:sSub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sSubPr>
                          <m:e>
                            <m:r>
                              <a:rPr kumimoji="0" lang="en-GB" sz="1340" b="0" i="1" u="none" strike="noStrike" kern="1200" cap="none" spc="0" normalizeH="0" baseline="0" noProof="0">
                                <a:ln>
                                  <a:noFill/>
                                </a:ln>
                                <a:solidFill>
                                  <a:prstClr val="black"/>
                                </a:solidFill>
                                <a:effectLst/>
                                <a:highlight>
                                  <a:srgbClr val="FFFF00"/>
                                </a:highlight>
                                <a:uLnTx/>
                                <a:uFillTx/>
                                <a:latin typeface="Cambria Math" panose="02040503050406030204" pitchFamily="18" charset="0"/>
                                <a:ea typeface="+mn-ea"/>
                                <a:cs typeface="+mn-cs"/>
                              </a:rPr>
                              <m:t>𝜇</m:t>
                            </m:r>
                          </m:e>
                          <m:sub>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𝐽</m:t>
                            </m:r>
                          </m:sub>
                        </m:sSub>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 </m:t>
                        </m:r>
                        <m:sSubSup>
                          <m:sSubSupPr>
                            <m:ctrlPr>
                              <a:rPr kumimoji="0" lang="en-GB" sz="1340" b="0" i="1" u="none" strike="noStrike" kern="1200" cap="none" spc="0" normalizeH="0" baseline="0" noProof="0">
                                <a:ln>
                                  <a:noFill/>
                                </a:ln>
                                <a:solidFill>
                                  <a:prstClr val="black"/>
                                </a:solidFill>
                                <a:effectLst/>
                                <a:highlight>
                                  <a:srgbClr val="FFFF00"/>
                                </a:highlight>
                                <a:uLnTx/>
                                <a:uFillTx/>
                                <a:latin typeface="Cambria Math" panose="02040503050406030204" pitchFamily="18" charset="0"/>
                                <a:ea typeface="+mn-ea"/>
                                <a:cs typeface="+mn-cs"/>
                              </a:rPr>
                            </m:ctrlPr>
                          </m:sSubSupPr>
                          <m:e>
                            <m:r>
                              <a:rPr kumimoji="0" lang="en-GB" sz="1340" b="0" i="1" u="none" strike="noStrike" kern="1200" cap="none" spc="0" normalizeH="0" baseline="0" noProof="0">
                                <a:ln>
                                  <a:noFill/>
                                </a:ln>
                                <a:solidFill>
                                  <a:prstClr val="black"/>
                                </a:solidFill>
                                <a:effectLst/>
                                <a:highlight>
                                  <a:srgbClr val="FFFF00"/>
                                </a:highlight>
                                <a:uLnTx/>
                                <a:uFillTx/>
                                <a:latin typeface="Cambria Math" panose="02040503050406030204" pitchFamily="18" charset="0"/>
                                <a:ea typeface="+mn-ea"/>
                                <a:cs typeface="+mn-cs"/>
                              </a:rPr>
                              <m:t>𝜎</m:t>
                            </m:r>
                          </m:e>
                          <m:sub>
                            <m:r>
                              <a:rPr kumimoji="0" lang="en-GB" sz="1340" b="0" i="1" u="none" strike="noStrike" kern="1200" cap="none" spc="0" normalizeH="0" baseline="0" noProof="0">
                                <a:ln>
                                  <a:noFill/>
                                </a:ln>
                                <a:solidFill>
                                  <a:prstClr val="black"/>
                                </a:solidFill>
                                <a:effectLst/>
                                <a:highlight>
                                  <a:srgbClr val="FFFF00"/>
                                </a:highlight>
                                <a:uLnTx/>
                                <a:uFillTx/>
                                <a:latin typeface="Cambria Math" panose="02040503050406030204" pitchFamily="18" charset="0"/>
                                <a:ea typeface="+mn-ea"/>
                                <a:cs typeface="+mn-cs"/>
                              </a:rPr>
                              <m:t>𝐽</m:t>
                            </m:r>
                          </m:sub>
                          <m:sup>
                            <m:r>
                              <a:rPr kumimoji="0" lang="en-GB" sz="1340" b="0" i="1" u="none" strike="noStrike" kern="1200" cap="none" spc="0" normalizeH="0" baseline="0" noProof="0">
                                <a:ln>
                                  <a:noFill/>
                                </a:ln>
                                <a:solidFill>
                                  <a:prstClr val="black"/>
                                </a:solidFill>
                                <a:effectLst/>
                                <a:highlight>
                                  <a:srgbClr val="FFFF00"/>
                                </a:highlight>
                                <a:uLnTx/>
                                <a:uFillTx/>
                                <a:latin typeface="Cambria Math" panose="02040503050406030204" pitchFamily="18" charset="0"/>
                                <a:ea typeface="+mn-ea"/>
                                <a:cs typeface="+mn-cs"/>
                              </a:rPr>
                              <m:t>2</m:t>
                            </m:r>
                          </m:sup>
                        </m:sSubSup>
                      </m:e>
                    </m:d>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oMath>
                </a14:m>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 The number of random jumps </a:t>
                </a:r>
                <a14:m>
                  <m:oMath xmlns:m="http://schemas.openxmlformats.org/officeDocument/2006/math">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𝑁</m:t>
                    </m:r>
                    <m:d>
                      <m:d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d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e>
                    </m:d>
                  </m:oMath>
                </a14:m>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 that occur over the period </a:t>
                </a:r>
                <a14:m>
                  <m:oMath xmlns:m="http://schemas.openxmlformats.org/officeDocument/2006/math">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0,</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oMath>
                </a14:m>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 is determined by a Poisson process with parameter </a:t>
                </a:r>
                <a14:m>
                  <m:oMath xmlns:m="http://schemas.openxmlformats.org/officeDocument/2006/math">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𝜆</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oMath>
                </a14:m>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 where </a:t>
                </a:r>
                <a14:m>
                  <m:oMath xmlns:m="http://schemas.openxmlformats.org/officeDocument/2006/math">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𝜆</m:t>
                    </m:r>
                  </m:oMath>
                </a14:m>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 is the jump arrival rate (the expected number of jumps per unit time). The Merton jump model can be written in the form:</a:t>
                </a:r>
              </a:p>
            </p:txBody>
          </p:sp>
        </mc:Choice>
        <mc:Fallback xmlns="">
          <p:sp>
            <p:nvSpPr>
              <p:cNvPr id="14" name="TextBox 13">
                <a:extLst>
                  <a:ext uri="{FF2B5EF4-FFF2-40B4-BE49-F238E27FC236}">
                    <a16:creationId xmlns:a16="http://schemas.microsoft.com/office/drawing/2014/main" id="{A497668D-699A-9BB5-5BE0-02DC3AE94CE1}"/>
                  </a:ext>
                </a:extLst>
              </p:cNvPr>
              <p:cNvSpPr txBox="1">
                <a:spLocks noRot="1" noChangeAspect="1" noMove="1" noResize="1" noEditPoints="1" noAdjustHandles="1" noChangeArrowheads="1" noChangeShapeType="1" noTextEdit="1"/>
              </p:cNvSpPr>
              <p:nvPr/>
            </p:nvSpPr>
            <p:spPr>
              <a:xfrm>
                <a:off x="4206875" y="2729803"/>
                <a:ext cx="7346950" cy="1080558"/>
              </a:xfrm>
              <a:prstGeom prst="rect">
                <a:avLst/>
              </a:prstGeom>
              <a:blipFill>
                <a:blip r:embed="rId3"/>
                <a:stretch>
                  <a:fillRect l="-166"/>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CA595919-BA79-7385-5A7B-D065AE5F4D49}"/>
                  </a:ext>
                </a:extLst>
              </p:cNvPr>
              <p:cNvSpPr txBox="1"/>
              <p:nvPr/>
            </p:nvSpPr>
            <p:spPr>
              <a:xfrm>
                <a:off x="6508220" y="4157892"/>
                <a:ext cx="2744259" cy="387350"/>
              </a:xfrm>
              <a:prstGeom prst="rect">
                <a:avLst/>
              </a:prstGeom>
              <a:noFill/>
            </p:spPr>
            <p:txBody>
              <a:bodyPr wrap="square" lIns="0" tIns="0" rIns="0" bIns="0" rtlCol="0" anchor="t">
                <a:normAutofit lnSpcReduction="10000"/>
              </a:bodyPr>
              <a:lstStyle/>
              <a:p>
                <a:pPr marL="0" marR="0" lvl="0" indent="0" algn="l" defTabSz="676656" rtl="0" eaLnBrk="1" fontAlgn="auto" latinLnBrk="0" hangingPunct="1">
                  <a:lnSpc>
                    <a:spcPct val="90000"/>
                  </a:lnSpc>
                  <a:spcBef>
                    <a:spcPts val="0"/>
                  </a:spcBef>
                  <a:spcAft>
                    <a:spcPts val="600"/>
                  </a:spcAft>
                  <a:buClrTx/>
                  <a:buSzTx/>
                  <a:buFontTx/>
                  <a:buNone/>
                  <a:tabLst/>
                  <a:defRPr/>
                </a:pPr>
                <a14:m>
                  <m:oMath xmlns:m="http://schemas.openxmlformats.org/officeDocument/2006/math">
                    <m:f>
                      <m:f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fPr>
                      <m:num>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𝑑</m:t>
                        </m:r>
                        <m:sSup>
                          <m:s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p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𝑆</m:t>
                            </m:r>
                          </m:e>
                          <m: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𝐽𝐷</m:t>
                            </m:r>
                          </m:sup>
                        </m:sSup>
                        <m:d>
                          <m:d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d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e>
                        </m:d>
                      </m:num>
                      <m:den>
                        <m:sSup>
                          <m:sSupPr>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p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𝑆</m:t>
                            </m:r>
                          </m:e>
                          <m: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𝐽𝐷</m:t>
                            </m:r>
                          </m:sup>
                        </m:sSup>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_)</m:t>
                        </m:r>
                      </m:den>
                    </m:f>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𝜆</m:t>
                    </m:r>
                    <m:acc>
                      <m:accPr>
                        <m:chr m:val="̅"/>
                        <m:ctrlP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accPr>
                      <m:e>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𝜇</m:t>
                        </m:r>
                      </m:e>
                    </m:acc>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𝑑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𝐽</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1) </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𝑑𝑁</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m:t>
                    </m:r>
                  </m:oMath>
                </a14:m>
                <a:r>
                  <a:rPr kumimoji="0" lang="en-GB" sz="1340" b="0" i="0" u="none" strike="noStrike" kern="1200" cap="none" spc="0" normalizeH="0" baseline="0" noProof="0" dirty="0">
                    <a:ln>
                      <a:noFill/>
                    </a:ln>
                    <a:solidFill>
                      <a:prstClr val="black"/>
                    </a:solidFill>
                    <a:effectLst/>
                    <a:uLnTx/>
                    <a:uFillTx/>
                    <a:latin typeface="Arial" panose="020B0604020202020204"/>
                    <a:ea typeface="+mn-ea"/>
                    <a:cs typeface="+mn-cs"/>
                  </a:rPr>
                  <a:t>,</a:t>
                </a:r>
              </a:p>
              <a:p>
                <a:pPr marL="0" marR="0" lvl="0" indent="0" algn="l" defTabSz="676656" rtl="0" eaLnBrk="1" fontAlgn="auto" latinLnBrk="0" hangingPunct="1">
                  <a:lnSpc>
                    <a:spcPct val="90000"/>
                  </a:lnSpc>
                  <a:spcBef>
                    <a:spcPts val="0"/>
                  </a:spcBef>
                  <a:spcAft>
                    <a:spcPts val="600"/>
                  </a:spcAft>
                  <a:buClrTx/>
                  <a:buSzTx/>
                  <a:buFontTx/>
                  <a:buNone/>
                  <a:tabLst/>
                  <a:defRPr/>
                </a:pPr>
                <a:endParaRPr kumimoji="0" lang="en-GB" sz="13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mc:Choice>
        <mc:Fallback xmlns="">
          <p:sp>
            <p:nvSpPr>
              <p:cNvPr id="15" name="TextBox 14">
                <a:extLst>
                  <a:ext uri="{FF2B5EF4-FFF2-40B4-BE49-F238E27FC236}">
                    <a16:creationId xmlns:a16="http://schemas.microsoft.com/office/drawing/2014/main" id="{CA595919-BA79-7385-5A7B-D065AE5F4D49}"/>
                  </a:ext>
                </a:extLst>
              </p:cNvPr>
              <p:cNvSpPr txBox="1">
                <a:spLocks noRot="1" noChangeAspect="1" noMove="1" noResize="1" noEditPoints="1" noAdjustHandles="1" noChangeArrowheads="1" noChangeShapeType="1" noTextEdit="1"/>
              </p:cNvSpPr>
              <p:nvPr/>
            </p:nvSpPr>
            <p:spPr>
              <a:xfrm>
                <a:off x="6508220" y="4157892"/>
                <a:ext cx="2744259" cy="387350"/>
              </a:xfrm>
              <a:prstGeom prst="rect">
                <a:avLst/>
              </a:prstGeom>
              <a:blipFill>
                <a:blip r:embed="rId4"/>
                <a:stretch>
                  <a:fillRect l="-1556" t="-1250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DC169156-D1DE-7051-C671-E324498943AA}"/>
                  </a:ext>
                </a:extLst>
              </p:cNvPr>
              <p:cNvSpPr txBox="1"/>
              <p:nvPr/>
            </p:nvSpPr>
            <p:spPr>
              <a:xfrm>
                <a:off x="4206875" y="4844257"/>
                <a:ext cx="7346950" cy="319088"/>
              </a:xfrm>
              <a:prstGeom prst="rect">
                <a:avLst/>
              </a:prstGeom>
              <a:noFill/>
            </p:spPr>
            <p:txBody>
              <a:bodyPr wrap="square" rtlCol="0" anchor="t">
                <a:noAutofit/>
              </a:bodyPr>
              <a:lstStyle/>
              <a:p>
                <a:pPr marL="0" marR="0" lvl="0" indent="0" algn="l" defTabSz="676656" rtl="0" eaLnBrk="1" fontAlgn="auto" latinLnBrk="0" hangingPunct="1">
                  <a:lnSpc>
                    <a:spcPct val="90000"/>
                  </a:lnSpc>
                  <a:spcBef>
                    <a:spcPts val="0"/>
                  </a:spcBef>
                  <a:spcAft>
                    <a:spcPts val="600"/>
                  </a:spcAft>
                  <a:buClrTx/>
                  <a:buSzTx/>
                  <a:buFontTx/>
                  <a:buNone/>
                  <a:tabLst/>
                  <a:defRPr/>
                </a:pPr>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where </a:t>
                </a:r>
                <a14:m>
                  <m:oMath xmlns:m="http://schemas.openxmlformats.org/officeDocument/2006/math">
                    <m:sSup>
                      <m:sSup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sSup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𝑆</m:t>
                        </m:r>
                      </m:e>
                      <m:sup>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𝐽𝐷</m:t>
                        </m:r>
                      </m:sup>
                    </m:sSup>
                    <m:d>
                      <m:d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d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_</m:t>
                        </m:r>
                      </m:e>
                    </m:d>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func>
                      <m:func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funcPr>
                      <m:fName>
                        <m:limLow>
                          <m:limLow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limLowPr>
                          <m:e>
                            <m:r>
                              <m:rPr>
                                <m:sty m:val="p"/>
                              </m:rPr>
                              <a:rPr kumimoji="0" lang="en-GB" sz="1340" b="0" i="0" u="none" strike="noStrike" kern="1200" cap="none" spc="0" normalizeH="0" baseline="0" noProof="0">
                                <a:ln>
                                  <a:noFill/>
                                </a:ln>
                                <a:solidFill>
                                  <a:prstClr val="black"/>
                                </a:solidFill>
                                <a:effectLst/>
                                <a:uLnTx/>
                                <a:uFillTx/>
                                <a:latin typeface="Cambria Math" panose="02040503050406030204" pitchFamily="18" charset="0"/>
                                <a:ea typeface="+mn-ea"/>
                                <a:cs typeface="+mn-cs"/>
                              </a:rPr>
                              <m:t>lim</m:t>
                            </m:r>
                          </m:e>
                          <m:lim>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_</m:t>
                            </m:r>
                          </m:lim>
                        </m:limLow>
                      </m:fName>
                      <m:e>
                        <m:sSup>
                          <m:sSupPr>
                            <m:ctrlP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ctrlPr>
                          </m:sSupPr>
                          <m:e>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𝑆</m:t>
                            </m:r>
                          </m:e>
                          <m:sup>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𝐽𝐷</m:t>
                            </m:r>
                          </m:sup>
                        </m:sSup>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𝑡</m:t>
                        </m:r>
                        <m:r>
                          <a:rPr kumimoji="0" lang="en-GB" sz="1340" b="0" i="1" u="none" strike="noStrike" kern="1200" cap="none" spc="0" normalizeH="0" baseline="0" noProof="0">
                            <a:ln>
                              <a:noFill/>
                            </a:ln>
                            <a:solidFill>
                              <a:prstClr val="black"/>
                            </a:solidFill>
                            <a:effectLst/>
                            <a:uLnTx/>
                            <a:uFillTx/>
                            <a:latin typeface="Cambria Math" panose="02040503050406030204" pitchFamily="18" charset="0"/>
                            <a:ea typeface="+mn-ea"/>
                            <a:cs typeface="+mn-cs"/>
                          </a:rPr>
                          <m:t>)</m:t>
                        </m:r>
                      </m:e>
                    </m:func>
                  </m:oMath>
                </a14:m>
                <a:r>
                  <a:rPr kumimoji="0" lang="en-GB" sz="1340" b="0" i="1" u="none" strike="noStrike" kern="1200" cap="none" spc="0" normalizeH="0" baseline="0" noProof="0" dirty="0">
                    <a:ln>
                      <a:noFill/>
                    </a:ln>
                    <a:solidFill>
                      <a:prstClr val="black"/>
                    </a:solidFill>
                    <a:effectLst/>
                    <a:uLnTx/>
                    <a:uFillTx/>
                    <a:latin typeface="Arial" panose="020B0604020202020204"/>
                    <a:ea typeface="+mn-ea"/>
                    <a:cs typeface="+mn-cs"/>
                  </a:rPr>
                  <a:t>. </a:t>
                </a:r>
              </a:p>
            </p:txBody>
          </p:sp>
        </mc:Choice>
        <mc:Fallback xmlns="">
          <p:sp>
            <p:nvSpPr>
              <p:cNvPr id="16" name="TextBox 15">
                <a:extLst>
                  <a:ext uri="{FF2B5EF4-FFF2-40B4-BE49-F238E27FC236}">
                    <a16:creationId xmlns:a16="http://schemas.microsoft.com/office/drawing/2014/main" id="{DC169156-D1DE-7051-C671-E324498943AA}"/>
                  </a:ext>
                </a:extLst>
              </p:cNvPr>
              <p:cNvSpPr txBox="1">
                <a:spLocks noRot="1" noChangeAspect="1" noMove="1" noResize="1" noEditPoints="1" noAdjustHandles="1" noChangeArrowheads="1" noChangeShapeType="1" noTextEdit="1"/>
              </p:cNvSpPr>
              <p:nvPr/>
            </p:nvSpPr>
            <p:spPr>
              <a:xfrm>
                <a:off x="4206875" y="4844257"/>
                <a:ext cx="7346950" cy="319088"/>
              </a:xfrm>
              <a:prstGeom prst="rect">
                <a:avLst/>
              </a:prstGeom>
              <a:blipFill>
                <a:blip r:embed="rId5"/>
                <a:stretch>
                  <a:fillRect l="-166" t="-9615" b="-7692"/>
                </a:stretch>
              </a:blipFill>
            </p:spPr>
            <p:txBody>
              <a:bodyPr/>
              <a:lstStyle/>
              <a:p>
                <a:r>
                  <a:rPr lang="en-GB">
                    <a:noFill/>
                  </a:rPr>
                  <a:t> </a:t>
                </a:r>
              </a:p>
            </p:txBody>
          </p:sp>
        </mc:Fallback>
      </mc:AlternateContent>
      <p:sp>
        <p:nvSpPr>
          <p:cNvPr id="11" name="Turton | Placeholder | SlideID: 366 | ID: 6">
            <a:extLst>
              <a:ext uri="{FF2B5EF4-FFF2-40B4-BE49-F238E27FC236}">
                <a16:creationId xmlns:a16="http://schemas.microsoft.com/office/drawing/2014/main" id="{1B2168CD-E8F9-0790-FCBD-D9F7CD00238B}"/>
              </a:ext>
            </a:extLst>
          </p:cNvPr>
          <p:cNvSpPr>
            <a:spLocks noGrp="1"/>
          </p:cNvSpPr>
          <p:nvPr>
            <p:ph type="title"/>
          </p:nvPr>
        </p:nvSpPr>
        <p:spPr>
          <a:xfrm>
            <a:off x="838200" y="171162"/>
            <a:ext cx="2840182" cy="2371148"/>
          </a:xfrm>
        </p:spPr>
        <p:txBody>
          <a:bodyPr vert="horz" lIns="91440" tIns="45720" rIns="91440" bIns="45720" rtlCol="0" anchor="ctr">
            <a:normAutofit/>
          </a:bodyPr>
          <a:lstStyle/>
          <a:p>
            <a:r>
              <a:rPr lang="en-US" sz="3200" kern="1200">
                <a:solidFill>
                  <a:srgbClr val="FFFFFF"/>
                </a:solidFill>
                <a:latin typeface="+mj-lt"/>
                <a:ea typeface="+mj-ea"/>
                <a:cs typeface="+mj-cs"/>
              </a:rPr>
              <a:t>Merton Jump Stochastic Differential equations</a:t>
            </a:r>
          </a:p>
        </p:txBody>
      </p:sp>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FF6B0B0E-AF28-75A0-F525-B3D8480947D0}"/>
                  </a:ext>
                </a:extLst>
              </p:cNvPr>
              <p:cNvSpPr txBox="1"/>
              <p:nvPr/>
            </p:nvSpPr>
            <p:spPr>
              <a:xfrm>
                <a:off x="634278" y="4077395"/>
                <a:ext cx="3248026" cy="681918"/>
              </a:xfrm>
              <a:prstGeom prst="rect">
                <a:avLst/>
              </a:prstGeom>
              <a:noFill/>
            </p:spPr>
            <p:txBody>
              <a:bodyPr wrap="square" rtlCol="0">
                <a:sp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14:m>
                  <m:oMath xmlns:m="http://schemas.openxmlformats.org/officeDocument/2006/math">
                    <m: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Arial" panose="020B0604020202020204" pitchFamily="34" charset="0"/>
                      </a:rPr>
                      <m:t>𝜆</m:t>
                    </m:r>
                  </m:oMath>
                </a14:m>
                <a:r>
                  <a:rPr kumimoji="0" lang="en-GB" sz="1200" b="0" i="1"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 is the jump arrival rate,</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14:m>
                  <m:oMath xmlns:m="http://schemas.openxmlformats.org/officeDocument/2006/math">
                    <m:sSub>
                      <m:sSubPr>
                        <m:ctrlP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Pr>
                      <m:e>
                        <m: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𝜇</m:t>
                        </m:r>
                      </m:e>
                      <m:sub>
                        <m: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𝐽</m:t>
                        </m:r>
                      </m:sub>
                    </m:sSub>
                    <m: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oMath>
                </a14:m>
                <a:r>
                  <a:rPr kumimoji="0" lang="en-GB" sz="1200" b="0" i="1" u="none" strike="noStrike" kern="1200" cap="none" spc="0" normalizeH="0" baseline="0" noProof="0" dirty="0">
                    <a:ln>
                      <a:noFill/>
                    </a:ln>
                    <a:solidFill>
                      <a:prstClr val="black"/>
                    </a:solidFill>
                    <a:effectLst/>
                    <a:uLnTx/>
                    <a:uFillTx/>
                    <a:latin typeface="Arial" panose="020B0604020202020204"/>
                    <a:ea typeface="+mn-ea"/>
                    <a:cs typeface="+mn-cs"/>
                  </a:rPr>
                  <a:t>is the jump mean,</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14:m>
                  <m:oMath xmlns:m="http://schemas.openxmlformats.org/officeDocument/2006/math">
                    <m:sSubSup>
                      <m:sSubSupPr>
                        <m:ctrlP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ctrlPr>
                      </m:sSubSupPr>
                      <m:e>
                        <m: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𝜎</m:t>
                        </m:r>
                      </m:e>
                      <m:sub>
                        <m: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𝐽</m:t>
                        </m:r>
                      </m:sub>
                      <m:sup>
                        <m: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2</m:t>
                        </m:r>
                      </m:sup>
                    </m:sSubSup>
                    <m:r>
                      <a:rPr kumimoji="0" lang="en-GB" sz="1200" b="0" i="1" u="none" strike="noStrike" kern="1200" cap="none" spc="0" normalizeH="0" baseline="0" noProof="0" smtClean="0">
                        <a:ln>
                          <a:noFill/>
                        </a:ln>
                        <a:solidFill>
                          <a:prstClr val="black"/>
                        </a:solidFill>
                        <a:effectLst/>
                        <a:uLnTx/>
                        <a:uFillTx/>
                        <a:latin typeface="Cambria Math" panose="02040503050406030204" pitchFamily="18" charset="0"/>
                        <a:ea typeface="+mn-ea"/>
                        <a:cs typeface="+mn-cs"/>
                      </a:rPr>
                      <m:t> </m:t>
                    </m:r>
                  </m:oMath>
                </a14:m>
                <a:r>
                  <a:rPr kumimoji="0" lang="en-GB" sz="1200" b="0" i="1" u="none" strike="noStrike" kern="1200" cap="none" spc="0" normalizeH="0" baseline="0" noProof="0" dirty="0">
                    <a:ln>
                      <a:noFill/>
                    </a:ln>
                    <a:solidFill>
                      <a:prstClr val="black"/>
                    </a:solidFill>
                    <a:effectLst/>
                    <a:uLnTx/>
                    <a:uFillTx/>
                    <a:latin typeface="Arial" panose="020B0604020202020204"/>
                    <a:ea typeface="+mn-ea"/>
                    <a:cs typeface="Arial" panose="020B0604020202020204" pitchFamily="34" charset="0"/>
                  </a:rPr>
                  <a:t>is the jump variance.</a:t>
                </a:r>
              </a:p>
            </p:txBody>
          </p:sp>
        </mc:Choice>
        <mc:Fallback xmlns="">
          <p:sp>
            <p:nvSpPr>
              <p:cNvPr id="19" name="TextBox 18">
                <a:extLst>
                  <a:ext uri="{FF2B5EF4-FFF2-40B4-BE49-F238E27FC236}">
                    <a16:creationId xmlns:a16="http://schemas.microsoft.com/office/drawing/2014/main" id="{FF6B0B0E-AF28-75A0-F525-B3D8480947D0}"/>
                  </a:ext>
                </a:extLst>
              </p:cNvPr>
              <p:cNvSpPr txBox="1">
                <a:spLocks noRot="1" noChangeAspect="1" noMove="1" noResize="1" noEditPoints="1" noAdjustHandles="1" noChangeArrowheads="1" noChangeShapeType="1" noTextEdit="1"/>
              </p:cNvSpPr>
              <p:nvPr/>
            </p:nvSpPr>
            <p:spPr>
              <a:xfrm>
                <a:off x="634278" y="4077395"/>
                <a:ext cx="3248026" cy="681918"/>
              </a:xfrm>
              <a:prstGeom prst="rect">
                <a:avLst/>
              </a:prstGeom>
              <a:blipFill>
                <a:blip r:embed="rId6"/>
                <a:stretch>
                  <a:fillRect t="-1786" b="-2679"/>
                </a:stretch>
              </a:blipFill>
            </p:spPr>
            <p:txBody>
              <a:bodyPr/>
              <a:lstStyle/>
              <a:p>
                <a:r>
                  <a:rPr lang="en-GB">
                    <a:noFill/>
                  </a:rPr>
                  <a:t> </a:t>
                </a:r>
              </a:p>
            </p:txBody>
          </p:sp>
        </mc:Fallback>
      </mc:AlternateContent>
      <p:grpSp>
        <p:nvGrpSpPr>
          <p:cNvPr id="20" name="Group_45200.7089351852030194">
            <a:extLst>
              <a:ext uri="{FF2B5EF4-FFF2-40B4-BE49-F238E27FC236}">
                <a16:creationId xmlns:a16="http://schemas.microsoft.com/office/drawing/2014/main" id="{DDF4786B-D72F-A659-293F-774CD2D9997D}"/>
              </a:ext>
            </a:extLst>
          </p:cNvPr>
          <p:cNvGrpSpPr/>
          <p:nvPr/>
        </p:nvGrpSpPr>
        <p:grpSpPr>
          <a:xfrm>
            <a:off x="838200" y="3660135"/>
            <a:ext cx="370206" cy="425961"/>
            <a:chOff x="4540460" y="2116349"/>
            <a:chExt cx="3351203" cy="4005403"/>
          </a:xfrm>
        </p:grpSpPr>
        <p:sp>
          <p:nvSpPr>
            <p:cNvPr id="22" name="Turton | Freeform | ID: 401_0">
              <a:extLst>
                <a:ext uri="{FF2B5EF4-FFF2-40B4-BE49-F238E27FC236}">
                  <a16:creationId xmlns:a16="http://schemas.microsoft.com/office/drawing/2014/main" id="{C6F2FC37-5319-4C75-0188-F8EDD7A99747}"/>
                </a:ext>
              </a:extLst>
            </p:cNvPr>
            <p:cNvSpPr>
              <a:spLocks noChangeAspect="1"/>
            </p:cNvSpPr>
            <p:nvPr/>
          </p:nvSpPr>
          <p:spPr>
            <a:xfrm rot="18900000">
              <a:off x="7318079" y="4239773"/>
              <a:ext cx="573584" cy="1881979"/>
            </a:xfrm>
            <a:custGeom>
              <a:avLst/>
              <a:gdLst>
                <a:gd name="connsiteX0" fmla="*/ 161926 w 638175"/>
                <a:gd name="connsiteY0" fmla="*/ 0 h 2093910"/>
                <a:gd name="connsiteX1" fmla="*/ 319090 w 638175"/>
                <a:gd name="connsiteY1" fmla="*/ 7936 h 2093910"/>
                <a:gd name="connsiteX2" fmla="*/ 476251 w 638175"/>
                <a:gd name="connsiteY2" fmla="*/ 0 h 2093910"/>
                <a:gd name="connsiteX3" fmla="*/ 476251 w 638175"/>
                <a:gd name="connsiteY3" fmla="*/ 703260 h 2093910"/>
                <a:gd name="connsiteX4" fmla="*/ 636095 w 638175"/>
                <a:gd name="connsiteY4" fmla="*/ 703260 h 2093910"/>
                <a:gd name="connsiteX5" fmla="*/ 638175 w 638175"/>
                <a:gd name="connsiteY5" fmla="*/ 723897 h 2093910"/>
                <a:gd name="connsiteX6" fmla="*/ 638175 w 638175"/>
                <a:gd name="connsiteY6" fmla="*/ 1892298 h 2093910"/>
                <a:gd name="connsiteX7" fmla="*/ 436563 w 638175"/>
                <a:gd name="connsiteY7" fmla="*/ 2093910 h 2093910"/>
                <a:gd name="connsiteX8" fmla="*/ 201612 w 638175"/>
                <a:gd name="connsiteY8" fmla="*/ 2093910 h 2093910"/>
                <a:gd name="connsiteX9" fmla="*/ 0 w 638175"/>
                <a:gd name="connsiteY9" fmla="*/ 1892298 h 2093910"/>
                <a:gd name="connsiteX10" fmla="*/ 0 w 638175"/>
                <a:gd name="connsiteY10" fmla="*/ 723897 h 2093910"/>
                <a:gd name="connsiteX11" fmla="*/ 2081 w 638175"/>
                <a:gd name="connsiteY11" fmla="*/ 703260 h 2093910"/>
                <a:gd name="connsiteX12" fmla="*/ 161926 w 638175"/>
                <a:gd name="connsiteY12" fmla="*/ 703260 h 2093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38175" h="2093910">
                  <a:moveTo>
                    <a:pt x="161926" y="0"/>
                  </a:moveTo>
                  <a:lnTo>
                    <a:pt x="319090" y="7936"/>
                  </a:lnTo>
                  <a:lnTo>
                    <a:pt x="476251" y="0"/>
                  </a:lnTo>
                  <a:lnTo>
                    <a:pt x="476251" y="703260"/>
                  </a:lnTo>
                  <a:lnTo>
                    <a:pt x="636095" y="703260"/>
                  </a:lnTo>
                  <a:lnTo>
                    <a:pt x="638175" y="723897"/>
                  </a:lnTo>
                  <a:lnTo>
                    <a:pt x="638175" y="1892298"/>
                  </a:lnTo>
                  <a:cubicBezTo>
                    <a:pt x="638175" y="2003645"/>
                    <a:pt x="547910" y="2093910"/>
                    <a:pt x="436563" y="2093910"/>
                  </a:cubicBezTo>
                  <a:lnTo>
                    <a:pt x="201612" y="2093910"/>
                  </a:lnTo>
                  <a:cubicBezTo>
                    <a:pt x="90265" y="2093910"/>
                    <a:pt x="0" y="2003645"/>
                    <a:pt x="0" y="1892298"/>
                  </a:cubicBezTo>
                  <a:lnTo>
                    <a:pt x="0" y="723897"/>
                  </a:lnTo>
                  <a:lnTo>
                    <a:pt x="2081" y="703260"/>
                  </a:lnTo>
                  <a:lnTo>
                    <a:pt x="161926" y="703260"/>
                  </a:lnTo>
                  <a:close/>
                </a:path>
              </a:pathLst>
            </a:cu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105"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23" name="Turton | Autoshape | ID: 401_1">
              <a:extLst>
                <a:ext uri="{FF2B5EF4-FFF2-40B4-BE49-F238E27FC236}">
                  <a16:creationId xmlns:a16="http://schemas.microsoft.com/office/drawing/2014/main" id="{D751E725-50D9-6634-731E-5F7B4A18CEDB}"/>
                </a:ext>
              </a:extLst>
            </p:cNvPr>
            <p:cNvSpPr>
              <a:spLocks noChangeAspect="1"/>
            </p:cNvSpPr>
            <p:nvPr/>
          </p:nvSpPr>
          <p:spPr>
            <a:xfrm>
              <a:off x="4540460" y="2116349"/>
              <a:ext cx="2816548" cy="2816550"/>
            </a:xfrm>
            <a:prstGeom prst="ellipse">
              <a:avLst/>
            </a:prstGeom>
            <a:noFill/>
            <a:ln w="76200">
              <a:solidFill>
                <a:schemeClr val="accent4"/>
              </a:solidFill>
            </a:ln>
            <a:extLst>
              <a:ext uri="{909E8E84-426E-40DD-AFC4-6F175D3DCCD1}">
                <a14:hiddenFill xmlns:a14="http://schemas.microsoft.com/office/drawing/2010/main">
                  <a:solidFill>
                    <a:schemeClr val="bg1"/>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105"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grpSp>
    </p:spTree>
    <p:extLst>
      <p:ext uri="{BB962C8B-B14F-4D97-AF65-F5344CB8AC3E}">
        <p14:creationId xmlns:p14="http://schemas.microsoft.com/office/powerpoint/2010/main" val="413477685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8310623A-0899-6040-458D-E2BF878B6B3B}"/>
              </a:ext>
            </a:extLst>
          </p:cNvPr>
          <p:cNvSpPr>
            <a:spLocks noGrp="1"/>
          </p:cNvSpPr>
          <p:nvPr>
            <p:ph type="body" sz="quarter" idx="12"/>
          </p:nvPr>
        </p:nvSpPr>
        <p:spPr>
          <a:xfrm>
            <a:off x="3293855" y="5725089"/>
            <a:ext cx="5604288" cy="368827"/>
          </a:xfrm>
        </p:spPr>
        <p:txBody>
          <a:bodyPr>
            <a:normAutofit fontScale="85000" lnSpcReduction="10000"/>
          </a:bodyPr>
          <a:lstStyle/>
          <a:p>
            <a:r>
              <a:rPr lang="en-GB" dirty="0"/>
              <a:t>Plots are generated by using the data from </a:t>
            </a:r>
            <a:r>
              <a:rPr lang="en-GB" dirty="0">
                <a:hlinkClick r:id="rId2"/>
              </a:rPr>
              <a:t>Yahoo Finance</a:t>
            </a:r>
            <a:endParaRPr lang="en-GB" dirty="0"/>
          </a:p>
        </p:txBody>
      </p:sp>
      <p:sp>
        <p:nvSpPr>
          <p:cNvPr id="4" name="Text Placeholder 3">
            <a:extLst>
              <a:ext uri="{FF2B5EF4-FFF2-40B4-BE49-F238E27FC236}">
                <a16:creationId xmlns:a16="http://schemas.microsoft.com/office/drawing/2014/main" id="{87F0EA00-5B41-D573-3233-78F435B93B7E}"/>
              </a:ext>
            </a:extLst>
          </p:cNvPr>
          <p:cNvSpPr>
            <a:spLocks noGrp="1"/>
          </p:cNvSpPr>
          <p:nvPr>
            <p:ph type="body" sz="quarter" idx="13"/>
          </p:nvPr>
        </p:nvSpPr>
        <p:spPr>
          <a:xfrm>
            <a:off x="484550" y="4885304"/>
            <a:ext cx="11254155" cy="776287"/>
          </a:xfrm>
        </p:spPr>
        <p:txBody>
          <a:bodyPr>
            <a:normAutofit fontScale="92500" lnSpcReduction="20000"/>
          </a:bodyPr>
          <a:lstStyle/>
          <a:p>
            <a:r>
              <a:rPr lang="en-GB" dirty="0">
                <a:solidFill>
                  <a:schemeClr val="tx1"/>
                </a:solidFill>
              </a:rPr>
              <a:t>The Real Market Data for Apple and Tesla from Jan 2020 to July 2022</a:t>
            </a:r>
          </a:p>
        </p:txBody>
      </p:sp>
      <p:pic>
        <p:nvPicPr>
          <p:cNvPr id="6" name="Picture 5" descr="A graph of stock market growth&#10;&#10;Description automatically generated with medium confidence">
            <a:extLst>
              <a:ext uri="{FF2B5EF4-FFF2-40B4-BE49-F238E27FC236}">
                <a16:creationId xmlns:a16="http://schemas.microsoft.com/office/drawing/2014/main" id="{21E28E8C-3CAE-F036-F4FC-A313E25ABA5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57501" y="1331001"/>
            <a:ext cx="8476997" cy="2918551"/>
          </a:xfrm>
          <a:prstGeom prst="rect">
            <a:avLst/>
          </a:prstGeom>
        </p:spPr>
      </p:pic>
    </p:spTree>
    <p:extLst>
      <p:ext uri="{BB962C8B-B14F-4D97-AF65-F5344CB8AC3E}">
        <p14:creationId xmlns:p14="http://schemas.microsoft.com/office/powerpoint/2010/main" val="1188551709"/>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53" name="Rectangle 7">
            <a:extLst>
              <a:ext uri="{FF2B5EF4-FFF2-40B4-BE49-F238E27FC236}">
                <a16:creationId xmlns:a16="http://schemas.microsoft.com/office/drawing/2014/main" id="{B6CDA21F-E7AF-4C75-8395-33F58D5B0E4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1999" cy="685736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4" name="Group 9">
            <a:extLst>
              <a:ext uri="{FF2B5EF4-FFF2-40B4-BE49-F238E27FC236}">
                <a16:creationId xmlns:a16="http://schemas.microsoft.com/office/drawing/2014/main" id="{AE1C45F0-260A-458C-96ED-C1F6D2151219}"/>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 y="1216597"/>
            <a:ext cx="731521" cy="673460"/>
            <a:chOff x="3940602" y="308034"/>
            <a:chExt cx="2116791" cy="3428999"/>
          </a:xfrm>
          <a:solidFill>
            <a:schemeClr val="accent4"/>
          </a:solidFill>
        </p:grpSpPr>
        <p:sp>
          <p:nvSpPr>
            <p:cNvPr id="11" name="Rectangle 10">
              <a:extLst>
                <a:ext uri="{FF2B5EF4-FFF2-40B4-BE49-F238E27FC236}">
                  <a16:creationId xmlns:a16="http://schemas.microsoft.com/office/drawing/2014/main" id="{A6604B49-AD5C-4590-B051-06C8222ECD9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940602" y="308034"/>
              <a:ext cx="566743" cy="342899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Rectangle 11">
              <a:extLst>
                <a:ext uri="{FF2B5EF4-FFF2-40B4-BE49-F238E27FC236}">
                  <a16:creationId xmlns:a16="http://schemas.microsoft.com/office/drawing/2014/main" id="{743ECCAF-29C5-4537-947C-7EA1292463D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4715626" y="308034"/>
              <a:ext cx="566743" cy="342899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a:extLst>
                <a:ext uri="{FF2B5EF4-FFF2-40B4-BE49-F238E27FC236}">
                  <a16:creationId xmlns:a16="http://schemas.microsoft.com/office/drawing/2014/main" id="{ED49787B-8DE6-4467-AD0A-8DECC6E0C2D6}"/>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5490650" y="308034"/>
              <a:ext cx="566743" cy="342899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5" name="Rectangle 14">
            <a:extLst>
              <a:ext uri="{FF2B5EF4-FFF2-40B4-BE49-F238E27FC236}">
                <a16:creationId xmlns:a16="http://schemas.microsoft.com/office/drawing/2014/main" id="{D5B0017B-2ECA-49AF-B397-DC140825DF8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40079" y="613954"/>
            <a:ext cx="10907487" cy="1894116"/>
          </a:xfrm>
          <a:prstGeom prst="rect">
            <a:avLst/>
          </a:prstGeom>
          <a:solidFill>
            <a:schemeClr val="bg1"/>
          </a:solidFill>
          <a:ln>
            <a:noFill/>
          </a:ln>
          <a:effectLst>
            <a:outerShdw blurRad="139700" dist="127000" dir="5400000" algn="t"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EDC4433B-B5E5-C505-4E5F-9EF576BBBAA5}"/>
              </a:ext>
            </a:extLst>
          </p:cNvPr>
          <p:cNvSpPr>
            <a:spLocks noGrp="1"/>
          </p:cNvSpPr>
          <p:nvPr>
            <p:ph type="title"/>
          </p:nvPr>
        </p:nvSpPr>
        <p:spPr>
          <a:xfrm>
            <a:off x="1043631" y="809898"/>
            <a:ext cx="9942716" cy="1554480"/>
          </a:xfrm>
        </p:spPr>
        <p:txBody>
          <a:bodyPr anchor="ctr">
            <a:normAutofit/>
          </a:bodyPr>
          <a:lstStyle/>
          <a:p>
            <a:r>
              <a:rPr lang="en-GB" sz="4800" dirty="0"/>
              <a:t>Conclusion:</a:t>
            </a:r>
          </a:p>
        </p:txBody>
      </p:sp>
      <mc:AlternateContent xmlns:mc="http://schemas.openxmlformats.org/markup-compatibility/2006" xmlns:a14="http://schemas.microsoft.com/office/drawing/2010/main">
        <mc:Choice Requires="a14">
          <p:sp>
            <p:nvSpPr>
              <p:cNvPr id="3" name="Content Placeholder 2">
                <a:extLst>
                  <a:ext uri="{FF2B5EF4-FFF2-40B4-BE49-F238E27FC236}">
                    <a16:creationId xmlns:a16="http://schemas.microsoft.com/office/drawing/2014/main" id="{ED0DC9B8-C1A5-E70E-1993-5E7134097964}"/>
                  </a:ext>
                </a:extLst>
              </p:cNvPr>
              <p:cNvSpPr>
                <a:spLocks noGrp="1"/>
              </p:cNvSpPr>
              <p:nvPr>
                <p:ph idx="1"/>
              </p:nvPr>
            </p:nvSpPr>
            <p:spPr>
              <a:xfrm>
                <a:off x="1045028" y="3017522"/>
                <a:ext cx="9941319" cy="3124658"/>
              </a:xfrm>
            </p:spPr>
            <p:txBody>
              <a:bodyPr anchor="ctr">
                <a:normAutofit/>
              </a:bodyPr>
              <a:lstStyle/>
              <a:p>
                <a:r>
                  <a:rPr lang="en-GB" sz="2400" dirty="0"/>
                  <a:t>Arrival Rate </a:t>
                </a:r>
                <a14:m>
                  <m:oMath xmlns:m="http://schemas.openxmlformats.org/officeDocument/2006/math">
                    <m:r>
                      <a:rPr lang="en-GB" sz="2400" b="0" i="1">
                        <a:latin typeface="Cambria Math" panose="02040503050406030204" pitchFamily="18" charset="0"/>
                      </a:rPr>
                      <m:t>𝜆</m:t>
                    </m:r>
                  </m:oMath>
                </a14:m>
                <a:r>
                  <a:rPr lang="en-GB" sz="2400" dirty="0"/>
                  <a:t> is a redundant parameter in SVJD model;</a:t>
                </a:r>
              </a:p>
              <a:p>
                <a:r>
                  <a:rPr lang="en-GB" sz="2400" dirty="0"/>
                  <a:t>Jump Mean </a:t>
                </a:r>
                <a14:m>
                  <m:oMath xmlns:m="http://schemas.openxmlformats.org/officeDocument/2006/math">
                    <m:sSub>
                      <m:sSubPr>
                        <m:ctrlPr>
                          <a:rPr lang="en-GB" sz="2400" b="0" i="1">
                            <a:latin typeface="Cambria Math" panose="02040503050406030204" pitchFamily="18" charset="0"/>
                          </a:rPr>
                        </m:ctrlPr>
                      </m:sSubPr>
                      <m:e>
                        <m:r>
                          <a:rPr lang="en-GB" sz="2400" b="0" i="1">
                            <a:latin typeface="Cambria Math" panose="02040503050406030204" pitchFamily="18" charset="0"/>
                          </a:rPr>
                          <m:t>𝜇</m:t>
                        </m:r>
                      </m:e>
                      <m:sub>
                        <m:r>
                          <a:rPr lang="en-GB" sz="2400" b="0" i="1">
                            <a:latin typeface="Cambria Math" panose="02040503050406030204" pitchFamily="18" charset="0"/>
                          </a:rPr>
                          <m:t>𝐽</m:t>
                        </m:r>
                      </m:sub>
                    </m:sSub>
                  </m:oMath>
                </a14:m>
                <a:r>
                  <a:rPr lang="en-GB" sz="2400" dirty="0"/>
                  <a:t> will gain more weights if we exclude Arrival Rate </a:t>
                </a:r>
                <a14:m>
                  <m:oMath xmlns:m="http://schemas.openxmlformats.org/officeDocument/2006/math">
                    <m:r>
                      <a:rPr lang="en-GB" sz="2400" i="1">
                        <a:latin typeface="Cambria Math" panose="02040503050406030204" pitchFamily="18" charset="0"/>
                      </a:rPr>
                      <m:t>𝜆</m:t>
                    </m:r>
                  </m:oMath>
                </a14:m>
                <a:r>
                  <a:rPr lang="en-GB" sz="2400" dirty="0"/>
                  <a:t> from the model;</a:t>
                </a:r>
              </a:p>
              <a:p>
                <a:r>
                  <a:rPr lang="en-GB" sz="2400" dirty="0"/>
                  <a:t>The model and calibration process can only be used for short term maturity options.</a:t>
                </a:r>
              </a:p>
              <a:p>
                <a:endParaRPr lang="en-GB" sz="2400" dirty="0"/>
              </a:p>
              <a:p>
                <a:pPr marL="0" indent="0">
                  <a:buNone/>
                </a:pPr>
                <a:endParaRPr lang="en-GB" sz="2400" dirty="0"/>
              </a:p>
              <a:p>
                <a:endParaRPr lang="en-GB" sz="2400" dirty="0"/>
              </a:p>
              <a:p>
                <a:endParaRPr lang="en-GB" sz="2400" dirty="0"/>
              </a:p>
            </p:txBody>
          </p:sp>
        </mc:Choice>
        <mc:Fallback xmlns="">
          <p:sp>
            <p:nvSpPr>
              <p:cNvPr id="3" name="Content Placeholder 2">
                <a:extLst>
                  <a:ext uri="{FF2B5EF4-FFF2-40B4-BE49-F238E27FC236}">
                    <a16:creationId xmlns:a16="http://schemas.microsoft.com/office/drawing/2014/main" id="{ED0DC9B8-C1A5-E70E-1993-5E7134097964}"/>
                  </a:ext>
                </a:extLst>
              </p:cNvPr>
              <p:cNvSpPr>
                <a:spLocks noGrp="1" noRot="1" noChangeAspect="1" noMove="1" noResize="1" noEditPoints="1" noAdjustHandles="1" noChangeArrowheads="1" noChangeShapeType="1" noTextEdit="1"/>
              </p:cNvSpPr>
              <p:nvPr>
                <p:ph idx="1"/>
              </p:nvPr>
            </p:nvSpPr>
            <p:spPr>
              <a:xfrm>
                <a:off x="1045028" y="3017522"/>
                <a:ext cx="9941319" cy="3124658"/>
              </a:xfrm>
              <a:blipFill>
                <a:blip r:embed="rId2"/>
                <a:stretch>
                  <a:fillRect l="-797" t="-14035" r="-1655"/>
                </a:stretch>
              </a:blipFill>
            </p:spPr>
            <p:txBody>
              <a:bodyPr/>
              <a:lstStyle/>
              <a:p>
                <a:r>
                  <a:rPr lang="en-GB">
                    <a:noFill/>
                  </a:rPr>
                  <a:t> </a:t>
                </a:r>
              </a:p>
            </p:txBody>
          </p:sp>
        </mc:Fallback>
      </mc:AlternateContent>
      <p:cxnSp>
        <p:nvCxnSpPr>
          <p:cNvPr id="17" name="Straight Connector 16">
            <a:extLst>
              <a:ext uri="{FF2B5EF4-FFF2-40B4-BE49-F238E27FC236}">
                <a16:creationId xmlns:a16="http://schemas.microsoft.com/office/drawing/2014/main" id="{6CF1BAF6-AD41-4082-B212-8A1F9A2E8779}"/>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flipH="1">
            <a:off x="838200" y="6485313"/>
            <a:ext cx="10515600" cy="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1766019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C50DACFE-3598-8184-BD0D-11788A46465D}"/>
              </a:ext>
            </a:extLst>
          </p:cNvPr>
          <p:cNvSpPr>
            <a:spLocks noGrp="1"/>
          </p:cNvSpPr>
          <p:nvPr>
            <p:ph idx="1"/>
          </p:nvPr>
        </p:nvSpPr>
        <p:spPr>
          <a:xfrm>
            <a:off x="394063" y="667384"/>
            <a:ext cx="10515600" cy="6264640"/>
          </a:xfrm>
        </p:spPr>
        <p:txBody>
          <a:bodyPr>
            <a:normAutofit fontScale="32500" lnSpcReduction="20000"/>
          </a:bodyPr>
          <a:lstStyle/>
          <a:p>
            <a:pPr marL="0" indent="0" algn="l" rtl="0">
              <a:lnSpc>
                <a:spcPct val="120000"/>
              </a:lnSpc>
              <a:buNone/>
            </a:pPr>
            <a:r>
              <a:rPr lang="en-GB" sz="3200" b="0" i="0" dirty="0">
                <a:solidFill>
                  <a:srgbClr val="5D6879"/>
                </a:solidFill>
                <a:effectLst/>
                <a:latin typeface="Arial" panose="020B0604020202020204" pitchFamily="34" charset="0"/>
              </a:rPr>
              <a:t>[1] Black-</a:t>
            </a:r>
            <a:r>
              <a:rPr lang="en-GB" sz="3200" b="0" i="0" dirty="0" err="1">
                <a:solidFill>
                  <a:srgbClr val="5D6879"/>
                </a:solidFill>
                <a:effectLst/>
                <a:latin typeface="Arial" panose="020B0604020202020204" pitchFamily="34" charset="0"/>
              </a:rPr>
              <a:t>scholes</a:t>
            </a:r>
            <a:r>
              <a:rPr lang="en-GB" sz="3200" b="0" i="0" dirty="0">
                <a:solidFill>
                  <a:srgbClr val="5D6879"/>
                </a:solidFill>
                <a:effectLst/>
                <a:latin typeface="Arial" panose="020B0604020202020204" pitchFamily="34" charset="0"/>
              </a:rPr>
              <a:t> model. https://www.investopedia.com/terms/b/blackscholes.asp. Accessed:</a:t>
            </a:r>
            <a:r>
              <a:rPr lang="en-GB" sz="3200" dirty="0">
                <a:solidFill>
                  <a:srgbClr val="5D6879"/>
                </a:solidFill>
                <a:latin typeface="Lato" panose="020B0604020202020204" pitchFamily="34" charset="0"/>
              </a:rPr>
              <a:t> </a:t>
            </a:r>
            <a:r>
              <a:rPr lang="en-GB" sz="3200" b="0" i="0" dirty="0">
                <a:solidFill>
                  <a:srgbClr val="5D6879"/>
                </a:solidFill>
                <a:effectLst/>
                <a:latin typeface="Arial" panose="020B0604020202020204" pitchFamily="34" charset="0"/>
              </a:rPr>
              <a:t>2022-08-15.</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 Why granular data is essential for climate risk insights. </a:t>
            </a:r>
            <a:r>
              <a:rPr lang="en-GB" sz="3200" b="0" i="0" dirty="0">
                <a:solidFill>
                  <a:srgbClr val="5D6879"/>
                </a:solidFill>
                <a:effectLst/>
                <a:latin typeface="Arial" panose="020B0604020202020204" pitchFamily="34" charset="0"/>
                <a:hlinkClick r:id="rId2"/>
              </a:rPr>
              <a:t>https://capitalmonitor.ai/partner-</a:t>
            </a:r>
            <a:r>
              <a:rPr lang="en-GB" sz="3200" dirty="0">
                <a:solidFill>
                  <a:srgbClr val="5D6879"/>
                </a:solidFill>
                <a:latin typeface="Lato" panose="020B0604020202020204" pitchFamily="34" charset="0"/>
              </a:rPr>
              <a:t> </a:t>
            </a:r>
            <a:r>
              <a:rPr lang="en-GB" sz="3200" b="0" i="0" dirty="0">
                <a:solidFill>
                  <a:srgbClr val="5D6879"/>
                </a:solidFill>
                <a:effectLst/>
                <a:latin typeface="Arial" panose="020B0604020202020204" pitchFamily="34" charset="0"/>
              </a:rPr>
              <a:t>content/climate-risk-insights-granular-data-essential/. Accessed: 2022-08-22.</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3] M. Analytics. Stochastic volatility jump diffusion market consistent calibration </a:t>
            </a:r>
            <a:r>
              <a:rPr lang="en-GB" sz="3200" b="0" i="0" dirty="0" err="1">
                <a:solidFill>
                  <a:srgbClr val="5D6879"/>
                </a:solidFill>
                <a:effectLst/>
                <a:latin typeface="Arial" panose="020B0604020202020204" pitchFamily="34" charset="0"/>
              </a:rPr>
              <a:t>methodol-ogy</a:t>
            </a:r>
            <a:r>
              <a:rPr lang="en-GB" sz="3200" b="0" i="0" dirty="0">
                <a:solidFill>
                  <a:srgbClr val="5D6879"/>
                </a:solidFill>
                <a:effectLst/>
                <a:latin typeface="Arial" panose="020B0604020202020204" pitchFamily="34" charset="0"/>
              </a:rPr>
              <a:t>. Available at </a:t>
            </a:r>
            <a:r>
              <a:rPr lang="en-GB" sz="3200" b="0" i="0" dirty="0" err="1">
                <a:solidFill>
                  <a:srgbClr val="5D6879"/>
                </a:solidFill>
                <a:effectLst/>
                <a:latin typeface="Arial" panose="020B0604020202020204" pitchFamily="34" charset="0"/>
              </a:rPr>
              <a:t>barrie+hibbert</a:t>
            </a:r>
            <a:r>
              <a:rPr lang="en-GB" sz="3200" b="0" i="0" dirty="0">
                <a:solidFill>
                  <a:srgbClr val="5D6879"/>
                </a:solidFill>
                <a:effectLst/>
                <a:latin typeface="Arial" panose="020B0604020202020204" pitchFamily="34" charset="0"/>
              </a:rPr>
              <a:t>, 2013.</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4] M. Analytics. Stochastic volatility jump diffusion model definition. Available at </a:t>
            </a:r>
            <a:r>
              <a:rPr lang="en-GB" sz="3200" b="0" i="0" dirty="0" err="1">
                <a:solidFill>
                  <a:srgbClr val="5D6879"/>
                </a:solidFill>
                <a:effectLst/>
                <a:latin typeface="Arial" panose="020B0604020202020204" pitchFamily="34" charset="0"/>
              </a:rPr>
              <a:t>bar-rie+hibbert</a:t>
            </a:r>
            <a:r>
              <a:rPr lang="en-GB" sz="3200" b="0" i="0" dirty="0">
                <a:solidFill>
                  <a:srgbClr val="5D6879"/>
                </a:solidFill>
                <a:effectLst/>
                <a:latin typeface="Arial" panose="020B0604020202020204" pitchFamily="34" charset="0"/>
              </a:rPr>
              <a:t>, 2013.</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5] M. Analytics. Calibration tools methodology guide. Available at </a:t>
            </a:r>
            <a:r>
              <a:rPr lang="en-GB" sz="3200" b="0" i="0" dirty="0" err="1">
                <a:solidFill>
                  <a:srgbClr val="5D6879"/>
                </a:solidFill>
                <a:effectLst/>
                <a:latin typeface="Arial" panose="020B0604020202020204" pitchFamily="34" charset="0"/>
              </a:rPr>
              <a:t>barrie+hibbert</a:t>
            </a:r>
            <a:r>
              <a:rPr lang="en-GB" sz="3200" b="0" i="0" dirty="0">
                <a:solidFill>
                  <a:srgbClr val="5D6879"/>
                </a:solidFill>
                <a:effectLst/>
                <a:latin typeface="Arial" panose="020B0604020202020204" pitchFamily="34" charset="0"/>
              </a:rPr>
              <a:t>, 2019.</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6] M. Analytics. 9.7.2 - scenario generator - developer guide. Available at barrie+hibbert,2021.</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7] M. Analytics. 9.8.0 - scenario generator - configuration guide. Available at barrie+hibbert,2022.</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8] M. Analytics. 9.8.0 - scenario generator - methodology guide. Available at barrie+hibbert,2022.</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9] D. S. Bates. Jumps and stochastic volatility: Exchange rate processes implicit in deutschemark options. The Review of Financial Studies, 9(1):69–107, 1996.</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0] F. Black and M. Scholes. The pricing of options and corporate liabilities. The Journal </a:t>
            </a:r>
            <a:r>
              <a:rPr lang="en-GB" sz="3200" b="0" i="0" dirty="0" err="1">
                <a:solidFill>
                  <a:srgbClr val="5D6879"/>
                </a:solidFill>
                <a:effectLst/>
                <a:latin typeface="Arial" panose="020B0604020202020204" pitchFamily="34" charset="0"/>
              </a:rPr>
              <a:t>ofPolitical</a:t>
            </a:r>
            <a:r>
              <a:rPr lang="en-GB" sz="3200" b="0" i="0" dirty="0">
                <a:solidFill>
                  <a:srgbClr val="5D6879"/>
                </a:solidFill>
                <a:effectLst/>
                <a:latin typeface="Arial" panose="020B0604020202020204" pitchFamily="34" charset="0"/>
              </a:rPr>
              <a:t> Economy, 81(3):637–654, 1973.</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1] J. C. Bogle. Black </a:t>
            </a:r>
            <a:r>
              <a:rPr lang="en-GB" sz="3200" b="0" i="0" dirty="0" err="1">
                <a:solidFill>
                  <a:srgbClr val="5D6879"/>
                </a:solidFill>
                <a:effectLst/>
                <a:latin typeface="Arial" panose="020B0604020202020204" pitchFamily="34" charset="0"/>
              </a:rPr>
              <a:t>monday</a:t>
            </a:r>
            <a:r>
              <a:rPr lang="en-GB" sz="3200" b="0" i="0" dirty="0">
                <a:solidFill>
                  <a:srgbClr val="5D6879"/>
                </a:solidFill>
                <a:effectLst/>
                <a:latin typeface="Arial" panose="020B0604020202020204" pitchFamily="34" charset="0"/>
              </a:rPr>
              <a:t> and black swans. Financial Analysts Journal, 64(2):30–40, 2008.</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2] D. J. Cole. Parameter redundancy and identifiability. Chapman and Hall/CRC, 2020.</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3] R. </a:t>
            </a:r>
            <a:r>
              <a:rPr lang="en-GB" sz="3200" b="0" i="0" dirty="0" err="1">
                <a:solidFill>
                  <a:srgbClr val="5D6879"/>
                </a:solidFill>
                <a:effectLst/>
                <a:latin typeface="Arial" panose="020B0604020202020204" pitchFamily="34" charset="0"/>
              </a:rPr>
              <a:t>Cont</a:t>
            </a:r>
            <a:r>
              <a:rPr lang="en-GB" sz="3200" b="0" i="0" dirty="0">
                <a:solidFill>
                  <a:srgbClr val="5D6879"/>
                </a:solidFill>
                <a:effectLst/>
                <a:latin typeface="Arial" panose="020B0604020202020204" pitchFamily="34" charset="0"/>
              </a:rPr>
              <a:t> and P. </a:t>
            </a:r>
            <a:r>
              <a:rPr lang="en-GB" sz="3200" b="0" i="0" dirty="0" err="1">
                <a:solidFill>
                  <a:srgbClr val="5D6879"/>
                </a:solidFill>
                <a:effectLst/>
                <a:latin typeface="Arial" panose="020B0604020202020204" pitchFamily="34" charset="0"/>
              </a:rPr>
              <a:t>Tankov</a:t>
            </a:r>
            <a:r>
              <a:rPr lang="en-GB" sz="3200" b="0" i="0" dirty="0">
                <a:solidFill>
                  <a:srgbClr val="5D6879"/>
                </a:solidFill>
                <a:effectLst/>
                <a:latin typeface="Arial" panose="020B0604020202020204" pitchFamily="34" charset="0"/>
              </a:rPr>
              <a:t>. Financial modelling with jump processes. Chapman and Hall/CRC,2004.</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4] J. C. Cox, J. E. Ingersoll, and S. A. Ross. A theory of the term structure of interest </a:t>
            </a:r>
            <a:r>
              <a:rPr lang="en-GB" sz="3200" b="0" i="0" dirty="0" err="1">
                <a:solidFill>
                  <a:srgbClr val="5D6879"/>
                </a:solidFill>
                <a:effectLst/>
                <a:latin typeface="Arial" panose="020B0604020202020204" pitchFamily="34" charset="0"/>
              </a:rPr>
              <a:t>rates.Econometrica</a:t>
            </a:r>
            <a:r>
              <a:rPr lang="en-GB" sz="3200" b="0" i="0" dirty="0">
                <a:solidFill>
                  <a:srgbClr val="5D6879"/>
                </a:solidFill>
                <a:effectLst/>
                <a:latin typeface="Arial" panose="020B0604020202020204" pitchFamily="34" charset="0"/>
              </a:rPr>
              <a:t>, 53(2):385–407, 1985.</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5] R. </a:t>
            </a:r>
            <a:r>
              <a:rPr lang="en-GB" sz="3200" b="0" i="0" dirty="0" err="1">
                <a:solidFill>
                  <a:srgbClr val="5D6879"/>
                </a:solidFill>
                <a:effectLst/>
                <a:latin typeface="Arial" panose="020B0604020202020204" pitchFamily="34" charset="0"/>
              </a:rPr>
              <a:t>Craine</a:t>
            </a:r>
            <a:r>
              <a:rPr lang="en-GB" sz="3200" b="0" i="0" dirty="0">
                <a:solidFill>
                  <a:srgbClr val="5D6879"/>
                </a:solidFill>
                <a:effectLst/>
                <a:latin typeface="Arial" panose="020B0604020202020204" pitchFamily="34" charset="0"/>
              </a:rPr>
              <a:t>, L. A. </a:t>
            </a:r>
            <a:r>
              <a:rPr lang="en-GB" sz="3200" b="0" i="0" dirty="0" err="1">
                <a:solidFill>
                  <a:srgbClr val="5D6879"/>
                </a:solidFill>
                <a:effectLst/>
                <a:latin typeface="Arial" panose="020B0604020202020204" pitchFamily="34" charset="0"/>
              </a:rPr>
              <a:t>Lochstoer</a:t>
            </a:r>
            <a:r>
              <a:rPr lang="en-GB" sz="3200" b="0" i="0" dirty="0">
                <a:solidFill>
                  <a:srgbClr val="5D6879"/>
                </a:solidFill>
                <a:effectLst/>
                <a:latin typeface="Arial" panose="020B0604020202020204" pitchFamily="34" charset="0"/>
              </a:rPr>
              <a:t>, and K. </a:t>
            </a:r>
            <a:r>
              <a:rPr lang="en-GB" sz="3200" b="0" i="0" dirty="0" err="1">
                <a:solidFill>
                  <a:srgbClr val="5D6879"/>
                </a:solidFill>
                <a:effectLst/>
                <a:latin typeface="Arial" panose="020B0604020202020204" pitchFamily="34" charset="0"/>
              </a:rPr>
              <a:t>Syrtveit</a:t>
            </a:r>
            <a:r>
              <a:rPr lang="en-GB" sz="3200" b="0" i="0" dirty="0">
                <a:solidFill>
                  <a:srgbClr val="5D6879"/>
                </a:solidFill>
                <a:effectLst/>
                <a:latin typeface="Arial" panose="020B0604020202020204" pitchFamily="34" charset="0"/>
              </a:rPr>
              <a:t>. Estimation of a stochastic-volatility jump-diffusion model. </a:t>
            </a:r>
            <a:r>
              <a:rPr lang="en-GB" sz="3200" b="0" i="0" dirty="0" err="1">
                <a:solidFill>
                  <a:srgbClr val="5D6879"/>
                </a:solidFill>
                <a:effectLst/>
                <a:latin typeface="Arial" panose="020B0604020202020204" pitchFamily="34" charset="0"/>
              </a:rPr>
              <a:t>Revista</a:t>
            </a:r>
            <a:r>
              <a:rPr lang="en-GB" sz="3200" b="0" i="0" dirty="0">
                <a:solidFill>
                  <a:srgbClr val="5D6879"/>
                </a:solidFill>
                <a:effectLst/>
                <a:latin typeface="Arial" panose="020B0604020202020204" pitchFamily="34" charset="0"/>
              </a:rPr>
              <a:t> de </a:t>
            </a:r>
            <a:r>
              <a:rPr lang="en-GB" sz="3200" b="0" i="0" dirty="0" err="1">
                <a:solidFill>
                  <a:srgbClr val="5D6879"/>
                </a:solidFill>
                <a:effectLst/>
                <a:latin typeface="Arial" panose="020B0604020202020204" pitchFamily="34" charset="0"/>
              </a:rPr>
              <a:t>Analisis</a:t>
            </a:r>
            <a:r>
              <a:rPr lang="en-GB" sz="3200" b="0" i="0" dirty="0">
                <a:solidFill>
                  <a:srgbClr val="5D6879"/>
                </a:solidFill>
                <a:effectLst/>
                <a:latin typeface="Arial" panose="020B0604020202020204" pitchFamily="34" charset="0"/>
              </a:rPr>
              <a:t> </a:t>
            </a:r>
            <a:r>
              <a:rPr lang="en-GB" sz="3200" b="0" i="0" dirty="0" err="1">
                <a:solidFill>
                  <a:srgbClr val="5D6879"/>
                </a:solidFill>
                <a:effectLst/>
                <a:latin typeface="Arial" panose="020B0604020202020204" pitchFamily="34" charset="0"/>
              </a:rPr>
              <a:t>Economico</a:t>
            </a:r>
            <a:r>
              <a:rPr lang="en-GB" sz="3200" b="0" i="0" dirty="0">
                <a:solidFill>
                  <a:srgbClr val="5D6879"/>
                </a:solidFill>
                <a:effectLst/>
                <a:latin typeface="Arial" panose="020B0604020202020204" pitchFamily="34" charset="0"/>
              </a:rPr>
              <a:t>, 15(1):61–87, 2000.</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6] B. Dumas, J. Fleming, and R. E. Whaley. Implied volatility functions: Empirical </a:t>
            </a:r>
            <a:r>
              <a:rPr lang="en-GB" sz="3200" b="0" i="0" dirty="0" err="1">
                <a:solidFill>
                  <a:srgbClr val="5D6879"/>
                </a:solidFill>
                <a:effectLst/>
                <a:latin typeface="Arial" panose="020B0604020202020204" pitchFamily="34" charset="0"/>
              </a:rPr>
              <a:t>tests.The</a:t>
            </a:r>
            <a:r>
              <a:rPr lang="en-GB" sz="3200" b="0" i="0" dirty="0">
                <a:solidFill>
                  <a:srgbClr val="5D6879"/>
                </a:solidFill>
                <a:effectLst/>
                <a:latin typeface="Arial" panose="020B0604020202020204" pitchFamily="34" charset="0"/>
              </a:rPr>
              <a:t> Journal of Finance, 53(6):2059–2106, 1998.</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7] F. Fang and C. W. </a:t>
            </a:r>
            <a:r>
              <a:rPr lang="en-GB" sz="3200" b="0" i="0" dirty="0" err="1">
                <a:solidFill>
                  <a:srgbClr val="5D6879"/>
                </a:solidFill>
                <a:effectLst/>
                <a:latin typeface="Arial" panose="020B0604020202020204" pitchFamily="34" charset="0"/>
              </a:rPr>
              <a:t>Oosterlee</a:t>
            </a:r>
            <a:r>
              <a:rPr lang="en-GB" sz="3200" b="0" i="0" dirty="0">
                <a:solidFill>
                  <a:srgbClr val="5D6879"/>
                </a:solidFill>
                <a:effectLst/>
                <a:latin typeface="Arial" panose="020B0604020202020204" pitchFamily="34" charset="0"/>
              </a:rPr>
              <a:t>. A novel pricing method for </a:t>
            </a:r>
            <a:r>
              <a:rPr lang="en-GB" sz="3200" b="0" i="0" dirty="0" err="1">
                <a:solidFill>
                  <a:srgbClr val="5D6879"/>
                </a:solidFill>
                <a:effectLst/>
                <a:latin typeface="Arial" panose="020B0604020202020204" pitchFamily="34" charset="0"/>
              </a:rPr>
              <a:t>european</a:t>
            </a:r>
            <a:r>
              <a:rPr lang="en-GB" sz="3200" b="0" i="0" dirty="0">
                <a:solidFill>
                  <a:srgbClr val="5D6879"/>
                </a:solidFill>
                <a:effectLst/>
                <a:latin typeface="Arial" panose="020B0604020202020204" pitchFamily="34" charset="0"/>
              </a:rPr>
              <a:t> options based </a:t>
            </a:r>
            <a:r>
              <a:rPr lang="en-GB" sz="3200" b="0" i="0" dirty="0" err="1">
                <a:solidFill>
                  <a:srgbClr val="5D6879"/>
                </a:solidFill>
                <a:effectLst/>
                <a:latin typeface="Arial" panose="020B0604020202020204" pitchFamily="34" charset="0"/>
              </a:rPr>
              <a:t>onfourier</a:t>
            </a:r>
            <a:r>
              <a:rPr lang="en-GB" sz="3200" b="0" i="0" dirty="0">
                <a:solidFill>
                  <a:srgbClr val="5D6879"/>
                </a:solidFill>
                <a:effectLst/>
                <a:latin typeface="Arial" panose="020B0604020202020204" pitchFamily="34" charset="0"/>
              </a:rPr>
              <a:t>-cosine series expansions. SIAM Journal on Scientific Computing, 31(2):826–848,2008.</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8] D. </a:t>
            </a:r>
            <a:r>
              <a:rPr lang="en-GB" sz="3200" b="0" i="0" dirty="0" err="1">
                <a:solidFill>
                  <a:srgbClr val="5D6879"/>
                </a:solidFill>
                <a:effectLst/>
                <a:latin typeface="Arial" panose="020B0604020202020204" pitchFamily="34" charset="0"/>
              </a:rPr>
              <a:t>Filipovi</a:t>
            </a:r>
            <a:r>
              <a:rPr lang="en-GB" sz="3200" b="0" i="0" dirty="0">
                <a:solidFill>
                  <a:srgbClr val="5D6879"/>
                </a:solidFill>
                <a:effectLst/>
                <a:latin typeface="Arial" panose="020B0604020202020204" pitchFamily="34" charset="0"/>
              </a:rPr>
              <a:t> ́c. Term-structure models: A graduate course. Springer Science &amp; </a:t>
            </a:r>
            <a:r>
              <a:rPr lang="en-GB" sz="3200" b="0" i="0" dirty="0" err="1">
                <a:solidFill>
                  <a:srgbClr val="5D6879"/>
                </a:solidFill>
                <a:effectLst/>
                <a:latin typeface="Arial" panose="020B0604020202020204" pitchFamily="34" charset="0"/>
              </a:rPr>
              <a:t>BusinessMedia</a:t>
            </a:r>
            <a:r>
              <a:rPr lang="en-GB" sz="3200" b="0" i="0" dirty="0">
                <a:solidFill>
                  <a:srgbClr val="5D6879"/>
                </a:solidFill>
                <a:effectLst/>
                <a:latin typeface="Arial" panose="020B0604020202020204" pitchFamily="34" charset="0"/>
              </a:rPr>
              <a:t>, 2009.</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19] J. </a:t>
            </a:r>
            <a:r>
              <a:rPr lang="en-GB" sz="3200" b="0" i="0" dirty="0" err="1">
                <a:solidFill>
                  <a:srgbClr val="5D6879"/>
                </a:solidFill>
                <a:effectLst/>
                <a:latin typeface="Arial" panose="020B0604020202020204" pitchFamily="34" charset="0"/>
              </a:rPr>
              <a:t>Gatheral</a:t>
            </a:r>
            <a:r>
              <a:rPr lang="en-GB" sz="3200" b="0" i="0" dirty="0">
                <a:solidFill>
                  <a:srgbClr val="5D6879"/>
                </a:solidFill>
                <a:effectLst/>
                <a:latin typeface="Arial" panose="020B0604020202020204" pitchFamily="34" charset="0"/>
              </a:rPr>
              <a:t>. The volatility surface: A practitioner’s guide. John Wiley &amp; Sons, 2006.</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0] S. L. Heston. A closed-form solution for options with stochastic volatility with </a:t>
            </a:r>
            <a:r>
              <a:rPr lang="en-GB" sz="3200" b="0" i="0" dirty="0" err="1">
                <a:solidFill>
                  <a:srgbClr val="5D6879"/>
                </a:solidFill>
                <a:effectLst/>
                <a:latin typeface="Arial" panose="020B0604020202020204" pitchFamily="34" charset="0"/>
              </a:rPr>
              <a:t>applicationsto</a:t>
            </a:r>
            <a:r>
              <a:rPr lang="en-GB" sz="3200" b="0" i="0" dirty="0">
                <a:solidFill>
                  <a:srgbClr val="5D6879"/>
                </a:solidFill>
                <a:effectLst/>
                <a:latin typeface="Arial" panose="020B0604020202020204" pitchFamily="34" charset="0"/>
              </a:rPr>
              <a:t> bond and currency options. The review of financial studies, 6(2):327–343, 1993.</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1] J. Hull and A. White. The pricing of options on assets with stochastic volatilities. </a:t>
            </a:r>
            <a:r>
              <a:rPr lang="en-GB" sz="3200" b="0" i="0" dirty="0" err="1">
                <a:solidFill>
                  <a:srgbClr val="5D6879"/>
                </a:solidFill>
                <a:effectLst/>
                <a:latin typeface="Arial" panose="020B0604020202020204" pitchFamily="34" charset="0"/>
              </a:rPr>
              <a:t>Thejournal</a:t>
            </a:r>
            <a:r>
              <a:rPr lang="en-GB" sz="3200" b="0" i="0" dirty="0">
                <a:solidFill>
                  <a:srgbClr val="5D6879"/>
                </a:solidFill>
                <a:effectLst/>
                <a:latin typeface="Arial" panose="020B0604020202020204" pitchFamily="34" charset="0"/>
              </a:rPr>
              <a:t> of finance, 42(2):281–300, 1987.34</a:t>
            </a:r>
            <a:endParaRPr lang="en-GB" sz="3200" dirty="0">
              <a:solidFill>
                <a:srgbClr val="5D6879"/>
              </a:solidFill>
              <a:latin typeface="Lato" panose="020B0604020202020204" pitchFamily="34" charset="0"/>
            </a:endParaRPr>
          </a:p>
          <a:p>
            <a:pPr marL="0" indent="0" algn="l" rtl="0">
              <a:lnSpc>
                <a:spcPct val="120000"/>
              </a:lnSpc>
              <a:buNone/>
            </a:pPr>
            <a:r>
              <a:rPr lang="en-GB" sz="3200" b="0" i="0" dirty="0">
                <a:solidFill>
                  <a:srgbClr val="5D6879"/>
                </a:solidFill>
                <a:effectLst/>
                <a:latin typeface="Arial" panose="020B0604020202020204" pitchFamily="34" charset="0"/>
              </a:rPr>
              <a:t>[22] M. Kemp. Market consistency: model calibration in imperfect markets. John Wiley &amp; Sons,2009.</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3] Y. K. Kwok, K. S. Leung, and H. Y. Wong. Efficient options pricing using the fast </a:t>
            </a:r>
            <a:r>
              <a:rPr lang="en-GB" sz="3200" b="0" i="0" dirty="0" err="1">
                <a:solidFill>
                  <a:srgbClr val="5D6879"/>
                </a:solidFill>
                <a:effectLst/>
                <a:latin typeface="Arial" panose="020B0604020202020204" pitchFamily="34" charset="0"/>
              </a:rPr>
              <a:t>fouriertransform</a:t>
            </a:r>
            <a:r>
              <a:rPr lang="en-GB" sz="3200" b="0" i="0" dirty="0">
                <a:solidFill>
                  <a:srgbClr val="5D6879"/>
                </a:solidFill>
                <a:effectLst/>
                <a:latin typeface="Arial" panose="020B0604020202020204" pitchFamily="34" charset="0"/>
              </a:rPr>
              <a:t>. In Handbook of computational finance, pages 579–604. Springer, 2012.</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4] A. L. Lewis. A simple option formula for general jump-diffusion and other exponential l ́</a:t>
            </a:r>
            <a:r>
              <a:rPr lang="en-GB" sz="3200" b="0" i="0" dirty="0" err="1">
                <a:solidFill>
                  <a:srgbClr val="5D6879"/>
                </a:solidFill>
                <a:effectLst/>
                <a:latin typeface="Arial" panose="020B0604020202020204" pitchFamily="34" charset="0"/>
              </a:rPr>
              <a:t>evyprocesses</a:t>
            </a:r>
            <a:r>
              <a:rPr lang="en-GB" sz="3200" b="0" i="0" dirty="0">
                <a:solidFill>
                  <a:srgbClr val="5D6879"/>
                </a:solidFill>
                <a:effectLst/>
                <a:latin typeface="Arial" panose="020B0604020202020204" pitchFamily="34" charset="0"/>
              </a:rPr>
              <a:t>. Available at SSRN 282110, 2001.</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5] K. Madsen, H. B. Nielsen, and O. </a:t>
            </a:r>
            <a:r>
              <a:rPr lang="en-GB" sz="3200" b="0" i="0" dirty="0" err="1">
                <a:solidFill>
                  <a:srgbClr val="5D6879"/>
                </a:solidFill>
                <a:effectLst/>
                <a:latin typeface="Arial" panose="020B0604020202020204" pitchFamily="34" charset="0"/>
              </a:rPr>
              <a:t>Tingleff</a:t>
            </a:r>
            <a:r>
              <a:rPr lang="en-GB" sz="3200" b="0" i="0" dirty="0">
                <a:solidFill>
                  <a:srgbClr val="5D6879"/>
                </a:solidFill>
                <a:effectLst/>
                <a:latin typeface="Arial" panose="020B0604020202020204" pitchFamily="34" charset="0"/>
              </a:rPr>
              <a:t>. Methods for non-linear least squares problems.2004.</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6] B. Mandelbrot. The variation of some other speculative prices. The Journal of Business,40(4):393–413, 1967.</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7] R. N. S. A. d. Matos. Stochastic volatility jump-diffusion models as time-changed L ́</a:t>
            </a:r>
            <a:r>
              <a:rPr lang="en-GB" sz="3200" b="0" i="0" dirty="0" err="1">
                <a:solidFill>
                  <a:srgbClr val="5D6879"/>
                </a:solidFill>
                <a:effectLst/>
                <a:latin typeface="Arial" panose="020B0604020202020204" pitchFamily="34" charset="0"/>
              </a:rPr>
              <a:t>evyprocesses</a:t>
            </a:r>
            <a:r>
              <a:rPr lang="en-GB" sz="3200" b="0" i="0" dirty="0">
                <a:solidFill>
                  <a:srgbClr val="5D6879"/>
                </a:solidFill>
                <a:effectLst/>
                <a:latin typeface="Arial" panose="020B0604020202020204" pitchFamily="34" charset="0"/>
              </a:rPr>
              <a:t>. PhD thesis, 2014.</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8] T. M ́</a:t>
            </a:r>
            <a:r>
              <a:rPr lang="en-GB" sz="3200" b="0" i="0" dirty="0" err="1">
                <a:solidFill>
                  <a:srgbClr val="5D6879"/>
                </a:solidFill>
                <a:effectLst/>
                <a:latin typeface="Arial" panose="020B0604020202020204" pitchFamily="34" charset="0"/>
              </a:rPr>
              <a:t>atrai</a:t>
            </a:r>
            <a:r>
              <a:rPr lang="en-GB" sz="3200" b="0" i="0" dirty="0">
                <a:solidFill>
                  <a:srgbClr val="5D6879"/>
                </a:solidFill>
                <a:effectLst/>
                <a:latin typeface="Arial" panose="020B0604020202020204" pitchFamily="34" charset="0"/>
              </a:rPr>
              <a:t> and I. </a:t>
            </a:r>
            <a:r>
              <a:rPr lang="en-GB" sz="3200" b="0" i="0" dirty="0" err="1">
                <a:solidFill>
                  <a:srgbClr val="5D6879"/>
                </a:solidFill>
                <a:effectLst/>
                <a:latin typeface="Arial" panose="020B0604020202020204" pitchFamily="34" charset="0"/>
              </a:rPr>
              <a:t>Naish-Guzm</a:t>
            </a:r>
            <a:r>
              <a:rPr lang="en-GB" sz="3200" b="0" i="0" dirty="0">
                <a:solidFill>
                  <a:srgbClr val="5D6879"/>
                </a:solidFill>
                <a:effectLst/>
                <a:latin typeface="Arial" panose="020B0604020202020204" pitchFamily="34" charset="0"/>
              </a:rPr>
              <a:t> ́an. Revisiting the </a:t>
            </a:r>
            <a:r>
              <a:rPr lang="en-GB" sz="3200" b="0" i="0" dirty="0" err="1">
                <a:solidFill>
                  <a:srgbClr val="5D6879"/>
                </a:solidFill>
                <a:effectLst/>
                <a:latin typeface="Arial" panose="020B0604020202020204" pitchFamily="34" charset="0"/>
              </a:rPr>
              <a:t>lmm</a:t>
            </a:r>
            <a:r>
              <a:rPr lang="en-GB" sz="3200" b="0" i="0" dirty="0">
                <a:solidFill>
                  <a:srgbClr val="5D6879"/>
                </a:solidFill>
                <a:effectLst/>
                <a:latin typeface="Arial" panose="020B0604020202020204" pitchFamily="34" charset="0"/>
              </a:rPr>
              <a:t>+ model. Available at barrie+hibbert,2013.</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29] B. </a:t>
            </a:r>
            <a:r>
              <a:rPr lang="en-GB" sz="3200" b="0" i="0" dirty="0" err="1">
                <a:solidFill>
                  <a:srgbClr val="5D6879"/>
                </a:solidFill>
                <a:effectLst/>
                <a:latin typeface="Arial" panose="020B0604020202020204" pitchFamily="34" charset="0"/>
              </a:rPr>
              <a:t>Øksendal</a:t>
            </a:r>
            <a:r>
              <a:rPr lang="en-GB" sz="3200" b="0" i="0" dirty="0">
                <a:solidFill>
                  <a:srgbClr val="5D6879"/>
                </a:solidFill>
                <a:effectLst/>
                <a:latin typeface="Arial" panose="020B0604020202020204" pitchFamily="34" charset="0"/>
              </a:rPr>
              <a:t>. Stochastic differential equations: An introduction with applications. </a:t>
            </a:r>
            <a:r>
              <a:rPr lang="en-GB" sz="3200" b="0" i="0" dirty="0" err="1">
                <a:solidFill>
                  <a:srgbClr val="5D6879"/>
                </a:solidFill>
                <a:effectLst/>
                <a:latin typeface="Arial" panose="020B0604020202020204" pitchFamily="34" charset="0"/>
              </a:rPr>
              <a:t>SpringerScience</a:t>
            </a:r>
            <a:r>
              <a:rPr lang="en-GB" sz="3200" b="0" i="0" dirty="0">
                <a:solidFill>
                  <a:srgbClr val="5D6879"/>
                </a:solidFill>
                <a:effectLst/>
                <a:latin typeface="Arial" panose="020B0604020202020204" pitchFamily="34" charset="0"/>
              </a:rPr>
              <a:t> &amp; Business Media, 1998.</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30] J. Pan. The jump-risk premia implicit in options: Evidence from an integrated time-</a:t>
            </a:r>
            <a:r>
              <a:rPr lang="en-GB" sz="3200" b="0" i="0" dirty="0" err="1">
                <a:solidFill>
                  <a:srgbClr val="5D6879"/>
                </a:solidFill>
                <a:effectLst/>
                <a:latin typeface="Arial" panose="020B0604020202020204" pitchFamily="34" charset="0"/>
              </a:rPr>
              <a:t>seriesstudy</a:t>
            </a:r>
            <a:r>
              <a:rPr lang="en-GB" sz="3200" b="0" i="0" dirty="0">
                <a:solidFill>
                  <a:srgbClr val="5D6879"/>
                </a:solidFill>
                <a:effectLst/>
                <a:latin typeface="Arial" panose="020B0604020202020204" pitchFamily="34" charset="0"/>
              </a:rPr>
              <a:t>. Journal of financial economics, 63(1):3–50, 2002.</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31] S. </a:t>
            </a:r>
            <a:r>
              <a:rPr lang="en-GB" sz="3200" b="0" i="0" dirty="0" err="1">
                <a:solidFill>
                  <a:srgbClr val="5D6879"/>
                </a:solidFill>
                <a:effectLst/>
                <a:latin typeface="Arial" panose="020B0604020202020204" pitchFamily="34" charset="0"/>
              </a:rPr>
              <a:t>Pourghanbar</a:t>
            </a:r>
            <a:r>
              <a:rPr lang="en-GB" sz="3200" b="0" i="0" dirty="0">
                <a:solidFill>
                  <a:srgbClr val="5D6879"/>
                </a:solidFill>
                <a:effectLst/>
                <a:latin typeface="Arial" panose="020B0604020202020204" pitchFamily="34" charset="0"/>
              </a:rPr>
              <a:t> and M. </a:t>
            </a:r>
            <a:r>
              <a:rPr lang="en-GB" sz="3200" b="0" i="0" dirty="0" err="1">
                <a:solidFill>
                  <a:srgbClr val="5D6879"/>
                </a:solidFill>
                <a:effectLst/>
                <a:latin typeface="Arial" panose="020B0604020202020204" pitchFamily="34" charset="0"/>
              </a:rPr>
              <a:t>Ranjbar</a:t>
            </a:r>
            <a:r>
              <a:rPr lang="en-GB" sz="3200" b="0" i="0" dirty="0">
                <a:solidFill>
                  <a:srgbClr val="5D6879"/>
                </a:solidFill>
                <a:effectLst/>
                <a:latin typeface="Arial" panose="020B0604020202020204" pitchFamily="34" charset="0"/>
              </a:rPr>
              <a:t>. From </a:t>
            </a:r>
            <a:r>
              <a:rPr lang="en-GB" sz="3200" b="0" i="0" dirty="0" err="1">
                <a:solidFill>
                  <a:srgbClr val="5D6879"/>
                </a:solidFill>
                <a:effectLst/>
                <a:latin typeface="Arial" panose="020B0604020202020204" pitchFamily="34" charset="0"/>
              </a:rPr>
              <a:t>itˆo</a:t>
            </a:r>
            <a:r>
              <a:rPr lang="en-GB" sz="3200" b="0" i="0" dirty="0">
                <a:solidFill>
                  <a:srgbClr val="5D6879"/>
                </a:solidFill>
                <a:effectLst/>
                <a:latin typeface="Arial" panose="020B0604020202020204" pitchFamily="34" charset="0"/>
              </a:rPr>
              <a:t> and </a:t>
            </a:r>
            <a:r>
              <a:rPr lang="en-GB" sz="3200" b="0" i="0" dirty="0" err="1">
                <a:solidFill>
                  <a:srgbClr val="5D6879"/>
                </a:solidFill>
                <a:effectLst/>
                <a:latin typeface="Arial" panose="020B0604020202020204" pitchFamily="34" charset="0"/>
              </a:rPr>
              <a:t>stratonovich</a:t>
            </a:r>
            <a:r>
              <a:rPr lang="en-GB" sz="3200" b="0" i="0" dirty="0">
                <a:solidFill>
                  <a:srgbClr val="5D6879"/>
                </a:solidFill>
                <a:effectLst/>
                <a:latin typeface="Arial" panose="020B0604020202020204" pitchFamily="34" charset="0"/>
              </a:rPr>
              <a:t> to black-</a:t>
            </a:r>
            <a:r>
              <a:rPr lang="en-GB" sz="3200" b="0" i="0" dirty="0" err="1">
                <a:solidFill>
                  <a:srgbClr val="5D6879"/>
                </a:solidFill>
                <a:effectLst/>
                <a:latin typeface="Arial" panose="020B0604020202020204" pitchFamily="34" charset="0"/>
              </a:rPr>
              <a:t>scholes</a:t>
            </a:r>
            <a:r>
              <a:rPr lang="en-GB" sz="3200" b="0" i="0" dirty="0">
                <a:solidFill>
                  <a:srgbClr val="5D6879"/>
                </a:solidFill>
                <a:effectLst/>
                <a:latin typeface="Arial" panose="020B0604020202020204" pitchFamily="34" charset="0"/>
              </a:rPr>
              <a:t>. 2016.</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32] E. M. Stein and J. C. Stein. Stock price distributions with stochastic volatility: An </a:t>
            </a:r>
            <a:r>
              <a:rPr lang="en-GB" sz="3200" b="0" i="0" dirty="0" err="1">
                <a:solidFill>
                  <a:srgbClr val="5D6879"/>
                </a:solidFill>
                <a:effectLst/>
                <a:latin typeface="Arial" panose="020B0604020202020204" pitchFamily="34" charset="0"/>
              </a:rPr>
              <a:t>analyticapproach</a:t>
            </a:r>
            <a:r>
              <a:rPr lang="en-GB" sz="3200" b="0" i="0" dirty="0">
                <a:solidFill>
                  <a:srgbClr val="5D6879"/>
                </a:solidFill>
                <a:effectLst/>
                <a:latin typeface="Arial" panose="020B0604020202020204" pitchFamily="34" charset="0"/>
              </a:rPr>
              <a:t>. The review of financial studies, 4(4):727–752, 1991.</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33] H. R. Stoll. The relationship between put and call option prices. The Journal of Finance,24(5):801–824, 1969.</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34] S. </a:t>
            </a:r>
            <a:r>
              <a:rPr lang="en-GB" sz="3200" b="0" i="0" dirty="0" err="1">
                <a:solidFill>
                  <a:srgbClr val="5D6879"/>
                </a:solidFill>
                <a:effectLst/>
                <a:latin typeface="Arial" panose="020B0604020202020204" pitchFamily="34" charset="0"/>
              </a:rPr>
              <a:t>Vikberg</a:t>
            </a:r>
            <a:r>
              <a:rPr lang="en-GB" sz="3200" b="0" i="0" dirty="0">
                <a:solidFill>
                  <a:srgbClr val="5D6879"/>
                </a:solidFill>
                <a:effectLst/>
                <a:latin typeface="Arial" panose="020B0604020202020204" pitchFamily="34" charset="0"/>
              </a:rPr>
              <a:t> and J. </a:t>
            </a:r>
            <a:r>
              <a:rPr lang="en-GB" sz="3200" b="0" i="0" dirty="0" err="1">
                <a:solidFill>
                  <a:srgbClr val="5D6879"/>
                </a:solidFill>
                <a:effectLst/>
                <a:latin typeface="Arial" panose="020B0604020202020204" pitchFamily="34" charset="0"/>
              </a:rPr>
              <a:t>Bj</a:t>
            </a:r>
            <a:r>
              <a:rPr lang="en-GB" sz="3200" b="0" i="0" dirty="0">
                <a:solidFill>
                  <a:srgbClr val="5D6879"/>
                </a:solidFill>
                <a:effectLst/>
                <a:latin typeface="Arial" panose="020B0604020202020204" pitchFamily="34" charset="0"/>
              </a:rPr>
              <a:t> ̈</a:t>
            </a:r>
            <a:r>
              <a:rPr lang="en-GB" sz="3200" b="0" i="0" dirty="0" err="1">
                <a:solidFill>
                  <a:srgbClr val="5D6879"/>
                </a:solidFill>
                <a:effectLst/>
                <a:latin typeface="Arial" panose="020B0604020202020204" pitchFamily="34" charset="0"/>
              </a:rPr>
              <a:t>orkman</a:t>
            </a:r>
            <a:r>
              <a:rPr lang="en-GB" sz="3200" b="0" i="0" dirty="0">
                <a:solidFill>
                  <a:srgbClr val="5D6879"/>
                </a:solidFill>
                <a:effectLst/>
                <a:latin typeface="Arial" panose="020B0604020202020204" pitchFamily="34" charset="0"/>
              </a:rPr>
              <a:t>. How well does implied volatility predict future stock </a:t>
            </a:r>
            <a:r>
              <a:rPr lang="en-GB" sz="3200" b="0" i="0" dirty="0" err="1">
                <a:solidFill>
                  <a:srgbClr val="5D6879"/>
                </a:solidFill>
                <a:effectLst/>
                <a:latin typeface="Arial" panose="020B0604020202020204" pitchFamily="34" charset="0"/>
              </a:rPr>
              <a:t>indexreturns</a:t>
            </a:r>
            <a:r>
              <a:rPr lang="en-GB" sz="3200" b="0" i="0" dirty="0">
                <a:solidFill>
                  <a:srgbClr val="5D6879"/>
                </a:solidFill>
                <a:effectLst/>
                <a:latin typeface="Arial" panose="020B0604020202020204" pitchFamily="34" charset="0"/>
              </a:rPr>
              <a:t> and volatility?: A study of option-implied volatility derived from omxs30 index</a:t>
            </a:r>
            <a:r>
              <a:rPr lang="en-GB" sz="3200" dirty="0">
                <a:solidFill>
                  <a:srgbClr val="5D6879"/>
                </a:solidFill>
                <a:latin typeface="Lato" panose="020B0604020202020204" pitchFamily="34" charset="0"/>
              </a:rPr>
              <a:t> </a:t>
            </a:r>
            <a:r>
              <a:rPr lang="en-GB" sz="3200" b="0" i="0" dirty="0">
                <a:solidFill>
                  <a:srgbClr val="5D6879"/>
                </a:solidFill>
                <a:effectLst/>
                <a:latin typeface="Arial" panose="020B0604020202020204" pitchFamily="34" charset="0"/>
              </a:rPr>
              <a:t>options, 2020.</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35] P. Wilmott. Derivatives: The theory and practice of financial engineering. Wiley, 1998.</a:t>
            </a:r>
            <a:br>
              <a:rPr lang="en-GB" sz="3200" b="0" i="0" dirty="0">
                <a:solidFill>
                  <a:srgbClr val="5D6879"/>
                </a:solidFill>
                <a:effectLst/>
                <a:latin typeface="Lato" panose="020B0604020202020204" pitchFamily="34" charset="0"/>
              </a:rPr>
            </a:br>
            <a:r>
              <a:rPr lang="en-GB" sz="3200" b="0" i="0" dirty="0">
                <a:solidFill>
                  <a:srgbClr val="5D6879"/>
                </a:solidFill>
                <a:effectLst/>
                <a:latin typeface="Arial" panose="020B0604020202020204" pitchFamily="34" charset="0"/>
              </a:rPr>
              <a:t>[36] J. Zhu. Applications of Fourier transform to smile </a:t>
            </a:r>
            <a:r>
              <a:rPr lang="en-GB" sz="3200" b="0" i="0" dirty="0" err="1">
                <a:solidFill>
                  <a:srgbClr val="5D6879"/>
                </a:solidFill>
                <a:effectLst/>
                <a:latin typeface="Arial" panose="020B0604020202020204" pitchFamily="34" charset="0"/>
              </a:rPr>
              <a:t>modeling</a:t>
            </a:r>
            <a:r>
              <a:rPr lang="en-GB" sz="3200" b="0" i="0" dirty="0">
                <a:solidFill>
                  <a:srgbClr val="5D6879"/>
                </a:solidFill>
                <a:effectLst/>
                <a:latin typeface="Arial" panose="020B0604020202020204" pitchFamily="34" charset="0"/>
              </a:rPr>
              <a:t>: Theory and implementation.</a:t>
            </a:r>
            <a:r>
              <a:rPr lang="en-GB" sz="3200" dirty="0">
                <a:solidFill>
                  <a:srgbClr val="5D6879"/>
                </a:solidFill>
                <a:latin typeface="Lato" panose="020B0604020202020204" pitchFamily="34" charset="0"/>
              </a:rPr>
              <a:t> </a:t>
            </a:r>
            <a:r>
              <a:rPr lang="en-GB" sz="3200" b="0" i="0" dirty="0">
                <a:solidFill>
                  <a:srgbClr val="5D6879"/>
                </a:solidFill>
                <a:effectLst/>
                <a:latin typeface="Arial" panose="020B0604020202020204" pitchFamily="34" charset="0"/>
              </a:rPr>
              <a:t>Springer Science &amp; Business Media, 2010.</a:t>
            </a:r>
            <a:endParaRPr lang="en-GB" sz="3200" b="0" i="0" dirty="0">
              <a:solidFill>
                <a:srgbClr val="5D6879"/>
              </a:solidFill>
              <a:effectLst/>
              <a:latin typeface="Lato" panose="020B0604020202020204" pitchFamily="34" charset="0"/>
            </a:endParaRPr>
          </a:p>
          <a:p>
            <a:pPr marL="0" indent="0">
              <a:lnSpc>
                <a:spcPct val="120000"/>
              </a:lnSpc>
              <a:buNone/>
            </a:pPr>
            <a:br>
              <a:rPr lang="en-GB" dirty="0"/>
            </a:br>
            <a:endParaRPr lang="en-GB" dirty="0"/>
          </a:p>
        </p:txBody>
      </p:sp>
      <p:sp>
        <p:nvSpPr>
          <p:cNvPr id="4" name="TextBox 3">
            <a:extLst>
              <a:ext uri="{FF2B5EF4-FFF2-40B4-BE49-F238E27FC236}">
                <a16:creationId xmlns:a16="http://schemas.microsoft.com/office/drawing/2014/main" id="{B9BC20C0-B1DF-0DF6-6082-E9A845861AD0}"/>
              </a:ext>
            </a:extLst>
          </p:cNvPr>
          <p:cNvSpPr txBox="1"/>
          <p:nvPr/>
        </p:nvSpPr>
        <p:spPr>
          <a:xfrm>
            <a:off x="394063" y="298052"/>
            <a:ext cx="1313180" cy="369332"/>
          </a:xfrm>
          <a:prstGeom prst="rect">
            <a:avLst/>
          </a:prstGeom>
          <a:noFill/>
        </p:spPr>
        <p:txBody>
          <a:bodyPr wrap="none" rtlCol="0">
            <a:spAutoFit/>
          </a:bodyPr>
          <a:lstStyle/>
          <a:p>
            <a:r>
              <a:rPr lang="en-GB" dirty="0"/>
              <a:t>Reference:</a:t>
            </a:r>
          </a:p>
        </p:txBody>
      </p:sp>
    </p:spTree>
    <p:extLst>
      <p:ext uri="{BB962C8B-B14F-4D97-AF65-F5344CB8AC3E}">
        <p14:creationId xmlns:p14="http://schemas.microsoft.com/office/powerpoint/2010/main" val="191193461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Content Placeholder 3">
            <a:extLst>
              <a:ext uri="{FF2B5EF4-FFF2-40B4-BE49-F238E27FC236}">
                <a16:creationId xmlns:a16="http://schemas.microsoft.com/office/drawing/2014/main" id="{82D12D6C-488F-F451-4B80-D0CBF5F8609D}"/>
              </a:ext>
            </a:extLst>
          </p:cNvPr>
          <p:cNvGraphicFramePr>
            <a:graphicFrameLocks noGrp="1"/>
          </p:cNvGraphicFramePr>
          <p:nvPr>
            <p:ph idx="1"/>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1169642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2">
            <a:extLst>
              <a:ext uri="{FF2B5EF4-FFF2-40B4-BE49-F238E27FC236}">
                <a16:creationId xmlns:a16="http://schemas.microsoft.com/office/drawing/2014/main" id="{0DB7486F-5FAC-CDDE-DC75-92128BA1ECEA}"/>
              </a:ext>
            </a:extLst>
          </p:cNvPr>
          <p:cNvSpPr>
            <a:spLocks noGrp="1"/>
          </p:cNvSpPr>
          <p:nvPr>
            <p:ph type="body" sz="quarter" idx="12"/>
          </p:nvPr>
        </p:nvSpPr>
        <p:spPr>
          <a:xfrm>
            <a:off x="3293855" y="5725089"/>
            <a:ext cx="5604288" cy="368827"/>
          </a:xfrm>
        </p:spPr>
        <p:txBody>
          <a:bodyPr>
            <a:normAutofit fontScale="85000" lnSpcReduction="10000"/>
          </a:bodyPr>
          <a:lstStyle/>
          <a:p>
            <a:r>
              <a:rPr lang="en-GB" dirty="0"/>
              <a:t>Plots are generated by using the data from </a:t>
            </a:r>
            <a:r>
              <a:rPr lang="en-GB" dirty="0">
                <a:hlinkClick r:id="rId2"/>
              </a:rPr>
              <a:t>Yahoo Finance</a:t>
            </a:r>
            <a:endParaRPr lang="en-GB" dirty="0"/>
          </a:p>
        </p:txBody>
      </p:sp>
      <p:sp>
        <p:nvSpPr>
          <p:cNvPr id="6" name="Text Placeholder 3">
            <a:extLst>
              <a:ext uri="{FF2B5EF4-FFF2-40B4-BE49-F238E27FC236}">
                <a16:creationId xmlns:a16="http://schemas.microsoft.com/office/drawing/2014/main" id="{22E5F66B-5E8A-F6CB-0AE2-5F3EAAEABD6E}"/>
              </a:ext>
            </a:extLst>
          </p:cNvPr>
          <p:cNvSpPr>
            <a:spLocks noGrp="1"/>
          </p:cNvSpPr>
          <p:nvPr>
            <p:ph type="body" sz="quarter" idx="13"/>
          </p:nvPr>
        </p:nvSpPr>
        <p:spPr>
          <a:xfrm>
            <a:off x="484550" y="4885304"/>
            <a:ext cx="11254155" cy="776287"/>
          </a:xfrm>
        </p:spPr>
        <p:txBody>
          <a:bodyPr>
            <a:normAutofit fontScale="92500" lnSpcReduction="20000"/>
          </a:bodyPr>
          <a:lstStyle/>
          <a:p>
            <a:r>
              <a:rPr lang="en-GB" dirty="0">
                <a:solidFill>
                  <a:schemeClr val="tx1"/>
                </a:solidFill>
              </a:rPr>
              <a:t>The Log Return of Apple and Tesla Stocks from Jan 2020 to July 2022</a:t>
            </a:r>
          </a:p>
        </p:txBody>
      </p:sp>
      <p:pic>
        <p:nvPicPr>
          <p:cNvPr id="7" name="Picture 6">
            <a:extLst>
              <a:ext uri="{FF2B5EF4-FFF2-40B4-BE49-F238E27FC236}">
                <a16:creationId xmlns:a16="http://schemas.microsoft.com/office/drawing/2014/main" id="{D0B48322-1AB9-476C-38DB-CA751E3E99A8}"/>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873128" y="1018802"/>
            <a:ext cx="8476997" cy="2663576"/>
          </a:xfrm>
          <a:prstGeom prst="rect">
            <a:avLst/>
          </a:prstGeom>
        </p:spPr>
      </p:pic>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F5A14332-FB9B-B7D1-104A-9271725354A9}"/>
                  </a:ext>
                </a:extLst>
              </p:cNvPr>
              <p:cNvSpPr txBox="1"/>
              <p:nvPr/>
            </p:nvSpPr>
            <p:spPr>
              <a:xfrm>
                <a:off x="4737934" y="3922457"/>
                <a:ext cx="2716128" cy="89934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Sup>
                        <m:sSubSupPr>
                          <m:ctrlPr>
                            <a:rPr lang="en-GB" b="0" i="1" smtClean="0">
                              <a:latin typeface="Cambria Math" panose="02040503050406030204" pitchFamily="18" charset="0"/>
                            </a:rPr>
                          </m:ctrlPr>
                        </m:sSubSupPr>
                        <m:e>
                          <m:r>
                            <a:rPr lang="en-GB" i="1" smtClean="0">
                              <a:latin typeface="Cambria Math" panose="02040503050406030204" pitchFamily="18" charset="0"/>
                            </a:rPr>
                            <m:t>𝑅</m:t>
                          </m:r>
                        </m:e>
                        <m:sub>
                          <m:r>
                            <a:rPr lang="en-GB" b="0" i="1" smtClean="0">
                              <a:latin typeface="Cambria Math" panose="02040503050406030204" pitchFamily="18" charset="0"/>
                            </a:rPr>
                            <m:t>𝑡</m:t>
                          </m:r>
                        </m:sub>
                        <m:sup>
                          <m:r>
                            <a:rPr lang="en-GB" b="0" i="1" smtClean="0">
                              <a:latin typeface="Cambria Math" panose="02040503050406030204" pitchFamily="18" charset="0"/>
                            </a:rPr>
                            <m:t>𝑙𝑜𝑔</m:t>
                          </m:r>
                        </m:sup>
                      </m:sSubSup>
                      <m:r>
                        <a:rPr lang="en-GB" i="1">
                          <a:latin typeface="Cambria Math" panose="02040503050406030204" pitchFamily="18" charset="0"/>
                        </a:rPr>
                        <m:t>=</m:t>
                      </m:r>
                      <m:func>
                        <m:funcPr>
                          <m:ctrlPr>
                            <a:rPr lang="en-GB" b="0" i="1" smtClean="0">
                              <a:latin typeface="Cambria Math" panose="02040503050406030204" pitchFamily="18" charset="0"/>
                            </a:rPr>
                          </m:ctrlPr>
                        </m:funcPr>
                        <m:fName>
                          <m:r>
                            <m:rPr>
                              <m:sty m:val="p"/>
                            </m:rPr>
                            <a:rPr lang="en-GB" i="0">
                              <a:latin typeface="Cambria Math" panose="02040503050406030204" pitchFamily="18" charset="0"/>
                            </a:rPr>
                            <m:t>ln</m:t>
                          </m:r>
                        </m:fName>
                        <m:e>
                          <m:d>
                            <m:dPr>
                              <m:ctrlPr>
                                <a:rPr lang="en-GB" b="0" i="1" smtClean="0">
                                  <a:latin typeface="Cambria Math" panose="02040503050406030204" pitchFamily="18" charset="0"/>
                                </a:rPr>
                              </m:ctrlPr>
                            </m:dPr>
                            <m:e>
                              <m:f>
                                <m:fPr>
                                  <m:ctrlPr>
                                    <a:rPr lang="en-GB" b="0" i="1" smtClean="0">
                                      <a:latin typeface="Cambria Math" panose="02040503050406030204" pitchFamily="18" charset="0"/>
                                    </a:rPr>
                                  </m:ctrlPr>
                                </m:fPr>
                                <m:num>
                                  <m:sSub>
                                    <m:sSubPr>
                                      <m:ctrlPr>
                                        <a:rPr lang="en-GB" i="1">
                                          <a:latin typeface="Cambria Math" panose="02040503050406030204" pitchFamily="18" charset="0"/>
                                        </a:rPr>
                                      </m:ctrlPr>
                                    </m:sSubPr>
                                    <m:e>
                                      <m:r>
                                        <a:rPr lang="en-GB" i="1">
                                          <a:latin typeface="Cambria Math" panose="02040503050406030204" pitchFamily="18" charset="0"/>
                                        </a:rPr>
                                        <m:t>𝑉</m:t>
                                      </m:r>
                                    </m:e>
                                    <m:sub>
                                      <m:r>
                                        <a:rPr lang="en-GB" b="0" i="1" smtClean="0">
                                          <a:latin typeface="Cambria Math" panose="02040503050406030204" pitchFamily="18" charset="0"/>
                                        </a:rPr>
                                        <m:t>𝑡</m:t>
                                      </m:r>
                                      <m:r>
                                        <a:rPr lang="en-GB" b="0" i="1" smtClean="0">
                                          <a:latin typeface="Cambria Math" panose="02040503050406030204" pitchFamily="18" charset="0"/>
                                        </a:rPr>
                                        <m:t>+1</m:t>
                                      </m:r>
                                    </m:sub>
                                  </m:sSub>
                                </m:num>
                                <m:den>
                                  <m:sSub>
                                    <m:sSubPr>
                                      <m:ctrlPr>
                                        <a:rPr lang="en-GB" b="0" i="1" smtClean="0">
                                          <a:latin typeface="Cambria Math" panose="02040503050406030204" pitchFamily="18" charset="0"/>
                                        </a:rPr>
                                      </m:ctrlPr>
                                    </m:sSubPr>
                                    <m:e>
                                      <m:r>
                                        <a:rPr lang="en-GB" b="0" i="1" smtClean="0">
                                          <a:latin typeface="Cambria Math" panose="02040503050406030204" pitchFamily="18" charset="0"/>
                                        </a:rPr>
                                        <m:t>𝑉</m:t>
                                      </m:r>
                                    </m:e>
                                    <m:sub>
                                      <m:r>
                                        <a:rPr lang="en-GB" b="0" i="1" smtClean="0">
                                          <a:latin typeface="Cambria Math" panose="02040503050406030204" pitchFamily="18" charset="0"/>
                                        </a:rPr>
                                        <m:t>𝑡</m:t>
                                      </m:r>
                                    </m:sub>
                                  </m:sSub>
                                </m:den>
                              </m:f>
                            </m:e>
                          </m:d>
                        </m:e>
                      </m:func>
                      <m:r>
                        <a:rPr lang="en-GB" b="0" i="1" smtClean="0">
                          <a:latin typeface="Cambria Math" panose="02040503050406030204" pitchFamily="18" charset="0"/>
                          <a:ea typeface="Cambria Math" panose="02040503050406030204" pitchFamily="18" charset="0"/>
                        </a:rPr>
                        <m:t>×</m:t>
                      </m:r>
                      <m:r>
                        <a:rPr lang="en-GB" i="1">
                          <a:latin typeface="Cambria Math" panose="02040503050406030204" pitchFamily="18" charset="0"/>
                        </a:rPr>
                        <m:t>100%</m:t>
                      </m:r>
                    </m:oMath>
                  </m:oMathPara>
                </a14:m>
                <a:endParaRPr lang="en-GB" dirty="0"/>
              </a:p>
              <a:p>
                <a:endParaRPr lang="en-GB" dirty="0"/>
              </a:p>
            </p:txBody>
          </p:sp>
        </mc:Choice>
        <mc:Fallback xmlns="">
          <p:sp>
            <p:nvSpPr>
              <p:cNvPr id="8" name="TextBox 7">
                <a:extLst>
                  <a:ext uri="{FF2B5EF4-FFF2-40B4-BE49-F238E27FC236}">
                    <a16:creationId xmlns:a16="http://schemas.microsoft.com/office/drawing/2014/main" id="{F5A14332-FB9B-B7D1-104A-9271725354A9}"/>
                  </a:ext>
                </a:extLst>
              </p:cNvPr>
              <p:cNvSpPr txBox="1">
                <a:spLocks noRot="1" noChangeAspect="1" noMove="1" noResize="1" noEditPoints="1" noAdjustHandles="1" noChangeArrowheads="1" noChangeShapeType="1" noTextEdit="1"/>
              </p:cNvSpPr>
              <p:nvPr/>
            </p:nvSpPr>
            <p:spPr>
              <a:xfrm>
                <a:off x="4737934" y="3922457"/>
                <a:ext cx="2716128" cy="899349"/>
              </a:xfrm>
              <a:prstGeom prst="rect">
                <a:avLst/>
              </a:prstGeom>
              <a:blipFill>
                <a:blip r:embed="rId4"/>
                <a:stretch>
                  <a:fillRect/>
                </a:stretch>
              </a:blipFill>
            </p:spPr>
            <p:txBody>
              <a:bodyPr/>
              <a:lstStyle/>
              <a:p>
                <a:r>
                  <a:rPr lang="en-GB">
                    <a:noFill/>
                  </a:rPr>
                  <a:t> </a:t>
                </a:r>
              </a:p>
            </p:txBody>
          </p:sp>
        </mc:Fallback>
      </mc:AlternateContent>
    </p:spTree>
    <p:extLst>
      <p:ext uri="{BB962C8B-B14F-4D97-AF65-F5344CB8AC3E}">
        <p14:creationId xmlns:p14="http://schemas.microsoft.com/office/powerpoint/2010/main" val="356717067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2">
            <a:extLst>
              <a:ext uri="{FF2B5EF4-FFF2-40B4-BE49-F238E27FC236}">
                <a16:creationId xmlns:a16="http://schemas.microsoft.com/office/drawing/2014/main" id="{0DB7486F-5FAC-CDDE-DC75-92128BA1ECEA}"/>
              </a:ext>
            </a:extLst>
          </p:cNvPr>
          <p:cNvSpPr>
            <a:spLocks noGrp="1"/>
          </p:cNvSpPr>
          <p:nvPr>
            <p:ph type="body" sz="quarter" idx="12"/>
          </p:nvPr>
        </p:nvSpPr>
        <p:spPr>
          <a:xfrm>
            <a:off x="3293855" y="5725089"/>
            <a:ext cx="5604288" cy="368827"/>
          </a:xfrm>
        </p:spPr>
        <p:txBody>
          <a:bodyPr>
            <a:normAutofit fontScale="85000" lnSpcReduction="10000"/>
          </a:bodyPr>
          <a:lstStyle/>
          <a:p>
            <a:r>
              <a:rPr lang="en-GB" dirty="0"/>
              <a:t>Plots are generated by using the data from </a:t>
            </a:r>
            <a:r>
              <a:rPr lang="en-GB" dirty="0">
                <a:hlinkClick r:id="rId2"/>
              </a:rPr>
              <a:t>Yahoo Finance</a:t>
            </a:r>
            <a:endParaRPr lang="en-GB" dirty="0"/>
          </a:p>
        </p:txBody>
      </p:sp>
      <p:sp>
        <p:nvSpPr>
          <p:cNvPr id="6" name="Text Placeholder 3">
            <a:extLst>
              <a:ext uri="{FF2B5EF4-FFF2-40B4-BE49-F238E27FC236}">
                <a16:creationId xmlns:a16="http://schemas.microsoft.com/office/drawing/2014/main" id="{22E5F66B-5E8A-F6CB-0AE2-5F3EAAEABD6E}"/>
              </a:ext>
            </a:extLst>
          </p:cNvPr>
          <p:cNvSpPr>
            <a:spLocks noGrp="1"/>
          </p:cNvSpPr>
          <p:nvPr>
            <p:ph type="body" sz="quarter" idx="13"/>
          </p:nvPr>
        </p:nvSpPr>
        <p:spPr>
          <a:xfrm>
            <a:off x="484550" y="4885304"/>
            <a:ext cx="11254155" cy="776287"/>
          </a:xfrm>
        </p:spPr>
        <p:txBody>
          <a:bodyPr>
            <a:normAutofit fontScale="92500" lnSpcReduction="20000"/>
          </a:bodyPr>
          <a:lstStyle/>
          <a:p>
            <a:r>
              <a:rPr lang="en-GB" dirty="0">
                <a:solidFill>
                  <a:schemeClr val="tx1"/>
                </a:solidFill>
              </a:rPr>
              <a:t>The Log Return of Apple and Tesla Stocks from Jan 2020 to July 2022</a:t>
            </a:r>
          </a:p>
        </p:txBody>
      </p:sp>
      <p:pic>
        <p:nvPicPr>
          <p:cNvPr id="7" name="Picture 6">
            <a:extLst>
              <a:ext uri="{FF2B5EF4-FFF2-40B4-BE49-F238E27FC236}">
                <a16:creationId xmlns:a16="http://schemas.microsoft.com/office/drawing/2014/main" id="{D0B48322-1AB9-476C-38DB-CA751E3E99A8}"/>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470706" y="1275660"/>
            <a:ext cx="7250586" cy="3186981"/>
          </a:xfrm>
          <a:prstGeom prst="rect">
            <a:avLst/>
          </a:prstGeom>
        </p:spPr>
      </p:pic>
    </p:spTree>
    <p:extLst>
      <p:ext uri="{BB962C8B-B14F-4D97-AF65-F5344CB8AC3E}">
        <p14:creationId xmlns:p14="http://schemas.microsoft.com/office/powerpoint/2010/main" val="240385799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urton | Placeholder | SlideID: 695 | ID: 2">
            <a:extLst>
              <a:ext uri="{FF2B5EF4-FFF2-40B4-BE49-F238E27FC236}">
                <a16:creationId xmlns:a16="http://schemas.microsoft.com/office/drawing/2014/main" id="{CBA7B5B9-95EE-401F-8F3E-07F15AA82ACE}"/>
              </a:ext>
            </a:extLst>
          </p:cNvPr>
          <p:cNvSpPr>
            <a:spLocks noGrp="1"/>
          </p:cNvSpPr>
          <p:nvPr>
            <p:ph type="body" sz="quarter" idx="13"/>
          </p:nvPr>
        </p:nvSpPr>
        <p:spPr/>
        <p:txBody>
          <a:bodyPr>
            <a:normAutofit fontScale="62500" lnSpcReduction="20000"/>
          </a:bodyPr>
          <a:lstStyle/>
          <a:p>
            <a:r>
              <a:rPr lang="en-GB" sz="4000" dirty="0"/>
              <a:t>Stochastic Volatility Jump Diffusion Model</a:t>
            </a:r>
          </a:p>
          <a:p>
            <a:r>
              <a:rPr lang="en-GB" sz="4000" dirty="0"/>
              <a:t>(SVJD)</a:t>
            </a:r>
          </a:p>
        </p:txBody>
      </p:sp>
      <p:cxnSp>
        <p:nvCxnSpPr>
          <p:cNvPr id="5" name="Turton | Line | SlideID: 695 | ID: 3"/>
          <p:cNvCxnSpPr>
            <a:cxnSpLocks/>
          </p:cNvCxnSpPr>
          <p:nvPr/>
        </p:nvCxnSpPr>
        <p:spPr>
          <a:xfrm flipV="1">
            <a:off x="3551934" y="3509895"/>
            <a:ext cx="1686735" cy="0"/>
          </a:xfrm>
          <a:prstGeom prst="line">
            <a:avLst/>
          </a:prstGeom>
          <a:ln w="38100" cap="rnd">
            <a:solidFill>
              <a:schemeClr val="bg2"/>
            </a:solidFill>
            <a:headEnd type="oval"/>
          </a:ln>
        </p:spPr>
        <p:style>
          <a:lnRef idx="1">
            <a:schemeClr val="accent1"/>
          </a:lnRef>
          <a:fillRef idx="0">
            <a:schemeClr val="accent1"/>
          </a:fillRef>
          <a:effectRef idx="0">
            <a:schemeClr val="accent1"/>
          </a:effectRef>
          <a:fontRef idx="minor">
            <a:schemeClr val="tx1"/>
          </a:fontRef>
        </p:style>
      </p:cxnSp>
      <p:cxnSp>
        <p:nvCxnSpPr>
          <p:cNvPr id="6" name="Turton | Line | SlideID: 695 | ID: 4"/>
          <p:cNvCxnSpPr>
            <a:cxnSpLocks/>
          </p:cNvCxnSpPr>
          <p:nvPr/>
        </p:nvCxnSpPr>
        <p:spPr>
          <a:xfrm flipV="1">
            <a:off x="5238669" y="3509895"/>
            <a:ext cx="1686735" cy="0"/>
          </a:xfrm>
          <a:prstGeom prst="line">
            <a:avLst/>
          </a:prstGeom>
          <a:ln w="38100" cap="rnd">
            <a:solidFill>
              <a:schemeClr val="bg2"/>
            </a:solidFill>
            <a:headEnd type="oval"/>
          </a:ln>
        </p:spPr>
        <p:style>
          <a:lnRef idx="1">
            <a:schemeClr val="accent1"/>
          </a:lnRef>
          <a:fillRef idx="0">
            <a:schemeClr val="accent1"/>
          </a:fillRef>
          <a:effectRef idx="0">
            <a:schemeClr val="accent1"/>
          </a:effectRef>
          <a:fontRef idx="minor">
            <a:schemeClr val="tx1"/>
          </a:fontRef>
        </p:style>
      </p:cxnSp>
      <p:cxnSp>
        <p:nvCxnSpPr>
          <p:cNvPr id="7" name="Turton | Line | SlideID: 695 | ID: 5"/>
          <p:cNvCxnSpPr>
            <a:cxnSpLocks/>
          </p:cNvCxnSpPr>
          <p:nvPr/>
        </p:nvCxnSpPr>
        <p:spPr>
          <a:xfrm flipV="1">
            <a:off x="6927693" y="3509895"/>
            <a:ext cx="1686735" cy="0"/>
          </a:xfrm>
          <a:prstGeom prst="line">
            <a:avLst/>
          </a:prstGeom>
          <a:ln w="38100" cap="rnd">
            <a:solidFill>
              <a:schemeClr val="bg2"/>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10" name="Turton | Autoshape | SlideID: 695 | ID: 8"/>
          <p:cNvSpPr>
            <a:spLocks/>
          </p:cNvSpPr>
          <p:nvPr/>
        </p:nvSpPr>
        <p:spPr>
          <a:xfrm>
            <a:off x="6429429" y="2115901"/>
            <a:ext cx="940664" cy="940664"/>
          </a:xfrm>
          <a:prstGeom prst="ellipse">
            <a:avLst/>
          </a:prstGeom>
          <a:solidFill>
            <a:schemeClr val="bg1"/>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dirty="0">
                <a:solidFill>
                  <a:srgbClr val="C9CAC8"/>
                </a:solidFill>
                <a:latin typeface="Arial" panose="020B0604020202020204" pitchFamily="34" charset="0"/>
              </a:rPr>
              <a:t>3</a:t>
            </a:r>
          </a:p>
        </p:txBody>
      </p:sp>
      <p:sp>
        <p:nvSpPr>
          <p:cNvPr id="3" name="Turton | Autoshape | SlideID: 695 | ID: 8">
            <a:extLst>
              <a:ext uri="{FF2B5EF4-FFF2-40B4-BE49-F238E27FC236}">
                <a16:creationId xmlns:a16="http://schemas.microsoft.com/office/drawing/2014/main" id="{9A015661-163A-81FF-606F-8D144053169E}"/>
              </a:ext>
            </a:extLst>
          </p:cNvPr>
          <p:cNvSpPr>
            <a:spLocks/>
          </p:cNvSpPr>
          <p:nvPr/>
        </p:nvSpPr>
        <p:spPr>
          <a:xfrm>
            <a:off x="8181674" y="2115901"/>
            <a:ext cx="940664" cy="940664"/>
          </a:xfrm>
          <a:prstGeom prst="ellipse">
            <a:avLst/>
          </a:prstGeom>
          <a:solidFill>
            <a:schemeClr val="bg1"/>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dirty="0">
                <a:solidFill>
                  <a:srgbClr val="C9CAC8"/>
                </a:solidFill>
                <a:latin typeface="Arial" panose="020B0604020202020204" pitchFamily="34" charset="0"/>
              </a:rPr>
              <a:t>4</a:t>
            </a:r>
          </a:p>
        </p:txBody>
      </p:sp>
      <p:sp>
        <p:nvSpPr>
          <p:cNvPr id="2" name="Turton | Autoshape | SlideID: 695 | ID: 6">
            <a:extLst>
              <a:ext uri="{FF2B5EF4-FFF2-40B4-BE49-F238E27FC236}">
                <a16:creationId xmlns:a16="http://schemas.microsoft.com/office/drawing/2014/main" id="{10BBBC44-7397-8DBA-0E50-19F9CFE295BA}"/>
              </a:ext>
            </a:extLst>
          </p:cNvPr>
          <p:cNvSpPr>
            <a:spLocks/>
          </p:cNvSpPr>
          <p:nvPr/>
        </p:nvSpPr>
        <p:spPr>
          <a:xfrm>
            <a:off x="4768337" y="2111505"/>
            <a:ext cx="940664" cy="940664"/>
          </a:xfrm>
          <a:prstGeom prst="ellipse">
            <a:avLst/>
          </a:prstGeom>
          <a:solidFill>
            <a:schemeClr val="accent1"/>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29" dirty="0">
                <a:solidFill>
                  <a:srgbClr val="FFFFFF"/>
                </a:solidFill>
                <a:latin typeface="Arial" panose="020B0604020202020204" pitchFamily="34" charset="0"/>
              </a:rPr>
              <a:t>2</a:t>
            </a:r>
          </a:p>
        </p:txBody>
      </p:sp>
      <p:sp>
        <p:nvSpPr>
          <p:cNvPr id="12" name="Turton | Autoshape | SlideID: 699 | ID: 6">
            <a:extLst>
              <a:ext uri="{FF2B5EF4-FFF2-40B4-BE49-F238E27FC236}">
                <a16:creationId xmlns:a16="http://schemas.microsoft.com/office/drawing/2014/main" id="{EAF434E5-47E2-2EDD-4F79-ED3527A7EA3C}"/>
              </a:ext>
            </a:extLst>
          </p:cNvPr>
          <p:cNvSpPr>
            <a:spLocks/>
          </p:cNvSpPr>
          <p:nvPr/>
        </p:nvSpPr>
        <p:spPr>
          <a:xfrm>
            <a:off x="3081602" y="2151148"/>
            <a:ext cx="940664" cy="940664"/>
          </a:xfrm>
          <a:prstGeom prst="ellipse">
            <a:avLst/>
          </a:prstGeom>
          <a:solidFill>
            <a:schemeClr val="accent6"/>
          </a:solidFill>
          <a:ln w="12700">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524" dirty="0">
              <a:solidFill>
                <a:schemeClr val="tx1"/>
              </a:solidFill>
            </a:endParaRPr>
          </a:p>
        </p:txBody>
      </p:sp>
      <p:sp>
        <p:nvSpPr>
          <p:cNvPr id="13" name="Turton | Autoshape | SlideID: 699 | ID: 7">
            <a:extLst>
              <a:ext uri="{FF2B5EF4-FFF2-40B4-BE49-F238E27FC236}">
                <a16:creationId xmlns:a16="http://schemas.microsoft.com/office/drawing/2014/main" id="{4C75E940-261A-950F-0ED5-8FB15F5AA671}"/>
              </a:ext>
            </a:extLst>
          </p:cNvPr>
          <p:cNvSpPr>
            <a:spLocks/>
          </p:cNvSpPr>
          <p:nvPr/>
        </p:nvSpPr>
        <p:spPr>
          <a:xfrm rot="19005742">
            <a:off x="3280156" y="2446092"/>
            <a:ext cx="543556" cy="292683"/>
          </a:xfrm>
          <a:prstGeom prst="corner">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909" dirty="0"/>
          </a:p>
        </p:txBody>
      </p:sp>
    </p:spTree>
    <p:custDataLst>
      <p:tags r:id="rId1"/>
    </p:custDataLst>
    <p:extLst>
      <p:ext uri="{BB962C8B-B14F-4D97-AF65-F5344CB8AC3E}">
        <p14:creationId xmlns:p14="http://schemas.microsoft.com/office/powerpoint/2010/main" val="183440562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1" name="Turton | Freeform | SlideID: 1406 | ID: 0">
            <a:extLst>
              <a:ext uri="{FF2B5EF4-FFF2-40B4-BE49-F238E27FC236}">
                <a16:creationId xmlns:a16="http://schemas.microsoft.com/office/drawing/2014/main" id="{124692B7-4965-314A-952D-8A1646AF7908}"/>
              </a:ext>
            </a:extLst>
          </p:cNvPr>
          <p:cNvSpPr>
            <a:spLocks noChangeArrowheads="1"/>
          </p:cNvSpPr>
          <p:nvPr/>
        </p:nvSpPr>
        <p:spPr bwMode="auto">
          <a:xfrm>
            <a:off x="2704614" y="2113916"/>
            <a:ext cx="4196282" cy="1315084"/>
          </a:xfrm>
          <a:custGeom>
            <a:avLst/>
            <a:gdLst>
              <a:gd name="T0" fmla="*/ 11432 w 11433"/>
              <a:gd name="T1" fmla="*/ 4946 h 4947"/>
              <a:gd name="T2" fmla="*/ 0 w 11433"/>
              <a:gd name="T3" fmla="*/ 4946 h 4947"/>
              <a:gd name="T4" fmla="*/ 0 w 11433"/>
              <a:gd name="T5" fmla="*/ 2431 h 4947"/>
              <a:gd name="T6" fmla="*/ 6371 w 11433"/>
              <a:gd name="T7" fmla="*/ 2431 h 4947"/>
              <a:gd name="T8" fmla="*/ 6371 w 11433"/>
              <a:gd name="T9" fmla="*/ 0 h 4947"/>
              <a:gd name="T10" fmla="*/ 11432 w 11433"/>
              <a:gd name="T11" fmla="*/ 4946 h 4947"/>
            </a:gdLst>
            <a:ahLst/>
            <a:cxnLst>
              <a:cxn ang="0">
                <a:pos x="T0" y="T1"/>
              </a:cxn>
              <a:cxn ang="0">
                <a:pos x="T2" y="T3"/>
              </a:cxn>
              <a:cxn ang="0">
                <a:pos x="T4" y="T5"/>
              </a:cxn>
              <a:cxn ang="0">
                <a:pos x="T6" y="T7"/>
              </a:cxn>
              <a:cxn ang="0">
                <a:pos x="T8" y="T9"/>
              </a:cxn>
              <a:cxn ang="0">
                <a:pos x="T10" y="T11"/>
              </a:cxn>
            </a:cxnLst>
            <a:rect l="0" t="0" r="r" b="b"/>
            <a:pathLst>
              <a:path w="11433" h="4947">
                <a:moveTo>
                  <a:pt x="11432" y="4946"/>
                </a:moveTo>
                <a:lnTo>
                  <a:pt x="0" y="4946"/>
                </a:lnTo>
                <a:lnTo>
                  <a:pt x="0" y="2431"/>
                </a:lnTo>
                <a:lnTo>
                  <a:pt x="6371" y="2431"/>
                </a:lnTo>
                <a:lnTo>
                  <a:pt x="6371" y="0"/>
                </a:lnTo>
                <a:lnTo>
                  <a:pt x="11432" y="4946"/>
                </a:lnTo>
              </a:path>
            </a:pathLst>
          </a:custGeom>
          <a:solidFill>
            <a:schemeClr val="accent1"/>
          </a:solidFill>
          <a:ln>
            <a:noFill/>
          </a:ln>
          <a:effectLst/>
        </p:spPr>
        <p:txBody>
          <a:bodyPr wrap="none" anchor="ctr"/>
          <a:lstStyle/>
          <a:p>
            <a:endParaRPr lang="en-GB" sz="2597" dirty="0">
              <a:latin typeface="Arial Regular"/>
            </a:endParaRPr>
          </a:p>
        </p:txBody>
      </p:sp>
      <p:sp>
        <p:nvSpPr>
          <p:cNvPr id="5122" name="Turton | Freeform | SlideID: 1406 | ID: 1">
            <a:extLst>
              <a:ext uri="{FF2B5EF4-FFF2-40B4-BE49-F238E27FC236}">
                <a16:creationId xmlns:a16="http://schemas.microsoft.com/office/drawing/2014/main" id="{A49CAD40-FC0F-4E4A-82C3-65B40FB0435D}"/>
              </a:ext>
            </a:extLst>
          </p:cNvPr>
          <p:cNvSpPr>
            <a:spLocks noChangeArrowheads="1"/>
          </p:cNvSpPr>
          <p:nvPr/>
        </p:nvSpPr>
        <p:spPr bwMode="auto">
          <a:xfrm>
            <a:off x="2124428" y="2538474"/>
            <a:ext cx="777095" cy="230901"/>
          </a:xfrm>
          <a:custGeom>
            <a:avLst/>
            <a:gdLst>
              <a:gd name="T0" fmla="*/ 2922 w 2923"/>
              <a:gd name="T1" fmla="*/ 868 h 869"/>
              <a:gd name="T2" fmla="*/ 0 w 2923"/>
              <a:gd name="T3" fmla="*/ 868 h 869"/>
              <a:gd name="T4" fmla="*/ 0 w 2923"/>
              <a:gd name="T5" fmla="*/ 0 h 869"/>
              <a:gd name="T6" fmla="*/ 2922 w 2923"/>
              <a:gd name="T7" fmla="*/ 0 h 869"/>
              <a:gd name="T8" fmla="*/ 2922 w 2923"/>
              <a:gd name="T9" fmla="*/ 868 h 869"/>
            </a:gdLst>
            <a:ahLst/>
            <a:cxnLst>
              <a:cxn ang="0">
                <a:pos x="T0" y="T1"/>
              </a:cxn>
              <a:cxn ang="0">
                <a:pos x="T2" y="T3"/>
              </a:cxn>
              <a:cxn ang="0">
                <a:pos x="T4" y="T5"/>
              </a:cxn>
              <a:cxn ang="0">
                <a:pos x="T6" y="T7"/>
              </a:cxn>
              <a:cxn ang="0">
                <a:pos x="T8" y="T9"/>
              </a:cxn>
            </a:cxnLst>
            <a:rect l="0" t="0" r="r" b="b"/>
            <a:pathLst>
              <a:path w="2923" h="869">
                <a:moveTo>
                  <a:pt x="2922" y="868"/>
                </a:moveTo>
                <a:lnTo>
                  <a:pt x="0" y="868"/>
                </a:lnTo>
                <a:lnTo>
                  <a:pt x="0" y="0"/>
                </a:lnTo>
                <a:lnTo>
                  <a:pt x="2922" y="0"/>
                </a:lnTo>
                <a:lnTo>
                  <a:pt x="2922" y="868"/>
                </a:lnTo>
              </a:path>
            </a:pathLst>
          </a:custGeom>
          <a:solidFill>
            <a:schemeClr val="accent1"/>
          </a:solidFill>
          <a:ln>
            <a:noFill/>
          </a:ln>
          <a:effectLst/>
        </p:spPr>
        <p:txBody>
          <a:bodyPr wrap="none" anchor="ctr"/>
          <a:lstStyle/>
          <a:p>
            <a:endParaRPr lang="en-GB" sz="2597" dirty="0">
              <a:latin typeface="Arial Regular"/>
            </a:endParaRPr>
          </a:p>
        </p:txBody>
      </p:sp>
      <p:sp>
        <p:nvSpPr>
          <p:cNvPr id="5123" name="Turton | Freeform | SlideID: 1406 | ID: 2">
            <a:extLst>
              <a:ext uri="{FF2B5EF4-FFF2-40B4-BE49-F238E27FC236}">
                <a16:creationId xmlns:a16="http://schemas.microsoft.com/office/drawing/2014/main" id="{AB0BEB09-3131-0249-9039-1B4755F8D352}"/>
              </a:ext>
            </a:extLst>
          </p:cNvPr>
          <p:cNvSpPr>
            <a:spLocks noChangeArrowheads="1"/>
          </p:cNvSpPr>
          <p:nvPr/>
        </p:nvSpPr>
        <p:spPr bwMode="auto">
          <a:xfrm>
            <a:off x="1186756" y="2139962"/>
            <a:ext cx="1026751" cy="1026751"/>
          </a:xfrm>
          <a:custGeom>
            <a:avLst/>
            <a:gdLst>
              <a:gd name="T0" fmla="*/ 1930 w 3861"/>
              <a:gd name="T1" fmla="*/ 3860 h 3861"/>
              <a:gd name="T2" fmla="*/ 1930 w 3861"/>
              <a:gd name="T3" fmla="*/ 3860 h 3861"/>
              <a:gd name="T4" fmla="*/ 3860 w 3861"/>
              <a:gd name="T5" fmla="*/ 1930 h 3861"/>
              <a:gd name="T6" fmla="*/ 3860 w 3861"/>
              <a:gd name="T7" fmla="*/ 1930 h 3861"/>
              <a:gd name="T8" fmla="*/ 1930 w 3861"/>
              <a:gd name="T9" fmla="*/ 0 h 3861"/>
              <a:gd name="T10" fmla="*/ 1930 w 3861"/>
              <a:gd name="T11" fmla="*/ 0 h 3861"/>
              <a:gd name="T12" fmla="*/ 0 w 3861"/>
              <a:gd name="T13" fmla="*/ 1930 h 3861"/>
              <a:gd name="T14" fmla="*/ 0 w 3861"/>
              <a:gd name="T15" fmla="*/ 1930 h 3861"/>
              <a:gd name="T16" fmla="*/ 1930 w 3861"/>
              <a:gd name="T17" fmla="*/ 3860 h 38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61" h="3861">
                <a:moveTo>
                  <a:pt x="1930" y="3860"/>
                </a:moveTo>
                <a:lnTo>
                  <a:pt x="1930" y="3860"/>
                </a:lnTo>
                <a:cubicBezTo>
                  <a:pt x="2996" y="3860"/>
                  <a:pt x="3860" y="2996"/>
                  <a:pt x="3860" y="1930"/>
                </a:cubicBezTo>
                <a:lnTo>
                  <a:pt x="3860" y="1930"/>
                </a:lnTo>
                <a:cubicBezTo>
                  <a:pt x="3860" y="864"/>
                  <a:pt x="2996" y="0"/>
                  <a:pt x="1930" y="0"/>
                </a:cubicBezTo>
                <a:lnTo>
                  <a:pt x="1930" y="0"/>
                </a:lnTo>
                <a:cubicBezTo>
                  <a:pt x="864" y="0"/>
                  <a:pt x="0" y="864"/>
                  <a:pt x="0" y="1930"/>
                </a:cubicBezTo>
                <a:lnTo>
                  <a:pt x="0" y="1930"/>
                </a:lnTo>
                <a:cubicBezTo>
                  <a:pt x="0" y="2996"/>
                  <a:pt x="864" y="3860"/>
                  <a:pt x="1930" y="3860"/>
                </a:cubicBezTo>
              </a:path>
            </a:pathLst>
          </a:custGeom>
          <a:solidFill>
            <a:schemeClr val="accent1"/>
          </a:solidFill>
          <a:ln>
            <a:noFill/>
          </a:ln>
          <a:effectLst/>
        </p:spPr>
        <p:txBody>
          <a:bodyPr wrap="none" anchor="ctr"/>
          <a:lstStyle/>
          <a:p>
            <a:endParaRPr lang="en-GB" sz="2597" dirty="0">
              <a:latin typeface="Arial Regular"/>
            </a:endParaRPr>
          </a:p>
        </p:txBody>
      </p:sp>
      <p:sp useBgFill="1">
        <p:nvSpPr>
          <p:cNvPr id="5124" name="Turton | Freeform | SlideID: 1406 | ID: 3">
            <a:extLst>
              <a:ext uri="{FF2B5EF4-FFF2-40B4-BE49-F238E27FC236}">
                <a16:creationId xmlns:a16="http://schemas.microsoft.com/office/drawing/2014/main" id="{08ABBD70-74C1-FE4B-8A03-23A9D3C63AE8}"/>
              </a:ext>
            </a:extLst>
          </p:cNvPr>
          <p:cNvSpPr>
            <a:spLocks noChangeArrowheads="1"/>
          </p:cNvSpPr>
          <p:nvPr/>
        </p:nvSpPr>
        <p:spPr bwMode="auto">
          <a:xfrm>
            <a:off x="1325064" y="2278270"/>
            <a:ext cx="748964" cy="748965"/>
          </a:xfrm>
          <a:custGeom>
            <a:avLst/>
            <a:gdLst>
              <a:gd name="T0" fmla="*/ 1409 w 2819"/>
              <a:gd name="T1" fmla="*/ 2818 h 2819"/>
              <a:gd name="T2" fmla="*/ 1409 w 2819"/>
              <a:gd name="T3" fmla="*/ 2818 h 2819"/>
              <a:gd name="T4" fmla="*/ 2818 w 2819"/>
              <a:gd name="T5" fmla="*/ 1409 h 2819"/>
              <a:gd name="T6" fmla="*/ 2818 w 2819"/>
              <a:gd name="T7" fmla="*/ 1409 h 2819"/>
              <a:gd name="T8" fmla="*/ 1409 w 2819"/>
              <a:gd name="T9" fmla="*/ 0 h 2819"/>
              <a:gd name="T10" fmla="*/ 1409 w 2819"/>
              <a:gd name="T11" fmla="*/ 0 h 2819"/>
              <a:gd name="T12" fmla="*/ 0 w 2819"/>
              <a:gd name="T13" fmla="*/ 1409 h 2819"/>
              <a:gd name="T14" fmla="*/ 0 w 2819"/>
              <a:gd name="T15" fmla="*/ 1409 h 2819"/>
              <a:gd name="T16" fmla="*/ 1409 w 2819"/>
              <a:gd name="T17" fmla="*/ 2818 h 28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819" h="2819">
                <a:moveTo>
                  <a:pt x="1409" y="2818"/>
                </a:moveTo>
                <a:lnTo>
                  <a:pt x="1409" y="2818"/>
                </a:lnTo>
                <a:cubicBezTo>
                  <a:pt x="2187" y="2818"/>
                  <a:pt x="2818" y="2187"/>
                  <a:pt x="2818" y="1409"/>
                </a:cubicBezTo>
                <a:lnTo>
                  <a:pt x="2818" y="1409"/>
                </a:lnTo>
                <a:cubicBezTo>
                  <a:pt x="2818" y="630"/>
                  <a:pt x="2187" y="0"/>
                  <a:pt x="1409" y="0"/>
                </a:cubicBezTo>
                <a:lnTo>
                  <a:pt x="1409" y="0"/>
                </a:lnTo>
                <a:cubicBezTo>
                  <a:pt x="631" y="0"/>
                  <a:pt x="0" y="630"/>
                  <a:pt x="0" y="1409"/>
                </a:cubicBezTo>
                <a:lnTo>
                  <a:pt x="0" y="1409"/>
                </a:lnTo>
                <a:cubicBezTo>
                  <a:pt x="0" y="2187"/>
                  <a:pt x="631" y="2818"/>
                  <a:pt x="1409" y="2818"/>
                </a:cubicBezTo>
              </a:path>
            </a:pathLst>
          </a:custGeom>
          <a:solidFill>
            <a:schemeClr val="bg1"/>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algn="ctr"/>
            <a:r>
              <a:rPr lang="en-GB" sz="2597" dirty="0">
                <a:latin typeface="Arial Regular"/>
              </a:rPr>
              <a:t>H</a:t>
            </a:r>
          </a:p>
        </p:txBody>
      </p:sp>
      <p:sp>
        <p:nvSpPr>
          <p:cNvPr id="5125" name="Turton | Freeform | SlideID: 1406 | ID: 4">
            <a:extLst>
              <a:ext uri="{FF2B5EF4-FFF2-40B4-BE49-F238E27FC236}">
                <a16:creationId xmlns:a16="http://schemas.microsoft.com/office/drawing/2014/main" id="{4261D48E-3739-3849-8417-4B4FC4865D3C}"/>
              </a:ext>
            </a:extLst>
          </p:cNvPr>
          <p:cNvSpPr>
            <a:spLocks noChangeArrowheads="1"/>
          </p:cNvSpPr>
          <p:nvPr/>
        </p:nvSpPr>
        <p:spPr bwMode="auto">
          <a:xfrm>
            <a:off x="2704613" y="3437037"/>
            <a:ext cx="4196282" cy="1226433"/>
          </a:xfrm>
          <a:custGeom>
            <a:avLst/>
            <a:gdLst>
              <a:gd name="T0" fmla="*/ 6371 w 11433"/>
              <a:gd name="T1" fmla="*/ 4945 h 4946"/>
              <a:gd name="T2" fmla="*/ 6371 w 11433"/>
              <a:gd name="T3" fmla="*/ 2478 h 4946"/>
              <a:gd name="T4" fmla="*/ 0 w 11433"/>
              <a:gd name="T5" fmla="*/ 2478 h 4946"/>
              <a:gd name="T6" fmla="*/ 0 w 11433"/>
              <a:gd name="T7" fmla="*/ 0 h 4946"/>
              <a:gd name="T8" fmla="*/ 11432 w 11433"/>
              <a:gd name="T9" fmla="*/ 0 h 4946"/>
              <a:gd name="T10" fmla="*/ 6371 w 11433"/>
              <a:gd name="T11" fmla="*/ 4945 h 4946"/>
            </a:gdLst>
            <a:ahLst/>
            <a:cxnLst>
              <a:cxn ang="0">
                <a:pos x="T0" y="T1"/>
              </a:cxn>
              <a:cxn ang="0">
                <a:pos x="T2" y="T3"/>
              </a:cxn>
              <a:cxn ang="0">
                <a:pos x="T4" y="T5"/>
              </a:cxn>
              <a:cxn ang="0">
                <a:pos x="T6" y="T7"/>
              </a:cxn>
              <a:cxn ang="0">
                <a:pos x="T8" y="T9"/>
              </a:cxn>
              <a:cxn ang="0">
                <a:pos x="T10" y="T11"/>
              </a:cxn>
            </a:cxnLst>
            <a:rect l="0" t="0" r="r" b="b"/>
            <a:pathLst>
              <a:path w="11433" h="4946">
                <a:moveTo>
                  <a:pt x="6371" y="4945"/>
                </a:moveTo>
                <a:lnTo>
                  <a:pt x="6371" y="2478"/>
                </a:lnTo>
                <a:lnTo>
                  <a:pt x="0" y="2478"/>
                </a:lnTo>
                <a:lnTo>
                  <a:pt x="0" y="0"/>
                </a:lnTo>
                <a:lnTo>
                  <a:pt x="11432" y="0"/>
                </a:lnTo>
                <a:lnTo>
                  <a:pt x="6371" y="4945"/>
                </a:lnTo>
              </a:path>
            </a:pathLst>
          </a:custGeom>
          <a:solidFill>
            <a:schemeClr val="accent4"/>
          </a:solidFill>
          <a:ln>
            <a:noFill/>
          </a:ln>
          <a:effectLst/>
        </p:spPr>
        <p:txBody>
          <a:bodyPr wrap="none" anchor="ctr"/>
          <a:lstStyle/>
          <a:p>
            <a:endParaRPr lang="en-GB" sz="2597" dirty="0">
              <a:latin typeface="Arial Regular"/>
            </a:endParaRPr>
          </a:p>
        </p:txBody>
      </p:sp>
      <p:sp>
        <p:nvSpPr>
          <p:cNvPr id="5126" name="Turton | Freeform | SlideID: 1406 | ID: 5">
            <a:extLst>
              <a:ext uri="{FF2B5EF4-FFF2-40B4-BE49-F238E27FC236}">
                <a16:creationId xmlns:a16="http://schemas.microsoft.com/office/drawing/2014/main" id="{FE8F47D6-E7BA-2E4E-8344-4997BB36DDD5}"/>
              </a:ext>
            </a:extLst>
          </p:cNvPr>
          <p:cNvSpPr>
            <a:spLocks noChangeArrowheads="1"/>
          </p:cNvSpPr>
          <p:nvPr/>
        </p:nvSpPr>
        <p:spPr bwMode="auto">
          <a:xfrm>
            <a:off x="2124428" y="4038747"/>
            <a:ext cx="777095" cy="230901"/>
          </a:xfrm>
          <a:custGeom>
            <a:avLst/>
            <a:gdLst>
              <a:gd name="T0" fmla="*/ 2922 w 2923"/>
              <a:gd name="T1" fmla="*/ 0 h 869"/>
              <a:gd name="T2" fmla="*/ 0 w 2923"/>
              <a:gd name="T3" fmla="*/ 0 h 869"/>
              <a:gd name="T4" fmla="*/ 0 w 2923"/>
              <a:gd name="T5" fmla="*/ 868 h 869"/>
              <a:gd name="T6" fmla="*/ 2922 w 2923"/>
              <a:gd name="T7" fmla="*/ 868 h 869"/>
              <a:gd name="T8" fmla="*/ 2922 w 2923"/>
              <a:gd name="T9" fmla="*/ 0 h 869"/>
            </a:gdLst>
            <a:ahLst/>
            <a:cxnLst>
              <a:cxn ang="0">
                <a:pos x="T0" y="T1"/>
              </a:cxn>
              <a:cxn ang="0">
                <a:pos x="T2" y="T3"/>
              </a:cxn>
              <a:cxn ang="0">
                <a:pos x="T4" y="T5"/>
              </a:cxn>
              <a:cxn ang="0">
                <a:pos x="T6" y="T7"/>
              </a:cxn>
              <a:cxn ang="0">
                <a:pos x="T8" y="T9"/>
              </a:cxn>
            </a:cxnLst>
            <a:rect l="0" t="0" r="r" b="b"/>
            <a:pathLst>
              <a:path w="2923" h="869">
                <a:moveTo>
                  <a:pt x="2922" y="0"/>
                </a:moveTo>
                <a:lnTo>
                  <a:pt x="0" y="0"/>
                </a:lnTo>
                <a:lnTo>
                  <a:pt x="0" y="868"/>
                </a:lnTo>
                <a:lnTo>
                  <a:pt x="2922" y="868"/>
                </a:lnTo>
                <a:lnTo>
                  <a:pt x="2922" y="0"/>
                </a:lnTo>
              </a:path>
            </a:pathLst>
          </a:custGeom>
          <a:solidFill>
            <a:schemeClr val="accent4"/>
          </a:solidFill>
          <a:ln>
            <a:noFill/>
          </a:ln>
          <a:effectLst/>
        </p:spPr>
        <p:txBody>
          <a:bodyPr wrap="none" anchor="ctr"/>
          <a:lstStyle/>
          <a:p>
            <a:endParaRPr lang="en-GB" sz="2597" dirty="0">
              <a:latin typeface="Arial Regular"/>
            </a:endParaRPr>
          </a:p>
        </p:txBody>
      </p:sp>
      <p:sp>
        <p:nvSpPr>
          <p:cNvPr id="5127" name="Turton | Freeform | SlideID: 1406 | ID: 6">
            <a:extLst>
              <a:ext uri="{FF2B5EF4-FFF2-40B4-BE49-F238E27FC236}">
                <a16:creationId xmlns:a16="http://schemas.microsoft.com/office/drawing/2014/main" id="{93E75C5D-24CA-9A44-9D18-6D951A68B64C}"/>
              </a:ext>
            </a:extLst>
          </p:cNvPr>
          <p:cNvSpPr>
            <a:spLocks noChangeArrowheads="1"/>
          </p:cNvSpPr>
          <p:nvPr/>
        </p:nvSpPr>
        <p:spPr bwMode="auto">
          <a:xfrm>
            <a:off x="1197306" y="3636719"/>
            <a:ext cx="1026751" cy="1026751"/>
          </a:xfrm>
          <a:custGeom>
            <a:avLst/>
            <a:gdLst>
              <a:gd name="T0" fmla="*/ 1930 w 3861"/>
              <a:gd name="T1" fmla="*/ 3860 h 3861"/>
              <a:gd name="T2" fmla="*/ 1930 w 3861"/>
              <a:gd name="T3" fmla="*/ 3860 h 3861"/>
              <a:gd name="T4" fmla="*/ 3860 w 3861"/>
              <a:gd name="T5" fmla="*/ 1930 h 3861"/>
              <a:gd name="T6" fmla="*/ 3860 w 3861"/>
              <a:gd name="T7" fmla="*/ 1930 h 3861"/>
              <a:gd name="T8" fmla="*/ 1930 w 3861"/>
              <a:gd name="T9" fmla="*/ 0 h 3861"/>
              <a:gd name="T10" fmla="*/ 1930 w 3861"/>
              <a:gd name="T11" fmla="*/ 0 h 3861"/>
              <a:gd name="T12" fmla="*/ 0 w 3861"/>
              <a:gd name="T13" fmla="*/ 1930 h 3861"/>
              <a:gd name="T14" fmla="*/ 0 w 3861"/>
              <a:gd name="T15" fmla="*/ 1930 h 3861"/>
              <a:gd name="T16" fmla="*/ 1930 w 3861"/>
              <a:gd name="T17" fmla="*/ 3860 h 38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61" h="3861">
                <a:moveTo>
                  <a:pt x="1930" y="3860"/>
                </a:moveTo>
                <a:lnTo>
                  <a:pt x="1930" y="3860"/>
                </a:lnTo>
                <a:cubicBezTo>
                  <a:pt x="2996" y="3860"/>
                  <a:pt x="3860" y="2996"/>
                  <a:pt x="3860" y="1930"/>
                </a:cubicBezTo>
                <a:lnTo>
                  <a:pt x="3860" y="1930"/>
                </a:lnTo>
                <a:cubicBezTo>
                  <a:pt x="3860" y="864"/>
                  <a:pt x="2996" y="0"/>
                  <a:pt x="1930" y="0"/>
                </a:cubicBezTo>
                <a:lnTo>
                  <a:pt x="1930" y="0"/>
                </a:lnTo>
                <a:cubicBezTo>
                  <a:pt x="865" y="0"/>
                  <a:pt x="0" y="864"/>
                  <a:pt x="0" y="1930"/>
                </a:cubicBezTo>
                <a:lnTo>
                  <a:pt x="0" y="1930"/>
                </a:lnTo>
                <a:cubicBezTo>
                  <a:pt x="0" y="2996"/>
                  <a:pt x="865" y="3860"/>
                  <a:pt x="1930" y="3860"/>
                </a:cubicBezTo>
              </a:path>
            </a:pathLst>
          </a:custGeom>
          <a:solidFill>
            <a:schemeClr val="accent4"/>
          </a:solidFill>
          <a:ln>
            <a:noFill/>
          </a:ln>
          <a:effectLst/>
        </p:spPr>
        <p:txBody>
          <a:bodyPr wrap="none" anchor="ctr"/>
          <a:lstStyle/>
          <a:p>
            <a:endParaRPr lang="en-GB" sz="2597" dirty="0">
              <a:latin typeface="Arial Regular"/>
            </a:endParaRPr>
          </a:p>
        </p:txBody>
      </p:sp>
      <p:sp useBgFill="1">
        <p:nvSpPr>
          <p:cNvPr id="5128" name="Turton | Freeform | SlideID: 1406 | ID: 7">
            <a:extLst>
              <a:ext uri="{FF2B5EF4-FFF2-40B4-BE49-F238E27FC236}">
                <a16:creationId xmlns:a16="http://schemas.microsoft.com/office/drawing/2014/main" id="{6FC884BA-1591-7D42-BE0C-B29E2E9606B8}"/>
              </a:ext>
            </a:extLst>
          </p:cNvPr>
          <p:cNvSpPr>
            <a:spLocks noChangeArrowheads="1"/>
          </p:cNvSpPr>
          <p:nvPr/>
        </p:nvSpPr>
        <p:spPr bwMode="auto">
          <a:xfrm>
            <a:off x="1336784" y="3775027"/>
            <a:ext cx="748964" cy="748964"/>
          </a:xfrm>
          <a:custGeom>
            <a:avLst/>
            <a:gdLst>
              <a:gd name="T0" fmla="*/ 1409 w 2819"/>
              <a:gd name="T1" fmla="*/ 2819 h 2820"/>
              <a:gd name="T2" fmla="*/ 1409 w 2819"/>
              <a:gd name="T3" fmla="*/ 2819 h 2820"/>
              <a:gd name="T4" fmla="*/ 2818 w 2819"/>
              <a:gd name="T5" fmla="*/ 1410 h 2820"/>
              <a:gd name="T6" fmla="*/ 2818 w 2819"/>
              <a:gd name="T7" fmla="*/ 1410 h 2820"/>
              <a:gd name="T8" fmla="*/ 1409 w 2819"/>
              <a:gd name="T9" fmla="*/ 0 h 2820"/>
              <a:gd name="T10" fmla="*/ 1409 w 2819"/>
              <a:gd name="T11" fmla="*/ 0 h 2820"/>
              <a:gd name="T12" fmla="*/ 0 w 2819"/>
              <a:gd name="T13" fmla="*/ 1410 h 2820"/>
              <a:gd name="T14" fmla="*/ 0 w 2819"/>
              <a:gd name="T15" fmla="*/ 1410 h 2820"/>
              <a:gd name="T16" fmla="*/ 1409 w 2819"/>
              <a:gd name="T17" fmla="*/ 2819 h 28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819" h="2820">
                <a:moveTo>
                  <a:pt x="1409" y="2819"/>
                </a:moveTo>
                <a:lnTo>
                  <a:pt x="1409" y="2819"/>
                </a:lnTo>
                <a:cubicBezTo>
                  <a:pt x="2188" y="2819"/>
                  <a:pt x="2818" y="2188"/>
                  <a:pt x="2818" y="1410"/>
                </a:cubicBezTo>
                <a:lnTo>
                  <a:pt x="2818" y="1410"/>
                </a:lnTo>
                <a:cubicBezTo>
                  <a:pt x="2818" y="632"/>
                  <a:pt x="2188" y="0"/>
                  <a:pt x="1409" y="0"/>
                </a:cubicBezTo>
                <a:lnTo>
                  <a:pt x="1409" y="0"/>
                </a:lnTo>
                <a:cubicBezTo>
                  <a:pt x="631" y="0"/>
                  <a:pt x="0" y="632"/>
                  <a:pt x="0" y="1410"/>
                </a:cubicBezTo>
                <a:lnTo>
                  <a:pt x="0" y="1410"/>
                </a:lnTo>
                <a:cubicBezTo>
                  <a:pt x="0" y="2188"/>
                  <a:pt x="631" y="2819"/>
                  <a:pt x="1409" y="2819"/>
                </a:cubicBezTo>
              </a:path>
            </a:pathLst>
          </a:custGeom>
          <a:solidFill>
            <a:schemeClr val="bg1"/>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algn="ctr"/>
            <a:r>
              <a:rPr lang="en-GB" sz="2597" dirty="0">
                <a:latin typeface="Arial Regular"/>
              </a:rPr>
              <a:t>M</a:t>
            </a:r>
          </a:p>
        </p:txBody>
      </p:sp>
      <p:sp>
        <p:nvSpPr>
          <p:cNvPr id="16" name="Turton | Text box | SlideID: 1406 | ID: 8">
            <a:extLst>
              <a:ext uri="{FF2B5EF4-FFF2-40B4-BE49-F238E27FC236}">
                <a16:creationId xmlns:a16="http://schemas.microsoft.com/office/drawing/2014/main" id="{9E8C1A9F-10E6-3549-B028-3591771597C4}"/>
              </a:ext>
            </a:extLst>
          </p:cNvPr>
          <p:cNvSpPr txBox="1">
            <a:spLocks/>
          </p:cNvSpPr>
          <p:nvPr/>
        </p:nvSpPr>
        <p:spPr>
          <a:xfrm>
            <a:off x="5224110" y="2517992"/>
            <a:ext cx="375424" cy="502766"/>
          </a:xfrm>
          <a:prstGeom prst="rect">
            <a:avLst/>
          </a:prstGeom>
          <a:noFill/>
        </p:spPr>
        <p:txBody>
          <a:bodyPr wrap="none" rtlCol="0" anchor="ctr">
            <a:spAutoFit/>
          </a:bodyPr>
          <a:lstStyle/>
          <a:p>
            <a:pPr algn="ctr"/>
            <a:r>
              <a:rPr lang="en-GB" sz="2667" dirty="0">
                <a:solidFill>
                  <a:schemeClr val="bg1"/>
                </a:solidFill>
                <a:latin typeface="Arial" panose="020B0604020202020204" pitchFamily="34" charset="0"/>
                <a:cs typeface="Poppins" pitchFamily="2" charset="77"/>
              </a:rPr>
              <a:t>1</a:t>
            </a:r>
          </a:p>
        </p:txBody>
      </p:sp>
      <p:sp>
        <p:nvSpPr>
          <p:cNvPr id="17" name="Turton | Text box | SlideID: 1406 | ID: 9">
            <a:extLst>
              <a:ext uri="{FF2B5EF4-FFF2-40B4-BE49-F238E27FC236}">
                <a16:creationId xmlns:a16="http://schemas.microsoft.com/office/drawing/2014/main" id="{49CEA1B9-AA81-E046-8420-2EC9DDFE4339}"/>
              </a:ext>
            </a:extLst>
          </p:cNvPr>
          <p:cNvSpPr txBox="1">
            <a:spLocks/>
          </p:cNvSpPr>
          <p:nvPr/>
        </p:nvSpPr>
        <p:spPr>
          <a:xfrm>
            <a:off x="5224110" y="3798870"/>
            <a:ext cx="375424" cy="502766"/>
          </a:xfrm>
          <a:prstGeom prst="rect">
            <a:avLst/>
          </a:prstGeom>
          <a:noFill/>
        </p:spPr>
        <p:txBody>
          <a:bodyPr wrap="none" rtlCol="0" anchor="ctr">
            <a:spAutoFit/>
          </a:bodyPr>
          <a:lstStyle/>
          <a:p>
            <a:pPr algn="ctr"/>
            <a:r>
              <a:rPr lang="en-GB" sz="2667" dirty="0">
                <a:solidFill>
                  <a:schemeClr val="bg1"/>
                </a:solidFill>
                <a:latin typeface="Arial" panose="020B0604020202020204" pitchFamily="34" charset="0"/>
                <a:cs typeface="Poppins" pitchFamily="2" charset="77"/>
              </a:rPr>
              <a:t>2</a:t>
            </a:r>
          </a:p>
        </p:txBody>
      </p:sp>
      <p:sp>
        <p:nvSpPr>
          <p:cNvPr id="18" name="Turton | Text box | SlideID: 1406 | ID: 10">
            <a:extLst>
              <a:ext uri="{FF2B5EF4-FFF2-40B4-BE49-F238E27FC236}">
                <a16:creationId xmlns:a16="http://schemas.microsoft.com/office/drawing/2014/main" id="{69E45CDD-6AD9-DE44-BDF6-E9EC44B9C06B}"/>
              </a:ext>
            </a:extLst>
          </p:cNvPr>
          <p:cNvSpPr txBox="1">
            <a:spLocks/>
          </p:cNvSpPr>
          <p:nvPr/>
        </p:nvSpPr>
        <p:spPr>
          <a:xfrm>
            <a:off x="2704613" y="2984032"/>
            <a:ext cx="3267176" cy="307777"/>
          </a:xfrm>
          <a:prstGeom prst="rect">
            <a:avLst/>
          </a:prstGeom>
          <a:noFill/>
        </p:spPr>
        <p:txBody>
          <a:bodyPr wrap="none" rtlCol="0" anchor="ctr" anchorCtr="0">
            <a:spAutoFit/>
          </a:bodyPr>
          <a:lstStyle/>
          <a:p>
            <a:pPr algn="ctr"/>
            <a:r>
              <a:rPr lang="en-US" sz="1400" dirty="0">
                <a:solidFill>
                  <a:schemeClr val="bg1"/>
                </a:solidFill>
                <a:latin typeface="Arial" panose="020B0604020202020204" pitchFamily="34" charset="0"/>
                <a:ea typeface="League Spartan" charset="0"/>
                <a:cs typeface="Poppins" pitchFamily="2" charset="77"/>
              </a:rPr>
              <a:t>Heston Stochastic Differential equation</a:t>
            </a:r>
          </a:p>
        </p:txBody>
      </p:sp>
      <p:sp>
        <p:nvSpPr>
          <p:cNvPr id="19" name="Turton | Text box | SlideID: 1406 | ID: 11">
            <a:extLst>
              <a:ext uri="{FF2B5EF4-FFF2-40B4-BE49-F238E27FC236}">
                <a16:creationId xmlns:a16="http://schemas.microsoft.com/office/drawing/2014/main" id="{9286C730-904E-704A-BDF0-B9DE1F18F348}"/>
              </a:ext>
            </a:extLst>
          </p:cNvPr>
          <p:cNvSpPr txBox="1">
            <a:spLocks/>
          </p:cNvSpPr>
          <p:nvPr/>
        </p:nvSpPr>
        <p:spPr>
          <a:xfrm>
            <a:off x="2695262" y="3540788"/>
            <a:ext cx="3743268" cy="307777"/>
          </a:xfrm>
          <a:prstGeom prst="rect">
            <a:avLst/>
          </a:prstGeom>
          <a:noFill/>
        </p:spPr>
        <p:txBody>
          <a:bodyPr wrap="none" rtlCol="0" anchor="ctr" anchorCtr="0">
            <a:spAutoFit/>
          </a:bodyPr>
          <a:lstStyle/>
          <a:p>
            <a:pPr algn="ctr"/>
            <a:r>
              <a:rPr lang="en-GB" sz="1400" dirty="0">
                <a:solidFill>
                  <a:schemeClr val="bg1"/>
                </a:solidFill>
                <a:latin typeface="Arial" panose="020B0604020202020204" pitchFamily="34" charset="0"/>
                <a:ea typeface="League Spartan" charset="0"/>
                <a:cs typeface="Poppins" pitchFamily="2" charset="77"/>
              </a:rPr>
              <a:t>Merton Jump Stochastic Differential equation</a:t>
            </a:r>
            <a:endParaRPr lang="en-US" sz="1400" dirty="0">
              <a:solidFill>
                <a:schemeClr val="bg1"/>
              </a:solidFill>
              <a:latin typeface="Arial" panose="020B0604020202020204" pitchFamily="34" charset="0"/>
              <a:ea typeface="League Spartan" charset="0"/>
              <a:cs typeface="Poppins" pitchFamily="2" charset="77"/>
            </a:endParaRPr>
          </a:p>
        </p:txBody>
      </p:sp>
      <p:sp>
        <p:nvSpPr>
          <p:cNvPr id="20" name="Turton | Placeholder | SlideID: 1406 | ID: 14">
            <a:extLst>
              <a:ext uri="{FF2B5EF4-FFF2-40B4-BE49-F238E27FC236}">
                <a16:creationId xmlns:a16="http://schemas.microsoft.com/office/drawing/2014/main" id="{8AB5B830-80AB-4190-9428-75BB18F5D6DA}"/>
              </a:ext>
            </a:extLst>
          </p:cNvPr>
          <p:cNvSpPr>
            <a:spLocks noGrp="1"/>
          </p:cNvSpPr>
          <p:nvPr>
            <p:ph type="title"/>
          </p:nvPr>
        </p:nvSpPr>
        <p:spPr/>
        <p:txBody>
          <a:bodyPr>
            <a:normAutofit/>
          </a:bodyPr>
          <a:lstStyle/>
          <a:p>
            <a:r>
              <a:rPr lang="en-GB" sz="3600" dirty="0"/>
              <a:t>SVJD</a:t>
            </a:r>
          </a:p>
        </p:txBody>
      </p:sp>
      <p:sp>
        <p:nvSpPr>
          <p:cNvPr id="8" name="TextBox 7">
            <a:extLst>
              <a:ext uri="{FF2B5EF4-FFF2-40B4-BE49-F238E27FC236}">
                <a16:creationId xmlns:a16="http://schemas.microsoft.com/office/drawing/2014/main" id="{E302C78A-4350-CAD2-38C4-DE9AEA8EF6E4}"/>
              </a:ext>
            </a:extLst>
          </p:cNvPr>
          <p:cNvSpPr txBox="1"/>
          <p:nvPr/>
        </p:nvSpPr>
        <p:spPr>
          <a:xfrm>
            <a:off x="7123987" y="3198220"/>
            <a:ext cx="4980927" cy="707886"/>
          </a:xfrm>
          <a:prstGeom prst="rect">
            <a:avLst/>
          </a:prstGeom>
          <a:noFill/>
        </p:spPr>
        <p:txBody>
          <a:bodyPr wrap="square" rtlCol="0">
            <a:spAutoFit/>
          </a:bodyPr>
          <a:lstStyle/>
          <a:p>
            <a:r>
              <a:rPr lang="en-GB" sz="2000" dirty="0"/>
              <a:t>Stochastic Volatility Jump Diffusion Model (SVJD)</a:t>
            </a:r>
          </a:p>
        </p:txBody>
      </p:sp>
    </p:spTree>
    <p:custDataLst>
      <p:tags r:id="rId1"/>
    </p:custDataLst>
    <p:extLst>
      <p:ext uri="{BB962C8B-B14F-4D97-AF65-F5344CB8AC3E}">
        <p14:creationId xmlns:p14="http://schemas.microsoft.com/office/powerpoint/2010/main" val="4122424683"/>
      </p:ext>
    </p:extLst>
  </p:cSld>
  <p:clrMapOvr>
    <a:masterClrMapping/>
  </p:clrMapOvr>
  <p:transition spd="med"/>
  <p:timing>
    <p:tnLst>
      <p:par>
        <p:cTn id="1" dur="indefinite" restart="never" nodeType="tmRoot">
          <p:childTnLst>
            <p:seq concurrent="1" nextAc="seek">
              <p:cTn id="2" dur="0" nodeType="mainSeq"/>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2">
            <a:extLst>
              <a:ext uri="{FF2B5EF4-FFF2-40B4-BE49-F238E27FC236}">
                <a16:creationId xmlns:a16="http://schemas.microsoft.com/office/drawing/2014/main" id="{0DB7486F-5FAC-CDDE-DC75-92128BA1ECEA}"/>
              </a:ext>
            </a:extLst>
          </p:cNvPr>
          <p:cNvSpPr>
            <a:spLocks noGrp="1"/>
          </p:cNvSpPr>
          <p:nvPr>
            <p:ph type="body" sz="quarter" idx="12"/>
          </p:nvPr>
        </p:nvSpPr>
        <p:spPr>
          <a:xfrm>
            <a:off x="3293855" y="5725089"/>
            <a:ext cx="5604288" cy="368827"/>
          </a:xfrm>
        </p:spPr>
        <p:txBody>
          <a:bodyPr>
            <a:normAutofit fontScale="85000" lnSpcReduction="10000"/>
          </a:bodyPr>
          <a:lstStyle/>
          <a:p>
            <a:r>
              <a:rPr lang="en-GB" dirty="0"/>
              <a:t>Plots are generated by using the data from </a:t>
            </a:r>
            <a:r>
              <a:rPr lang="en-GB" dirty="0">
                <a:hlinkClick r:id="rId3"/>
              </a:rPr>
              <a:t>Yahoo Finance</a:t>
            </a:r>
            <a:endParaRPr lang="en-GB" dirty="0"/>
          </a:p>
        </p:txBody>
      </p:sp>
      <p:sp>
        <p:nvSpPr>
          <p:cNvPr id="6" name="Text Placeholder 3">
            <a:extLst>
              <a:ext uri="{FF2B5EF4-FFF2-40B4-BE49-F238E27FC236}">
                <a16:creationId xmlns:a16="http://schemas.microsoft.com/office/drawing/2014/main" id="{22E5F66B-5E8A-F6CB-0AE2-5F3EAAEABD6E}"/>
              </a:ext>
            </a:extLst>
          </p:cNvPr>
          <p:cNvSpPr>
            <a:spLocks noGrp="1"/>
          </p:cNvSpPr>
          <p:nvPr>
            <p:ph type="body" sz="quarter" idx="13"/>
          </p:nvPr>
        </p:nvSpPr>
        <p:spPr>
          <a:xfrm>
            <a:off x="484550" y="4885304"/>
            <a:ext cx="11254155" cy="776287"/>
          </a:xfrm>
        </p:spPr>
        <p:txBody>
          <a:bodyPr>
            <a:normAutofit fontScale="92500" lnSpcReduction="20000"/>
          </a:bodyPr>
          <a:lstStyle/>
          <a:p>
            <a:r>
              <a:rPr lang="en-GB" dirty="0">
                <a:solidFill>
                  <a:schemeClr val="tx1"/>
                </a:solidFill>
              </a:rPr>
              <a:t>The Log Return of Apple and Tesla Stocks from Jan 2020 to July 2022</a:t>
            </a:r>
          </a:p>
        </p:txBody>
      </p:sp>
      <p:grpSp>
        <p:nvGrpSpPr>
          <p:cNvPr id="10" name="Group_45203.7328240741053342">
            <a:extLst>
              <a:ext uri="{FF2B5EF4-FFF2-40B4-BE49-F238E27FC236}">
                <a16:creationId xmlns:a16="http://schemas.microsoft.com/office/drawing/2014/main" id="{6D4B78DF-86D0-8517-8604-0ECE8F4493B8}"/>
              </a:ext>
            </a:extLst>
          </p:cNvPr>
          <p:cNvGrpSpPr/>
          <p:nvPr/>
        </p:nvGrpSpPr>
        <p:grpSpPr>
          <a:xfrm>
            <a:off x="2470706" y="778486"/>
            <a:ext cx="7250586" cy="3684155"/>
            <a:chOff x="2470706" y="778486"/>
            <a:chExt cx="7250586" cy="3684155"/>
          </a:xfrm>
        </p:grpSpPr>
        <p:grpSp>
          <p:nvGrpSpPr>
            <p:cNvPr id="3" name="Group 2">
              <a:extLst>
                <a:ext uri="{FF2B5EF4-FFF2-40B4-BE49-F238E27FC236}">
                  <a16:creationId xmlns:a16="http://schemas.microsoft.com/office/drawing/2014/main" id="{C2083910-4254-2487-E1C9-16A0BE6B5CDA}"/>
                </a:ext>
              </a:extLst>
            </p:cNvPr>
            <p:cNvGrpSpPr/>
            <p:nvPr/>
          </p:nvGrpSpPr>
          <p:grpSpPr>
            <a:xfrm>
              <a:off x="2470706" y="1275660"/>
              <a:ext cx="7250586" cy="3186981"/>
              <a:chOff x="2470706" y="1275660"/>
              <a:chExt cx="7250586" cy="3186981"/>
            </a:xfrm>
          </p:grpSpPr>
          <p:pic>
            <p:nvPicPr>
              <p:cNvPr id="7" name="Picture 6">
                <a:extLst>
                  <a:ext uri="{FF2B5EF4-FFF2-40B4-BE49-F238E27FC236}">
                    <a16:creationId xmlns:a16="http://schemas.microsoft.com/office/drawing/2014/main" id="{D0B48322-1AB9-476C-38DB-CA751E3E99A8}"/>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2470706" y="1275660"/>
                <a:ext cx="7250586" cy="3186981"/>
              </a:xfrm>
              <a:prstGeom prst="rect">
                <a:avLst/>
              </a:prstGeom>
            </p:spPr>
          </p:pic>
          <p:sp>
            <p:nvSpPr>
              <p:cNvPr id="2" name="Oval 1">
                <a:extLst>
                  <a:ext uri="{FF2B5EF4-FFF2-40B4-BE49-F238E27FC236}">
                    <a16:creationId xmlns:a16="http://schemas.microsoft.com/office/drawing/2014/main" id="{5F3782FF-83D5-0666-90B5-4A23BA34733F}"/>
                  </a:ext>
                </a:extLst>
              </p:cNvPr>
              <p:cNvSpPr/>
              <p:nvPr/>
            </p:nvSpPr>
            <p:spPr>
              <a:xfrm>
                <a:off x="3789802" y="1531345"/>
                <a:ext cx="1630497" cy="980501"/>
              </a:xfrm>
              <a:prstGeom prst="ellipse">
                <a:avLst/>
              </a:prstGeom>
              <a:solidFill>
                <a:srgbClr val="FF0000">
                  <a:alpha val="5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TextBox 3">
              <a:extLst>
                <a:ext uri="{FF2B5EF4-FFF2-40B4-BE49-F238E27FC236}">
                  <a16:creationId xmlns:a16="http://schemas.microsoft.com/office/drawing/2014/main" id="{EBED3DB5-E7EC-2CB8-346F-CB683E64C9A9}"/>
                </a:ext>
              </a:extLst>
            </p:cNvPr>
            <p:cNvSpPr txBox="1"/>
            <p:nvPr/>
          </p:nvSpPr>
          <p:spPr>
            <a:xfrm>
              <a:off x="4678256" y="778486"/>
              <a:ext cx="1249060" cy="369332"/>
            </a:xfrm>
            <a:prstGeom prst="rect">
              <a:avLst/>
            </a:prstGeom>
            <a:noFill/>
          </p:spPr>
          <p:txBody>
            <a:bodyPr wrap="none" rtlCol="0">
              <a:spAutoFit/>
            </a:bodyPr>
            <a:lstStyle/>
            <a:p>
              <a:r>
                <a:rPr lang="en-GB" dirty="0"/>
                <a:t>High Peak</a:t>
              </a:r>
            </a:p>
          </p:txBody>
        </p:sp>
        <p:cxnSp>
          <p:nvCxnSpPr>
            <p:cNvPr id="9" name="Straight Arrow Connector 8">
              <a:extLst>
                <a:ext uri="{FF2B5EF4-FFF2-40B4-BE49-F238E27FC236}">
                  <a16:creationId xmlns:a16="http://schemas.microsoft.com/office/drawing/2014/main" id="{9F9C9A4E-A4CB-4534-ED83-A86206A541E9}"/>
                </a:ext>
              </a:extLst>
            </p:cNvPr>
            <p:cNvCxnSpPr>
              <a:stCxn id="4" idx="2"/>
            </p:cNvCxnSpPr>
            <p:nvPr/>
          </p:nvCxnSpPr>
          <p:spPr>
            <a:xfrm flipH="1">
              <a:off x="5034708" y="1147818"/>
              <a:ext cx="268078" cy="46064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64823043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10.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11.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12.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13.xml><?xml version="1.0" encoding="utf-8"?>
<p:tagLst xmlns:a="http://schemas.openxmlformats.org/drawingml/2006/main" xmlns:r="http://schemas.openxmlformats.org/officeDocument/2006/relationships" xmlns:p="http://schemas.openxmlformats.org/presentationml/2006/main">
  <p:tag name="MASTERLEFTMARGIN" val="42.5196"/>
  <p:tag name="MASTERRIGHTMARGIN" val="799.37"/>
  <p:tag name="MASTERTOPMARGIN" val="121.8897"/>
  <p:tag name="MASTERBOTTOMMARGIN" val="544.2519"/>
  <p:tag name="MS_PLACEHOLDERID" val="PlaceholderID43970.8233564815024393"/>
  <p:tag name="GUIDESAPPLIEDTO" val="2"/>
  <p:tag name="GUIDECOLS" val="1"/>
  <p:tag name="GUIDEROWS" val="1"/>
  <p:tag name="GUTTERCOL" val="0.6 cm"/>
  <p:tag name="GUTTERROW" val="0.6 cm"/>
</p:tagLst>
</file>

<file path=ppt/tags/tag14.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15.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16.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17.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18.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19.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2.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20.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21.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22.xml><?xml version="1.0" encoding="utf-8"?>
<p:tagLst xmlns:a="http://schemas.openxmlformats.org/drawingml/2006/main" xmlns:r="http://schemas.openxmlformats.org/officeDocument/2006/relationships" xmlns:p="http://schemas.openxmlformats.org/presentationml/2006/main">
  <p:tag name="MASTERLEFTMARGIN" val="42.5196"/>
  <p:tag name="MASTERRIGHTMARGIN" val="799.37"/>
  <p:tag name="MASTERTOPMARGIN" val="121.8897"/>
  <p:tag name="MASTERBOTTOMMARGIN" val="544.2519"/>
  <p:tag name="MS_PLACEHOLDERID" val="PlaceholderID43970.8233564815024393"/>
  <p:tag name="GUIDESAPPLIEDTO" val="2"/>
  <p:tag name="GUIDECOLS" val="1"/>
  <p:tag name="GUIDEROWS" val="1"/>
  <p:tag name="GUTTERCOL" val="0.6 cm"/>
  <p:tag name="GUTTERROW" val="0.6 cm"/>
</p:tagLst>
</file>

<file path=ppt/tags/tag23.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24.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25.xml><?xml version="1.0" encoding="utf-8"?>
<p:tagLst xmlns:a="http://schemas.openxmlformats.org/drawingml/2006/main" xmlns:r="http://schemas.openxmlformats.org/officeDocument/2006/relationships" xmlns:p="http://schemas.openxmlformats.org/presentationml/2006/main">
  <p:tag name="MASTERLEFTMARGIN" val="42.5196"/>
  <p:tag name="MASTERRIGHTMARGIN" val="799.37"/>
  <p:tag name="MASTERTOPMARGIN" val="121.8897"/>
  <p:tag name="MASTERBOTTOMMARGIN" val="544.2519"/>
  <p:tag name="MS_PLACEHOLDERID" val="PlaceholderID43970.8233564815024393"/>
  <p:tag name="GUIDESAPPLIEDTO" val="2"/>
  <p:tag name="GUIDECOLS" val="1"/>
  <p:tag name="GUIDEROWS" val="1"/>
  <p:tag name="GUTTERCOL" val="0.6 cm"/>
  <p:tag name="GUTTERROW" val="0.6 cm"/>
</p:tagLst>
</file>

<file path=ppt/tags/tag26.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27.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28.xml><?xml version="1.0" encoding="utf-8"?>
<p:tagLst xmlns:a="http://schemas.openxmlformats.org/drawingml/2006/main" xmlns:r="http://schemas.openxmlformats.org/officeDocument/2006/relationships" xmlns:p="http://schemas.openxmlformats.org/presentationml/2006/main">
  <p:tag name="MASTERLEFTMARGIN" val="42.5196"/>
  <p:tag name="MASTERRIGHTMARGIN" val="799.37"/>
  <p:tag name="MASTERTOPMARGIN" val="121.8897"/>
  <p:tag name="MASTERBOTTOMMARGIN" val="544.2519"/>
  <p:tag name="MS_PLACEHOLDERID" val="PlaceholderID43970.8233564815024393"/>
  <p:tag name="GUIDESAPPLIEDTO" val="2"/>
  <p:tag name="GUIDECOLS" val="1"/>
  <p:tag name="GUIDEROWS" val="1"/>
  <p:tag name="GUTTERCOL" val="0.6 cm"/>
  <p:tag name="GUTTERROW" val="0.6 cm"/>
</p:tagLst>
</file>

<file path=ppt/tags/tag29.xml><?xml version="1.0" encoding="utf-8"?>
<p:tagLst xmlns:a="http://schemas.openxmlformats.org/drawingml/2006/main" xmlns:r="http://schemas.openxmlformats.org/officeDocument/2006/relationships" xmlns:p="http://schemas.openxmlformats.org/presentationml/2006/main">
  <p:tag name="SLIDEUNIQUEID" val="Slide44021.8674074074024314"/>
  <p:tag name="TEMPLAFYSLIDEID" val="637823680038840544"/>
</p:tagLst>
</file>

<file path=ppt/tags/tag3.xml><?xml version="1.0" encoding="utf-8"?>
<p:tagLst xmlns:a="http://schemas.openxmlformats.org/drawingml/2006/main" xmlns:r="http://schemas.openxmlformats.org/officeDocument/2006/relationships" xmlns:p="http://schemas.openxmlformats.org/presentationml/2006/main">
  <p:tag name="MS_PLACEHOLDERID" val="PlaceholderID43970.8234143518001570"/>
  <p:tag name="GUIDECOLS" val="2"/>
  <p:tag name="GUIDEROWS" val="3"/>
  <p:tag name="GUTTERCOL" val="0.6 cm"/>
  <p:tag name="GUTTERROW" val="0.6 cm"/>
  <p:tag name="GUIDESAPPLIEDTO" val="2"/>
  <p:tag name="MASTERLEFTMARGIN" val="42.5198"/>
  <p:tag name="MASTERRIGHTMARGIN" val="42.5198"/>
  <p:tag name="MASTERTOPMARGIN" val="85.0394"/>
  <p:tag name="MASTERBOTTOMMARGIN" val="50.6693"/>
</p:tagLst>
</file>

<file path=ppt/tags/tag30.xml><?xml version="1.0" encoding="utf-8"?>
<p:tagLst xmlns:a="http://schemas.openxmlformats.org/drawingml/2006/main" xmlns:r="http://schemas.openxmlformats.org/officeDocument/2006/relationships" xmlns:p="http://schemas.openxmlformats.org/presentationml/2006/main">
  <p:tag name="SLIDEUNIQUEID" val="Slide44021.8674421296070083"/>
  <p:tag name="TEMPLAFYSLIDEID" val="637818969132448779"/>
</p:tagLst>
</file>

<file path=ppt/tags/tag31.xml><?xml version="1.0" encoding="utf-8"?>
<p:tagLst xmlns:a="http://schemas.openxmlformats.org/drawingml/2006/main" xmlns:r="http://schemas.openxmlformats.org/officeDocument/2006/relationships" xmlns:p="http://schemas.openxmlformats.org/presentationml/2006/main">
  <p:tag name="SLIDEUNIQUEID" val="Slide44021.8674421296070083"/>
  <p:tag name="TEMPLAFYSLIDEID" val="637818969132448779"/>
</p:tagLst>
</file>

<file path=ppt/tags/tag32.xml><?xml version="1.0" encoding="utf-8"?>
<p:tagLst xmlns:a="http://schemas.openxmlformats.org/drawingml/2006/main" xmlns:r="http://schemas.openxmlformats.org/officeDocument/2006/relationships" xmlns:p="http://schemas.openxmlformats.org/presentationml/2006/main">
  <p:tag name="SLIDEUNIQUEID" val="Slide44021.8676157407069839"/>
</p:tagLst>
</file>

<file path=ppt/tags/tag33.xml><?xml version="1.0" encoding="utf-8"?>
<p:tagLst xmlns:a="http://schemas.openxmlformats.org/drawingml/2006/main" xmlns:r="http://schemas.openxmlformats.org/officeDocument/2006/relationships" xmlns:p="http://schemas.openxmlformats.org/presentationml/2006/main">
  <p:tag name="CONTAINEDIMAGEPATH" val="C:\Users\ah90385\AppData\Local\Temp\Templafy\PowerPointVsto\Assets\Process 8 create idea think Teal.png"/>
  <p:tag name="TEMPLAFYSLIDEID" val="637351630127134714"/>
</p:tagLst>
</file>

<file path=ppt/tags/tag34.xml><?xml version="1.0" encoding="utf-8"?>
<p:tagLst xmlns:a="http://schemas.openxmlformats.org/drawingml/2006/main" xmlns:r="http://schemas.openxmlformats.org/officeDocument/2006/relationships" xmlns:p="http://schemas.openxmlformats.org/presentationml/2006/main">
  <p:tag name="SLIDEUNIQUEID" val="Slide44021.8674421296070083"/>
  <p:tag name="TEMPLAFYSLIDEID" val="637818969132448779"/>
</p:tagLst>
</file>

<file path=ppt/tags/tag35.xml><?xml version="1.0" encoding="utf-8"?>
<p:tagLst xmlns:a="http://schemas.openxmlformats.org/drawingml/2006/main" xmlns:r="http://schemas.openxmlformats.org/officeDocument/2006/relationships" xmlns:p="http://schemas.openxmlformats.org/presentationml/2006/main">
  <p:tag name="SLIDEUNIQUEID" val="Slide44021.867650463094307"/>
  <p:tag name="TEMPLAFYSLIDEID" val="637818943690753924"/>
</p:tagLst>
</file>

<file path=ppt/tags/tag36.xml><?xml version="1.0" encoding="utf-8"?>
<p:tagLst xmlns:a="http://schemas.openxmlformats.org/drawingml/2006/main" xmlns:r="http://schemas.openxmlformats.org/officeDocument/2006/relationships" xmlns:p="http://schemas.openxmlformats.org/presentationml/2006/main">
  <p:tag name="CONTAINEDIMAGEPATH" val="C:\Users\ah90385\AppData\Local\Temp\Templafy\PowerPointVsto\Assets\interface 8 cursor point Teal.png"/>
  <p:tag name="TEMPLAFYSLIDEID" val="637351630127134715"/>
</p:tagLst>
</file>

<file path=ppt/tags/tag37.xml><?xml version="1.0" encoding="utf-8"?>
<p:tagLst xmlns:a="http://schemas.openxmlformats.org/drawingml/2006/main" xmlns:r="http://schemas.openxmlformats.org/officeDocument/2006/relationships" xmlns:p="http://schemas.openxmlformats.org/presentationml/2006/main">
  <p:tag name="CONTAINEDIMAGEPATH" val="C:\Users\ah90385\AppData\Local\Temp\Templafy\PowerPointVsto\Assets\Analytics 20 find search analyse Teal.png"/>
  <p:tag name="TEMPLAFYSLIDEID" val="637351630126980920"/>
</p:tagLst>
</file>

<file path=ppt/tags/tag38.xml><?xml version="1.0" encoding="utf-8"?>
<p:tagLst xmlns:a="http://schemas.openxmlformats.org/drawingml/2006/main" xmlns:r="http://schemas.openxmlformats.org/officeDocument/2006/relationships" xmlns:p="http://schemas.openxmlformats.org/presentationml/2006/main">
  <p:tag name="SLIDEUNIQUEID" val="Slide44021.8674421296070083"/>
  <p:tag name="TEMPLAFYSLIDEID" val="637818969132448779"/>
</p:tagLst>
</file>

<file path=ppt/tags/tag39.xml><?xml version="1.0" encoding="utf-8"?>
<p:tagLst xmlns:a="http://schemas.openxmlformats.org/drawingml/2006/main" xmlns:r="http://schemas.openxmlformats.org/officeDocument/2006/relationships" xmlns:p="http://schemas.openxmlformats.org/presentationml/2006/main">
  <p:tag name="SLIDEUNIQUEID" val="Slide44021.8676851852055700"/>
  <p:tag name="TEMPLAFYSLIDEID" val="637823688239322398"/>
</p:tagLst>
</file>

<file path=ppt/tags/tag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970.8220138889098000"/>
</p:tagLst>
</file>

<file path=ppt/tags/tag40.xml><?xml version="1.0" encoding="utf-8"?>
<p:tagLst xmlns:a="http://schemas.openxmlformats.org/drawingml/2006/main" xmlns:r="http://schemas.openxmlformats.org/officeDocument/2006/relationships" xmlns:p="http://schemas.openxmlformats.org/presentationml/2006/main">
  <p:tag name="SLIDEUNIQUEID" val="Slide44021.867650463094307"/>
  <p:tag name="TEMPLAFYSLIDEID" val="637818943690753924"/>
</p:tagLst>
</file>

<file path=ppt/tags/tag41.xml><?xml version="1.0" encoding="utf-8"?>
<p:tagLst xmlns:a="http://schemas.openxmlformats.org/drawingml/2006/main" xmlns:r="http://schemas.openxmlformats.org/officeDocument/2006/relationships" xmlns:p="http://schemas.openxmlformats.org/presentationml/2006/main">
  <p:tag name="SLIDEUNIQUEID" val="Slide44021.867650463094307"/>
  <p:tag name="TEMPLAFYSLIDEID" val="637818943690753924"/>
</p:tagLst>
</file>

<file path=ppt/tags/tag42.xml><?xml version="1.0" encoding="utf-8"?>
<p:tagLst xmlns:a="http://schemas.openxmlformats.org/drawingml/2006/main" xmlns:r="http://schemas.openxmlformats.org/officeDocument/2006/relationships" xmlns:p="http://schemas.openxmlformats.org/presentationml/2006/main">
  <p:tag name="SLIDEUNIQUEID" val="Slide44021.8676851852055700"/>
  <p:tag name="TEMPLAFYSLIDEID" val="637823688239322398"/>
</p:tagLst>
</file>

<file path=ppt/tags/tag43.xml><?xml version="1.0" encoding="utf-8"?>
<p:tagLst xmlns:a="http://schemas.openxmlformats.org/drawingml/2006/main" xmlns:r="http://schemas.openxmlformats.org/officeDocument/2006/relationships" xmlns:p="http://schemas.openxmlformats.org/presentationml/2006/main">
  <p:tag name="SLIDEUNIQUEID" val="Slide44021.867650463094307"/>
  <p:tag name="TEMPLAFYSLIDEID" val="637818943690753924"/>
</p:tagLst>
</file>

<file path=ppt/tags/tag44.xml><?xml version="1.0" encoding="utf-8"?>
<p:tagLst xmlns:a="http://schemas.openxmlformats.org/drawingml/2006/main" xmlns:r="http://schemas.openxmlformats.org/officeDocument/2006/relationships" xmlns:p="http://schemas.openxmlformats.org/presentationml/2006/main">
  <p:tag name="SLIDEUNIQUEID" val="Slide44021.8676851852055700"/>
  <p:tag name="TEMPLAFYSLIDEID" val="637823688239322398"/>
</p:tagLst>
</file>

<file path=ppt/tags/tag45.xml><?xml version="1.0" encoding="utf-8"?>
<p:tagLst xmlns:a="http://schemas.openxmlformats.org/drawingml/2006/main" xmlns:r="http://schemas.openxmlformats.org/officeDocument/2006/relationships" xmlns:p="http://schemas.openxmlformats.org/presentationml/2006/main">
  <p:tag name="SLIDEUNIQUEID" val="Slide44021.867650463094307"/>
  <p:tag name="TEMPLAFYSLIDEID" val="637818943690753924"/>
</p:tagLst>
</file>

<file path=ppt/tags/tag46.xml><?xml version="1.0" encoding="utf-8"?>
<p:tagLst xmlns:a="http://schemas.openxmlformats.org/drawingml/2006/main" xmlns:r="http://schemas.openxmlformats.org/officeDocument/2006/relationships" xmlns:p="http://schemas.openxmlformats.org/presentationml/2006/main">
  <p:tag name="SLIDEUNIQUEID" val="Slide44021.867650463094307"/>
  <p:tag name="TEMPLAFYSLIDEID" val="637818943690753924"/>
</p:tagLst>
</file>

<file path=ppt/tags/tag47.xml><?xml version="1.0" encoding="utf-8"?>
<p:tagLst xmlns:a="http://schemas.openxmlformats.org/drawingml/2006/main" xmlns:r="http://schemas.openxmlformats.org/officeDocument/2006/relationships" xmlns:p="http://schemas.openxmlformats.org/presentationml/2006/main">
  <p:tag name="SLIDEUNIQUEID" val="Slide44021.867650463094307"/>
  <p:tag name="TEMPLAFYSLIDEID" val="637818943690753924"/>
</p:tagLst>
</file>

<file path=ppt/tags/tag48.xml><?xml version="1.0" encoding="utf-8"?>
<p:tagLst xmlns:a="http://schemas.openxmlformats.org/drawingml/2006/main" xmlns:r="http://schemas.openxmlformats.org/officeDocument/2006/relationships" xmlns:p="http://schemas.openxmlformats.org/presentationml/2006/main">
  <p:tag name="SLIDEUNIQUEID" val="Slide44021.867650463094307"/>
  <p:tag name="TEMPLAFYSLIDEID" val="637818943690753924"/>
</p:tagLst>
</file>

<file path=ppt/tags/tag49.xml><?xml version="1.0" encoding="utf-8"?>
<p:tagLst xmlns:a="http://schemas.openxmlformats.org/drawingml/2006/main" xmlns:r="http://schemas.openxmlformats.org/officeDocument/2006/relationships" xmlns:p="http://schemas.openxmlformats.org/presentationml/2006/main">
  <p:tag name="SLIDEUNIQUEID" val="Slide44021.8676851852055700"/>
  <p:tag name="TEMPLAFYSLIDEID" val="637823688239322398"/>
</p:tagLst>
</file>

<file path=ppt/tags/tag5.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6.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7.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8.xml><?xml version="1.0" encoding="utf-8"?>
<p:tagLst xmlns:a="http://schemas.openxmlformats.org/drawingml/2006/main" xmlns:r="http://schemas.openxmlformats.org/officeDocument/2006/relationships" xmlns:p="http://schemas.openxmlformats.org/presentationml/2006/main">
  <p:tag name="STYLEXMLFILE" val="No Styles"/>
</p:tagLst>
</file>

<file path=ppt/tags/tag9.xml><?xml version="1.0" encoding="utf-8"?>
<p:tagLst xmlns:a="http://schemas.openxmlformats.org/drawingml/2006/main" xmlns:r="http://schemas.openxmlformats.org/officeDocument/2006/relationships" xmlns:p="http://schemas.openxmlformats.org/presentationml/2006/main">
  <p:tag name="STYLEXMLFILE" val="No Styles"/>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281</TotalTime>
  <Words>3336</Words>
  <Application>Microsoft Office PowerPoint</Application>
  <PresentationFormat>Widescreen</PresentationFormat>
  <Paragraphs>361</Paragraphs>
  <Slides>42</Slides>
  <Notes>22</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42</vt:i4>
      </vt:variant>
    </vt:vector>
  </HeadingPairs>
  <TitlesOfParts>
    <vt:vector size="50" baseType="lpstr">
      <vt:lpstr>Arial Regular</vt:lpstr>
      <vt:lpstr>SourceSansPro</vt:lpstr>
      <vt:lpstr>Arial</vt:lpstr>
      <vt:lpstr>Calibri</vt:lpstr>
      <vt:lpstr>Cambria Math</vt:lpstr>
      <vt:lpstr>Courier New</vt:lpstr>
      <vt:lpstr>Lato</vt:lpstr>
      <vt:lpstr>Office Theme</vt:lpstr>
      <vt:lpstr>PowerPoint Presentation</vt:lpstr>
      <vt:lpstr>Content</vt:lpstr>
      <vt:lpstr>PowerPoint Presentation</vt:lpstr>
      <vt:lpstr>PowerPoint Presentation</vt:lpstr>
      <vt:lpstr>PowerPoint Presentation</vt:lpstr>
      <vt:lpstr>PowerPoint Presentation</vt:lpstr>
      <vt:lpstr>PowerPoint Presentation</vt:lpstr>
      <vt:lpstr>SVJD</vt:lpstr>
      <vt:lpstr>PowerPoint Presentation</vt:lpstr>
      <vt:lpstr>Heston Stochastic Differential equation</vt:lpstr>
      <vt:lpstr>PowerPoint Presentation</vt:lpstr>
      <vt:lpstr>Merton Jump Stochastic Differential equations</vt:lpstr>
      <vt:lpstr>Stochastic Volatility Jump Diffusion Model </vt:lpstr>
      <vt:lpstr>PowerPoint Presentation</vt:lpstr>
      <vt:lpstr>Calibration Process</vt:lpstr>
      <vt:lpstr>PowerPoint Presentation</vt:lpstr>
      <vt:lpstr>PowerPoint Presentation</vt:lpstr>
      <vt:lpstr>PowerPoint Presentation</vt:lpstr>
      <vt:lpstr>PowerPoint Presentation</vt:lpstr>
      <vt:lpstr>Data Analysing</vt:lpstr>
      <vt:lpstr>1. Data Structure</vt:lpstr>
      <vt:lpstr>PowerPoint Presentation</vt:lpstr>
      <vt:lpstr>1. Data Structure</vt:lpstr>
      <vt:lpstr>Data Analysing</vt:lpstr>
      <vt:lpstr>2. Implied Volatility Check</vt:lpstr>
      <vt:lpstr>PowerPoint Presentation</vt:lpstr>
      <vt:lpstr>Data Analysing</vt:lpstr>
      <vt:lpstr>3. Parameter redundancy Part I</vt:lpstr>
      <vt:lpstr>3. Parameter redundancy Part I</vt:lpstr>
      <vt:lpstr>PowerPoint Presentation</vt:lpstr>
      <vt:lpstr>PowerPoint Presentation</vt:lpstr>
      <vt:lpstr>PowerPoint Presentation</vt:lpstr>
      <vt:lpstr>Data Analysing</vt:lpstr>
      <vt:lpstr>PowerPoint Presentation</vt:lpstr>
      <vt:lpstr>PowerPoint Presentation</vt:lpstr>
      <vt:lpstr>PowerPoint Presentation</vt:lpstr>
      <vt:lpstr>PowerPoint Presentation</vt:lpstr>
      <vt:lpstr>PowerPoint Presentation</vt:lpstr>
      <vt:lpstr>Merton Jump Stochastic Differential equations</vt:lpstr>
      <vt:lpstr>Conclusion:</vt:lpstr>
      <vt:lpstr>PowerPoint Presentation</vt:lpstr>
      <vt:lpstr>PowerPoint Presentation</vt:lpstr>
    </vt:vector>
  </TitlesOfParts>
  <Company>A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Roger Cai</dc:creator>
  <cp:lastModifiedBy>Roger Cai</cp:lastModifiedBy>
  <cp:revision>1</cp:revision>
  <dcterms:created xsi:type="dcterms:W3CDTF">2023-09-13T11:10:02Z</dcterms:created>
  <dcterms:modified xsi:type="dcterms:W3CDTF">2023-10-05T17:27: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itusGUID">
    <vt:lpwstr>0ca9fcb0-401c-417a-9cb4-0df3d449b9bd</vt:lpwstr>
  </property>
  <property fmtid="{D5CDD505-2E9C-101B-9397-08002B2CF9AE}" pid="3" name="AonClassification">
    <vt:lpwstr>ADC_class_200</vt:lpwstr>
  </property>
</Properties>
</file>